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C:\Users\s007558\Desktop\市民税研修資料等\市申告書　原本\"/>
    </mc:Choice>
  </mc:AlternateContent>
  <bookViews>
    <workbookView xWindow="930" yWindow="0" windowWidth="19560" windowHeight="7740" firstSheet="3" activeTab="4"/>
  </bookViews>
  <sheets>
    <sheet name="第５号の４表（２４）" sheetId="26" state="hidden" r:id="rId1"/>
    <sheet name="第５号の４（裏）（旧）" sheetId="28" state="hidden" r:id="rId2"/>
    <sheet name="第５号の４（裏）（新）" sheetId="27" state="hidden" r:id="rId3"/>
    <sheet name="表" sheetId="40" r:id="rId4"/>
    <sheet name="裏" sheetId="39" r:id="rId5"/>
  </sheets>
  <definedNames>
    <definedName name="_xlnm.Print_Area" localSheetId="1">'第５号の４（裏）（旧）'!$A$1:$BT$200</definedName>
    <definedName name="_xlnm.Print_Area" localSheetId="2">'第５号の４（裏）（新）'!$A$1:$BT$200</definedName>
    <definedName name="_xlnm.Print_Area" localSheetId="0">'第５号の４表（２４）'!$AV$1:$ED$189</definedName>
    <definedName name="_xlnm.Print_Area" localSheetId="3">表!$A$1:$CH$191</definedName>
    <definedName name="_xlnm.Print_Area" localSheetId="4">裏!$A$1:$BQ$174</definedName>
  </definedNames>
  <calcPr calcId="162913"/>
</workbook>
</file>

<file path=xl/calcChain.xml><?xml version="1.0" encoding="utf-8"?>
<calcChain xmlns="http://schemas.openxmlformats.org/spreadsheetml/2006/main">
  <c r="BT84" i="40" l="1"/>
</calcChain>
</file>

<file path=xl/comments1.xml><?xml version="1.0" encoding="utf-8"?>
<comments xmlns="http://schemas.openxmlformats.org/spreadsheetml/2006/main">
  <authors>
    <author>総務省</author>
  </authors>
  <commentList>
    <comment ref="CC76" authorId="0" shapeId="0">
      <text>
        <r>
          <rPr>
            <sz val="10"/>
            <color indexed="81"/>
            <rFont val="ＭＳ Ｐゴシック"/>
            <family val="3"/>
            <charset val="128"/>
          </rPr>
          <t xml:space="preserve">給与支払報告書の書き方「旧長期損害保険料」と合わせた書き方
</t>
        </r>
      </text>
    </comment>
  </commentList>
</comments>
</file>

<file path=xl/sharedStrings.xml><?xml version="1.0" encoding="utf-8"?>
<sst xmlns="http://schemas.openxmlformats.org/spreadsheetml/2006/main" count="878" uniqueCount="553">
  <si>
    <t>住　　所</t>
    <rPh sb="0" eb="4">
      <t>ジュウショ</t>
    </rPh>
    <phoneticPr fontId="3"/>
  </si>
  <si>
    <t>氏　　名</t>
    <rPh sb="0" eb="4">
      <t>シメイ</t>
    </rPh>
    <phoneticPr fontId="3"/>
  </si>
  <si>
    <t>円</t>
    <rPh sb="0" eb="1">
      <t>エン</t>
    </rPh>
    <phoneticPr fontId="3"/>
  </si>
  <si>
    <t>表</t>
    <rPh sb="0" eb="1">
      <t>オモテ</t>
    </rPh>
    <phoneticPr fontId="3"/>
  </si>
  <si>
    <t>円</t>
  </si>
  <si>
    <t>必要経費</t>
    <rPh sb="0" eb="2">
      <t>ヒツヨウ</t>
    </rPh>
    <rPh sb="2" eb="4">
      <t>ケイヒ</t>
    </rPh>
    <phoneticPr fontId="3"/>
  </si>
  <si>
    <t>収入金額</t>
    <rPh sb="0" eb="2">
      <t>シュウニュウ</t>
    </rPh>
    <rPh sb="2" eb="4">
      <t>キンガク</t>
    </rPh>
    <phoneticPr fontId="3"/>
  </si>
  <si>
    <t>所得の生ずる場所</t>
    <rPh sb="0" eb="2">
      <t>ショトク</t>
    </rPh>
    <rPh sb="3" eb="4">
      <t>ショウ</t>
    </rPh>
    <rPh sb="6" eb="8">
      <t>バショ</t>
    </rPh>
    <phoneticPr fontId="3"/>
  </si>
  <si>
    <t>雑</t>
  </si>
  <si>
    <t>　</t>
  </si>
  <si>
    <t>所得の種類</t>
  </si>
  <si>
    <t xml:space="preserve"> </t>
  </si>
  <si>
    <t>電話番号</t>
  </si>
  <si>
    <t>フリガナ</t>
  </si>
  <si>
    <t>道府県民税</t>
  </si>
  <si>
    <t>市町村民税</t>
  </si>
  <si>
    <t>合計</t>
  </si>
  <si>
    <t>月</t>
  </si>
  <si>
    <t>年</t>
  </si>
  <si>
    <t>殿</t>
    <rPh sb="0" eb="1">
      <t>ドノ</t>
    </rPh>
    <phoneticPr fontId="3"/>
  </si>
  <si>
    <t>平</t>
    <rPh sb="0" eb="1">
      <t>ヘイ</t>
    </rPh>
    <phoneticPr fontId="3"/>
  </si>
  <si>
    <t>受付日付印</t>
    <rPh sb="0" eb="2">
      <t>ウケツケ</t>
    </rPh>
    <rPh sb="2" eb="4">
      <t>ヒヅケ</t>
    </rPh>
    <rPh sb="4" eb="5">
      <t>イン</t>
    </rPh>
    <phoneticPr fontId="3"/>
  </si>
  <si>
    <t>平成　　年度分市町村民税・道府県民税申告書受付書</t>
    <rPh sb="0" eb="2">
      <t>ヘイセイ</t>
    </rPh>
    <rPh sb="4" eb="7">
      <t>ネンドブン</t>
    </rPh>
    <rPh sb="7" eb="12">
      <t>シチョウソンミンゼイ</t>
    </rPh>
    <rPh sb="13" eb="18">
      <t>ドウフケンミンゼイ</t>
    </rPh>
    <rPh sb="18" eb="21">
      <t>シンコクショ</t>
    </rPh>
    <rPh sb="21" eb="23">
      <t>ウケツケ</t>
    </rPh>
    <rPh sb="23" eb="24">
      <t>ショ</t>
    </rPh>
    <phoneticPr fontId="3"/>
  </si>
  <si>
    <t>（切り取らないでください。）</t>
    <rPh sb="1" eb="4">
      <t>キリト</t>
    </rPh>
    <phoneticPr fontId="3"/>
  </si>
  <si>
    <t>裏面にも記載する欄がありますから注意してください。</t>
    <rPh sb="0" eb="1">
      <t>ウラ</t>
    </rPh>
    <rPh sb="1" eb="2">
      <t>メン</t>
    </rPh>
    <rPh sb="4" eb="6">
      <t>キサイ</t>
    </rPh>
    <rPh sb="8" eb="9">
      <t>ラン</t>
    </rPh>
    <rPh sb="16" eb="18">
      <t>チュウイ</t>
    </rPh>
    <phoneticPr fontId="3"/>
  </si>
  <si>
    <t>3 3 0，0 0 0</t>
    <phoneticPr fontId="3"/>
  </si>
  <si>
    <t>基礎控除</t>
    <phoneticPr fontId="3"/>
  </si>
  <si>
    <t>扶養控除</t>
    <phoneticPr fontId="3"/>
  </si>
  <si>
    <t>⑳</t>
    <phoneticPr fontId="3"/>
  </si>
  <si>
    <t>配偶者特別控除</t>
    <phoneticPr fontId="3"/>
  </si>
  <si>
    <t>⑲</t>
    <phoneticPr fontId="3"/>
  </si>
  <si>
    <t>配偶者控除</t>
    <phoneticPr fontId="3"/>
  </si>
  <si>
    <t>⑱</t>
    <phoneticPr fontId="3"/>
  </si>
  <si>
    <t>⑰～</t>
    <phoneticPr fontId="3"/>
  </si>
  <si>
    <t>額の合計</t>
    <rPh sb="0" eb="1">
      <t>ガク</t>
    </rPh>
    <phoneticPr fontId="3"/>
  </si>
  <si>
    <t>⑯</t>
    <phoneticPr fontId="3"/>
  </si>
  <si>
    <t>寡婦(寡夫)控除</t>
    <phoneticPr fontId="3"/>
  </si>
  <si>
    <t>□　別居</t>
  </si>
  <si>
    <t xml:space="preserve"> 昭・平</t>
  </si>
  <si>
    <t>　　　・　　　・　</t>
  </si>
  <si>
    <t>⑮</t>
  </si>
  <si>
    <t>地震保険料控除</t>
    <rPh sb="0" eb="2">
      <t>ジシン</t>
    </rPh>
    <phoneticPr fontId="3"/>
  </si>
  <si>
    <t xml:space="preserve"> 明・大</t>
  </si>
  <si>
    <t>□　同居</t>
  </si>
  <si>
    <t>除</t>
  </si>
  <si>
    <t>⑭</t>
  </si>
  <si>
    <t>生命保険料控除</t>
    <phoneticPr fontId="3"/>
  </si>
  <si>
    <t>共済等掛金控除</t>
    <phoneticPr fontId="3"/>
  </si>
  <si>
    <t>控</t>
  </si>
  <si>
    <t>⑬</t>
  </si>
  <si>
    <t>小規模企業</t>
    <phoneticPr fontId="3"/>
  </si>
  <si>
    <t>⑫</t>
  </si>
  <si>
    <t>社会保険料控除</t>
    <phoneticPr fontId="3"/>
  </si>
  <si>
    <t>養</t>
  </si>
  <si>
    <t>⑪</t>
  </si>
  <si>
    <t>医療費控除</t>
    <phoneticPr fontId="3"/>
  </si>
  <si>
    <t>万円</t>
  </si>
  <si>
    <t>扶</t>
  </si>
  <si>
    <t>⑩</t>
  </si>
  <si>
    <t>雑損控除</t>
    <phoneticPr fontId="3"/>
  </si>
  <si>
    <t>４　所得から差し引かれる金額</t>
    <rPh sb="2" eb="4">
      <t>ショトク</t>
    </rPh>
    <rPh sb="6" eb="9">
      <t>サシヒ</t>
    </rPh>
    <rPh sb="12" eb="14">
      <t>キンガク</t>
    </rPh>
    <phoneticPr fontId="3"/>
  </si>
  <si>
    <t>の区分</t>
  </si>
  <si>
    <t>⑨</t>
  </si>
  <si>
    <t>合　　　計</t>
    <phoneticPr fontId="3"/>
  </si>
  <si>
    <t>控除額</t>
  </si>
  <si>
    <t>続柄</t>
  </si>
  <si>
    <t>同居・別居</t>
  </si>
  <si>
    <t>生年月日</t>
  </si>
  <si>
    <t>氏　名</t>
  </si>
  <si>
    <t>合計所得金額</t>
  </si>
  <si>
    <t>特 別 控 除</t>
    <phoneticPr fontId="3"/>
  </si>
  <si>
    <t>⑧</t>
  </si>
  <si>
    <t>総合譲渡・一時</t>
  </si>
  <si>
    <t>配　偶　者　の</t>
    <phoneticPr fontId="3"/>
  </si>
  <si>
    <t xml:space="preserve"> ・ 配 偶 者</t>
    <phoneticPr fontId="3"/>
  </si>
  <si>
    <t>．</t>
  </si>
  <si>
    <t xml:space="preserve">  昭・平</t>
    <rPh sb="4" eb="5">
      <t>ヘイ</t>
    </rPh>
    <phoneticPr fontId="3"/>
  </si>
  <si>
    <t>配偶者控除</t>
  </si>
  <si>
    <t>⑦</t>
  </si>
  <si>
    <t>配偶者の氏名</t>
    <phoneticPr fontId="3"/>
  </si>
  <si>
    <t>⑥</t>
  </si>
  <si>
    <t>給　　　与</t>
    <phoneticPr fontId="3"/>
  </si>
  <si>
    <t>障害の程度</t>
  </si>
  <si>
    <t>氏名</t>
  </si>
  <si>
    <t xml:space="preserve">  障害者控除</t>
    <rPh sb="5" eb="7">
      <t>コウジョ</t>
    </rPh>
    <phoneticPr fontId="3"/>
  </si>
  <si>
    <t>⑤</t>
  </si>
  <si>
    <t>配　　　当</t>
    <phoneticPr fontId="3"/>
  </si>
  <si>
    <r>
      <t xml:space="preserve">  </t>
    </r>
    <r>
      <rPr>
        <sz val="11"/>
        <color theme="1"/>
        <rFont val="ＭＳ Ｐゴシック"/>
        <family val="2"/>
        <charset val="128"/>
        <scheme val="minor"/>
      </rPr>
      <t>⑱</t>
    </r>
    <phoneticPr fontId="3"/>
  </si>
  <si>
    <t>④</t>
  </si>
  <si>
    <t>利　　　子</t>
    <phoneticPr fontId="3"/>
  </si>
  <si>
    <t>□ 離婚　□ 未帰還　</t>
    <phoneticPr fontId="3"/>
  </si>
  <si>
    <t xml:space="preserve">  勤労学生控除</t>
    <rPh sb="6" eb="8">
      <t>コウジョ</t>
    </rPh>
    <phoneticPr fontId="3"/>
  </si>
  <si>
    <t>（学校名）</t>
    <rPh sb="1" eb="3">
      <t>ガッコウ</t>
    </rPh>
    <rPh sb="3" eb="4">
      <t>メイ</t>
    </rPh>
    <phoneticPr fontId="3"/>
  </si>
  <si>
    <t>□ 死別　□ 生死不明</t>
    <phoneticPr fontId="3"/>
  </si>
  <si>
    <t xml:space="preserve">  寡婦（寡夫）、</t>
    <rPh sb="5" eb="7">
      <t>カオット</t>
    </rPh>
    <phoneticPr fontId="3"/>
  </si>
  <si>
    <t>③</t>
  </si>
  <si>
    <t>不動産</t>
  </si>
  <si>
    <t xml:space="preserve"> ⑰　□　勤労学生控除　</t>
    <rPh sb="5" eb="7">
      <t>キンロウ</t>
    </rPh>
    <rPh sb="7" eb="9">
      <t>ガクセイ</t>
    </rPh>
    <rPh sb="9" eb="11">
      <t>コウジョ</t>
    </rPh>
    <phoneticPr fontId="3"/>
  </si>
  <si>
    <t>⑯　□寡婦（寡夫）控除</t>
    <phoneticPr fontId="3"/>
  </si>
  <si>
    <r>
      <t>　</t>
    </r>
    <r>
      <rPr>
        <sz val="11"/>
        <color theme="1"/>
        <rFont val="ＭＳ Ｐゴシック"/>
        <family val="2"/>
        <charset val="128"/>
        <scheme val="minor"/>
      </rPr>
      <t>⑯～⑰</t>
    </r>
    <phoneticPr fontId="3"/>
  </si>
  <si>
    <t>②</t>
  </si>
  <si>
    <t>農　　業</t>
  </si>
  <si>
    <t>業</t>
  </si>
  <si>
    <t>　険料控除</t>
    <rPh sb="1" eb="2">
      <t>ケン</t>
    </rPh>
    <rPh sb="2" eb="3">
      <t>リョウ</t>
    </rPh>
    <rPh sb="3" eb="5">
      <t>コウジョ</t>
    </rPh>
    <phoneticPr fontId="3"/>
  </si>
  <si>
    <t>①</t>
  </si>
  <si>
    <t>営業等</t>
  </si>
  <si>
    <t>事</t>
  </si>
  <si>
    <t>２　所　得　金　額</t>
    <rPh sb="2" eb="5">
      <t>ショトク</t>
    </rPh>
    <rPh sb="6" eb="9">
      <t>キンガク</t>
    </rPh>
    <phoneticPr fontId="3"/>
  </si>
  <si>
    <t>旧長期損害保険料の計</t>
    <rPh sb="0" eb="1">
      <t>キュウ</t>
    </rPh>
    <rPh sb="1" eb="3">
      <t>チョウキ</t>
    </rPh>
    <rPh sb="3" eb="5">
      <t>ソンガイ</t>
    </rPh>
    <rPh sb="5" eb="8">
      <t>ホケンリョウ</t>
    </rPh>
    <phoneticPr fontId="3"/>
  </si>
  <si>
    <t>地震保険料の計</t>
    <rPh sb="0" eb="2">
      <t>ジシン</t>
    </rPh>
    <rPh sb="2" eb="4">
      <t>ホケン</t>
    </rPh>
    <rPh sb="4" eb="5">
      <t>リョウ</t>
    </rPh>
    <phoneticPr fontId="3"/>
  </si>
  <si>
    <t xml:space="preserve">  ⑮　地震保</t>
    <rPh sb="4" eb="6">
      <t>ジシン</t>
    </rPh>
    <rPh sb="6" eb="7">
      <t>タモツ</t>
    </rPh>
    <phoneticPr fontId="3"/>
  </si>
  <si>
    <t>サ</t>
    <phoneticPr fontId="3"/>
  </si>
  <si>
    <t>一時</t>
    <phoneticPr fontId="3"/>
  </si>
  <si>
    <t>渡</t>
  </si>
  <si>
    <t>個人年金保険料の計</t>
    <phoneticPr fontId="3"/>
  </si>
  <si>
    <t>一般の保険料の計</t>
    <phoneticPr fontId="3"/>
  </si>
  <si>
    <t xml:space="preserve">  ⑭ 　生命保</t>
    <rPh sb="5" eb="7">
      <t>セイメイ</t>
    </rPh>
    <rPh sb="7" eb="8">
      <t>タモツ</t>
    </rPh>
    <phoneticPr fontId="3"/>
  </si>
  <si>
    <t>コ</t>
    <phoneticPr fontId="3"/>
  </si>
  <si>
    <t>長    期</t>
    <phoneticPr fontId="3"/>
  </si>
  <si>
    <t>譲</t>
  </si>
  <si>
    <t>合</t>
  </si>
  <si>
    <t>　</t>
    <phoneticPr fontId="3"/>
  </si>
  <si>
    <t>合　　　　　　計</t>
    <phoneticPr fontId="3"/>
  </si>
  <si>
    <t>ケ</t>
    <phoneticPr fontId="3"/>
  </si>
  <si>
    <t>短    期</t>
    <phoneticPr fontId="3"/>
  </si>
  <si>
    <t>総</t>
  </si>
  <si>
    <t>ク</t>
    <phoneticPr fontId="3"/>
  </si>
  <si>
    <t>そ の 他</t>
    <phoneticPr fontId="3"/>
  </si>
  <si>
    <t>控　　　　 除</t>
    <rPh sb="0" eb="1">
      <t>ヒカエ</t>
    </rPh>
    <rPh sb="6" eb="7">
      <t>ジョ</t>
    </rPh>
    <phoneticPr fontId="3"/>
  </si>
  <si>
    <t>キ</t>
    <phoneticPr fontId="3"/>
  </si>
  <si>
    <t>公的年金等</t>
  </si>
  <si>
    <t>社会保険料</t>
    <rPh sb="4" eb="5">
      <t>リョウ</t>
    </rPh>
    <phoneticPr fontId="3"/>
  </si>
  <si>
    <t>カ</t>
    <phoneticPr fontId="3"/>
  </si>
  <si>
    <t>支 払 っ た 保 険 料</t>
    <phoneticPr fontId="3"/>
  </si>
  <si>
    <t>社 会 保 険 の 種 類</t>
    <phoneticPr fontId="3"/>
  </si>
  <si>
    <t>　⑫</t>
  </si>
  <si>
    <t>オ</t>
    <phoneticPr fontId="3"/>
  </si>
  <si>
    <t>医療費控除</t>
    <rPh sb="0" eb="3">
      <t>イリョウヒ</t>
    </rPh>
    <rPh sb="3" eb="5">
      <t>コウジョ</t>
    </rPh>
    <phoneticPr fontId="3"/>
  </si>
  <si>
    <t>エ</t>
    <phoneticPr fontId="3"/>
  </si>
  <si>
    <t>保険金などで補てんされる金額</t>
    <rPh sb="12" eb="14">
      <t>キンガク</t>
    </rPh>
    <phoneticPr fontId="3"/>
  </si>
  <si>
    <t>支 払 っ た 医 療 費</t>
    <phoneticPr fontId="3"/>
  </si>
  <si>
    <t xml:space="preserve">  ⑪</t>
    <phoneticPr fontId="3"/>
  </si>
  <si>
    <t>ウ</t>
    <phoneticPr fontId="3"/>
  </si>
  <si>
    <t>不　動　産</t>
    <phoneticPr fontId="3"/>
  </si>
  <si>
    <t>差引損失額のうち災害関連支出の金額</t>
    <phoneticPr fontId="3"/>
  </si>
  <si>
    <t>保険金などで補てんされる金額</t>
    <rPh sb="2" eb="3">
      <t>キン</t>
    </rPh>
    <phoneticPr fontId="3"/>
  </si>
  <si>
    <t>損  害  金  額</t>
    <phoneticPr fontId="3"/>
  </si>
  <si>
    <t>イ</t>
    <phoneticPr fontId="3"/>
  </si>
  <si>
    <t xml:space="preserve">雑 損 控 除 </t>
    <phoneticPr fontId="3"/>
  </si>
  <si>
    <t>・　　　・</t>
    <phoneticPr fontId="3"/>
  </si>
  <si>
    <t>ア</t>
    <phoneticPr fontId="3"/>
  </si>
  <si>
    <t>１　収　入　金　額　等</t>
    <rPh sb="2" eb="5">
      <t>シュウニュウ</t>
    </rPh>
    <rPh sb="6" eb="9">
      <t>キンガク</t>
    </rPh>
    <rPh sb="10" eb="11">
      <t>トウ</t>
    </rPh>
    <phoneticPr fontId="3"/>
  </si>
  <si>
    <t>損害を受けた資産の種類</t>
  </si>
  <si>
    <t>損害年月日</t>
  </si>
  <si>
    <t>損 害 の 原 因</t>
    <phoneticPr fontId="3"/>
  </si>
  <si>
    <t>　⑩</t>
    <phoneticPr fontId="3"/>
  </si>
  <si>
    <t>３ 所得から差し引かれる金額に関する事項</t>
    <rPh sb="2" eb="4">
      <t>ショトク</t>
    </rPh>
    <rPh sb="6" eb="9">
      <t>サシヒ</t>
    </rPh>
    <rPh sb="12" eb="14">
      <t>キンガク</t>
    </rPh>
    <rPh sb="15" eb="16">
      <t>カン</t>
    </rPh>
    <rPh sb="18" eb="20">
      <t>ジコウ</t>
    </rPh>
    <phoneticPr fontId="3"/>
  </si>
  <si>
    <t>・</t>
  </si>
  <si>
    <t>印　</t>
    <rPh sb="0" eb="1">
      <t>イン</t>
    </rPh>
    <phoneticPr fontId="3"/>
  </si>
  <si>
    <t>氏　　　名</t>
    <phoneticPr fontId="3"/>
  </si>
  <si>
    <t>日</t>
  </si>
  <si>
    <t>世帯主の氏名</t>
  </si>
  <si>
    <t>提出年月日</t>
    <rPh sb="0" eb="2">
      <t>テイシュツ</t>
    </rPh>
    <rPh sb="2" eb="5">
      <t>ネンガッピ</t>
    </rPh>
    <phoneticPr fontId="3"/>
  </si>
  <si>
    <t>の   住   所</t>
    <phoneticPr fontId="3"/>
  </si>
  <si>
    <t>　　市町村長殿</t>
  </si>
  <si>
    <t>電 話 番 号</t>
    <phoneticPr fontId="3"/>
  </si>
  <si>
    <t>1月1日現在</t>
  </si>
  <si>
    <t>業種又は職業</t>
  </si>
  <si>
    <t>現　住　所</t>
    <phoneticPr fontId="3"/>
  </si>
  <si>
    <t>整 理 番 号</t>
    <phoneticPr fontId="3"/>
  </si>
  <si>
    <t>この申告書を提出した方は事業税の申告書を提出する必要がありません。</t>
    <rPh sb="2" eb="5">
      <t>シンコクショ</t>
    </rPh>
    <rPh sb="6" eb="8">
      <t>テイシュツ</t>
    </rPh>
    <rPh sb="10" eb="11">
      <t>カタ</t>
    </rPh>
    <rPh sb="12" eb="15">
      <t>ジギョウゼイ</t>
    </rPh>
    <rPh sb="16" eb="19">
      <t>シンコクショ</t>
    </rPh>
    <rPh sb="20" eb="22">
      <t>テイシュツ</t>
    </rPh>
    <rPh sb="24" eb="26">
      <t>ヒツヨウ</t>
    </rPh>
    <phoneticPr fontId="3"/>
  </si>
  <si>
    <t>　申 告 書</t>
  </si>
  <si>
    <t>平成　　　年度分</t>
  </si>
  <si>
    <r>
      <t>第五号の四様式</t>
    </r>
    <r>
      <rPr>
        <sz val="12"/>
        <rFont val="ＭＳ Ｐゴシック"/>
        <family val="3"/>
        <charset val="128"/>
      </rPr>
      <t>(第二条関係）</t>
    </r>
    <rPh sb="8" eb="9">
      <t>ダイ</t>
    </rPh>
    <rPh sb="9" eb="10">
      <t>ニ</t>
    </rPh>
    <rPh sb="10" eb="11">
      <t>ジョウ</t>
    </rPh>
    <rPh sb="11" eb="13">
      <t>カンケイ</t>
    </rPh>
    <phoneticPr fontId="3"/>
  </si>
  <si>
    <t>株式等譲渡所得割額控除額</t>
    <rPh sb="0" eb="2">
      <t>カブシキ</t>
    </rPh>
    <rPh sb="2" eb="5">
      <t>トウジョウト</t>
    </rPh>
    <rPh sb="5" eb="8">
      <t>ショトクワリ</t>
    </rPh>
    <rPh sb="8" eb="9">
      <t>ガク</t>
    </rPh>
    <rPh sb="9" eb="12">
      <t>コウジョガク</t>
    </rPh>
    <phoneticPr fontId="3"/>
  </si>
  <si>
    <t>配当割額控除額</t>
    <rPh sb="0" eb="2">
      <t>ハイトウ</t>
    </rPh>
    <rPh sb="2" eb="3">
      <t>ワリ</t>
    </rPh>
    <rPh sb="3" eb="4">
      <t>ガク</t>
    </rPh>
    <rPh sb="4" eb="7">
      <t>コウジョガク</t>
    </rPh>
    <phoneticPr fontId="3"/>
  </si>
  <si>
    <t>　　特定配当等に係る所得金額、特定株式等譲渡所得金額を総所得金額に含め、配当割額又は株式等譲渡所得割額の控除を受けようとする場合は､下の各欄に配当割額及び株式等譲渡所得割額を書き入れてください。</t>
    <rPh sb="8" eb="9">
      <t>カカ</t>
    </rPh>
    <rPh sb="10" eb="12">
      <t>ショトク</t>
    </rPh>
    <rPh sb="12" eb="14">
      <t>キンガク</t>
    </rPh>
    <rPh sb="68" eb="69">
      <t>カク</t>
    </rPh>
    <rPh sb="71" eb="73">
      <t>ハイトウ</t>
    </rPh>
    <rPh sb="73" eb="74">
      <t>ワリ</t>
    </rPh>
    <rPh sb="74" eb="75">
      <t>ガク</t>
    </rPh>
    <rPh sb="75" eb="76">
      <t>オヨ</t>
    </rPh>
    <rPh sb="77" eb="79">
      <t>カブシキ</t>
    </rPh>
    <rPh sb="79" eb="82">
      <t>トウジョウト</t>
    </rPh>
    <rPh sb="82" eb="85">
      <t>ショトクワリ</t>
    </rPh>
    <rPh sb="85" eb="86">
      <t>ガク</t>
    </rPh>
    <rPh sb="87" eb="88">
      <t>カ</t>
    </rPh>
    <rPh sb="89" eb="90">
      <t>イ</t>
    </rPh>
    <phoneticPr fontId="3"/>
  </si>
  <si>
    <t>13 配当割額又は株式等譲渡所得割額の控除に関する事項</t>
    <rPh sb="3" eb="5">
      <t>ハイトウ</t>
    </rPh>
    <rPh sb="5" eb="6">
      <t>ワリ</t>
    </rPh>
    <rPh sb="6" eb="7">
      <t>ガク</t>
    </rPh>
    <rPh sb="7" eb="8">
      <t>マタ</t>
    </rPh>
    <rPh sb="9" eb="11">
      <t>カブシキ</t>
    </rPh>
    <rPh sb="11" eb="14">
      <t>トウジョウト</t>
    </rPh>
    <rPh sb="14" eb="17">
      <t>ショトクワリ</t>
    </rPh>
    <rPh sb="17" eb="18">
      <t>ガク</t>
    </rPh>
    <rPh sb="19" eb="21">
      <t>コウジョ</t>
    </rPh>
    <rPh sb="22" eb="23">
      <t>カン</t>
    </rPh>
    <rPh sb="25" eb="27">
      <t>ジコウ</t>
    </rPh>
    <phoneticPr fontId="3"/>
  </si>
  <si>
    <t>　　□　　他都道府県の事務所等</t>
    <phoneticPr fontId="3"/>
  </si>
  <si>
    <t xml:space="preserve">　月     　日 </t>
    <phoneticPr fontId="3"/>
  </si>
  <si>
    <t>開始 ・ 廃止</t>
    <phoneticPr fontId="3"/>
  </si>
  <si>
    <t>前年中の開（廃）業</t>
    <rPh sb="0" eb="2">
      <t>ゼンネン</t>
    </rPh>
    <rPh sb="2" eb="3">
      <t>チュウ</t>
    </rPh>
    <rPh sb="4" eb="5">
      <t>カイ</t>
    </rPh>
    <rPh sb="6" eb="7">
      <t>ハイ</t>
    </rPh>
    <rPh sb="8" eb="9">
      <t>ギョウ</t>
    </rPh>
    <phoneticPr fontId="3"/>
  </si>
  <si>
    <t>損失額、被災損失額(白)</t>
  </si>
  <si>
    <t>資産の種類</t>
  </si>
  <si>
    <t>事業用資産の譲渡損失など</t>
  </si>
  <si>
    <t>損益通算の特例適用前の
不動産所得</t>
  </si>
  <si>
    <t>所得金額</t>
  </si>
  <si>
    <t>番号</t>
  </si>
  <si>
    <t>非課税所得など</t>
  </si>
  <si>
    <t>住　　　　　　　    所</t>
    <phoneticPr fontId="3"/>
  </si>
  <si>
    <t>15 事業税に関する事項</t>
    <phoneticPr fontId="3"/>
  </si>
  <si>
    <t>承認あり・承認なし</t>
  </si>
  <si>
    <t>所得税における青色申告の承認の有無</t>
  </si>
  <si>
    <t>合  計  額</t>
  </si>
  <si>
    <t>昭・平</t>
    <rPh sb="2" eb="3">
      <t>ヘイ</t>
    </rPh>
    <phoneticPr fontId="3"/>
  </si>
  <si>
    <t>市区町村</t>
    <rPh sb="0" eb="2">
      <t>シク</t>
    </rPh>
    <rPh sb="2" eb="4">
      <t>チョウソン</t>
    </rPh>
    <phoneticPr fontId="3"/>
  </si>
  <si>
    <t>・　　　　・</t>
  </si>
  <si>
    <t>都道府県</t>
    <rPh sb="0" eb="4">
      <t>トドウフケン</t>
    </rPh>
    <phoneticPr fontId="3"/>
  </si>
  <si>
    <t>条例指定分</t>
    <rPh sb="0" eb="2">
      <t>ジョウレイ</t>
    </rPh>
    <rPh sb="2" eb="4">
      <t>シテイ</t>
    </rPh>
    <rPh sb="4" eb="5">
      <t>ブン</t>
    </rPh>
    <phoneticPr fontId="3"/>
  </si>
  <si>
    <t>住所地の共同募金会、
日赤支部分</t>
    <rPh sb="0" eb="2">
      <t>ジュウショ</t>
    </rPh>
    <rPh sb="2" eb="3">
      <t>チ</t>
    </rPh>
    <rPh sb="4" eb="6">
      <t>キョウドウ</t>
    </rPh>
    <rPh sb="6" eb="9">
      <t>ボキンカイ</t>
    </rPh>
    <rPh sb="11" eb="13">
      <t>ニッセキ</t>
    </rPh>
    <rPh sb="13" eb="15">
      <t>シブ</t>
    </rPh>
    <rPh sb="15" eb="16">
      <t>ブン</t>
    </rPh>
    <phoneticPr fontId="3"/>
  </si>
  <si>
    <t>都道府県、市区町村分</t>
    <rPh sb="0" eb="4">
      <t>トドウフケン</t>
    </rPh>
    <rPh sb="5" eb="7">
      <t>シク</t>
    </rPh>
    <rPh sb="7" eb="9">
      <t>チョウソン</t>
    </rPh>
    <rPh sb="9" eb="10">
      <t>ブン</t>
    </rPh>
    <phoneticPr fontId="3"/>
  </si>
  <si>
    <t>専従者給与（控除）額</t>
    <rPh sb="3" eb="5">
      <t>キュウヨ</t>
    </rPh>
    <phoneticPr fontId="3"/>
  </si>
  <si>
    <t>従事月数</t>
  </si>
  <si>
    <t>14 寄附金に関する事項</t>
    <rPh sb="3" eb="6">
      <t>キフキン</t>
    </rPh>
    <phoneticPr fontId="3"/>
  </si>
  <si>
    <t>11 事業専従者に関する事項</t>
    <rPh sb="9" eb="10">
      <t>カン</t>
    </rPh>
    <rPh sb="12" eb="14">
      <t>ジコウ</t>
    </rPh>
    <phoneticPr fontId="3"/>
  </si>
  <si>
    <t>　右のニの金額を表面の⑧の所得金額欄へ記入してください。</t>
  </si>
  <si>
    <t>ニ　合計　ｲ+〔(ﾛ+ﾊ)×1/2〕</t>
  </si>
  <si>
    <t>　右上のイの金額を表面のケに、ロの金額を表面のコに、ハの金額を表面のサに記入してください。</t>
  </si>
  <si>
    <t>ﾊ</t>
  </si>
  <si>
    <t>一時</t>
  </si>
  <si>
    <t>ﾛ</t>
  </si>
  <si>
    <t>長期</t>
  </si>
  <si>
    <t>ｲ</t>
  </si>
  <si>
    <t>短期</t>
  </si>
  <si>
    <t>総合譲渡</t>
  </si>
  <si>
    <t>（差引金額－特別控除額）</t>
    <rPh sb="1" eb="3">
      <t>サシヒキ</t>
    </rPh>
    <rPh sb="3" eb="4">
      <t>キンガク</t>
    </rPh>
    <rPh sb="4" eb="5">
      <t>キンガク</t>
    </rPh>
    <rPh sb="6" eb="8">
      <t>トクベツ</t>
    </rPh>
    <rPh sb="8" eb="11">
      <t>コウジョガク</t>
    </rPh>
    <phoneticPr fontId="3"/>
  </si>
  <si>
    <t>（収入金額－必要経費）</t>
    <rPh sb="1" eb="3">
      <t>シュウニュウ</t>
    </rPh>
    <rPh sb="3" eb="5">
      <t>キンガク</t>
    </rPh>
    <rPh sb="6" eb="8">
      <t>ヒツヨウ</t>
    </rPh>
    <rPh sb="8" eb="10">
      <t>ケイヒ</t>
    </rPh>
    <phoneticPr fontId="3"/>
  </si>
  <si>
    <t>所得金額</t>
    <rPh sb="0" eb="2">
      <t>ショトク</t>
    </rPh>
    <rPh sb="2" eb="4">
      <t>キンガク</t>
    </rPh>
    <phoneticPr fontId="3"/>
  </si>
  <si>
    <t>特別控除額</t>
    <phoneticPr fontId="3"/>
  </si>
  <si>
    <t>差引金額</t>
    <rPh sb="2" eb="4">
      <t>キンガク</t>
    </rPh>
    <phoneticPr fontId="3"/>
  </si>
  <si>
    <t>必要経費</t>
    <phoneticPr fontId="3"/>
  </si>
  <si>
    <t>収入金額</t>
    <phoneticPr fontId="3"/>
  </si>
  <si>
    <t xml:space="preserve">   </t>
  </si>
  <si>
    <t>10 総合譲渡・一時所得の所得金額に関する事項</t>
    <rPh sb="13" eb="15">
      <t>ショトク</t>
    </rPh>
    <rPh sb="15" eb="17">
      <t>キンガク</t>
    </rPh>
    <rPh sb="18" eb="19">
      <t>カン</t>
    </rPh>
    <rPh sb="21" eb="23">
      <t>ジコウ</t>
    </rPh>
    <phoneticPr fontId="3"/>
  </si>
  <si>
    <t>勤務先名</t>
  </si>
  <si>
    <t>勤務先所在地</t>
  </si>
  <si>
    <t>所得の生ずる場所</t>
    <phoneticPr fontId="3"/>
  </si>
  <si>
    <t>種　目</t>
  </si>
  <si>
    <t>合  計</t>
  </si>
  <si>
    <t>９ 雑所得（公的年金等以外）に関する事項</t>
    <rPh sb="15" eb="16">
      <t>カン</t>
    </rPh>
    <rPh sb="18" eb="20">
      <t>ジコウ</t>
    </rPh>
    <phoneticPr fontId="3"/>
  </si>
  <si>
    <t>国外株式等に係
る外国所得税額</t>
    <rPh sb="0" eb="2">
      <t>コクガイ</t>
    </rPh>
    <rPh sb="2" eb="4">
      <t>カブシキ</t>
    </rPh>
    <rPh sb="4" eb="5">
      <t>トウ</t>
    </rPh>
    <rPh sb="6" eb="7">
      <t>カカ</t>
    </rPh>
    <rPh sb="9" eb="11">
      <t>ガイコク</t>
    </rPh>
    <rPh sb="11" eb="14">
      <t>ショトクゼイ</t>
    </rPh>
    <rPh sb="14" eb="15">
      <t>ガク</t>
    </rPh>
    <phoneticPr fontId="3"/>
  </si>
  <si>
    <t>賞与等</t>
    <rPh sb="2" eb="3">
      <t>トウ</t>
    </rPh>
    <phoneticPr fontId="3"/>
  </si>
  <si>
    <t>・</t>
    <phoneticPr fontId="3"/>
  </si>
  <si>
    <t>支払確定年月</t>
    <rPh sb="0" eb="2">
      <t>シハライ</t>
    </rPh>
    <rPh sb="2" eb="4">
      <t>カクテイ</t>
    </rPh>
    <rPh sb="4" eb="6">
      <t>ネンゲツ</t>
    </rPh>
    <phoneticPr fontId="3"/>
  </si>
  <si>
    <t>配当所得
の種類</t>
    <rPh sb="6" eb="8">
      <t>シュルイ</t>
    </rPh>
    <phoneticPr fontId="3"/>
  </si>
  <si>
    <t>８ 配当所得に関する事項</t>
    <rPh sb="7" eb="8">
      <t>カン</t>
    </rPh>
    <rPh sb="10" eb="12">
      <t>ジコウ</t>
    </rPh>
    <phoneticPr fontId="3"/>
  </si>
  <si>
    <t>青色申告特別控除額</t>
    <phoneticPr fontId="3"/>
  </si>
  <si>
    <t>月収</t>
  </si>
  <si>
    <t>勤務　日数</t>
  </si>
  <si>
    <t>日給</t>
  </si>
  <si>
    <t>７ 事業・不動産所得に関する事項</t>
    <rPh sb="8" eb="10">
      <t>ショトク</t>
    </rPh>
    <rPh sb="11" eb="12">
      <t>カン</t>
    </rPh>
    <rPh sb="14" eb="16">
      <t>ジコウ</t>
    </rPh>
    <phoneticPr fontId="3"/>
  </si>
  <si>
    <t>)</t>
  </si>
  <si>
    <t>日給などの給与所得のある人で、源泉徴収票のない人は記入してください。</t>
    <rPh sb="0" eb="2">
      <t>ニッキュウ</t>
    </rPh>
    <rPh sb="5" eb="7">
      <t>キュウヨ</t>
    </rPh>
    <rPh sb="7" eb="9">
      <t>ショトク</t>
    </rPh>
    <rPh sb="10" eb="13">
      <t>アルヒト</t>
    </rPh>
    <rPh sb="25" eb="27">
      <t>キニュウ</t>
    </rPh>
    <phoneticPr fontId="3"/>
  </si>
  <si>
    <t>(</t>
  </si>
  <si>
    <t>裏</t>
  </si>
  <si>
    <t>６ 給与所得の内訳</t>
    <phoneticPr fontId="3"/>
  </si>
  <si>
    <t>16 扶養親族に関する事項</t>
    <rPh sb="3" eb="5">
      <t>フヨウ</t>
    </rPh>
    <rPh sb="5" eb="7">
      <t>シンゾク</t>
    </rPh>
    <phoneticPr fontId="3"/>
  </si>
  <si>
    <t>氏  名</t>
    <phoneticPr fontId="2"/>
  </si>
  <si>
    <t>氏  名</t>
    <phoneticPr fontId="2"/>
  </si>
  <si>
    <t>続柄</t>
    <rPh sb="0" eb="2">
      <t>ツヅキガラ</t>
    </rPh>
    <phoneticPr fontId="2"/>
  </si>
  <si>
    <t>生年月日</t>
    <rPh sb="0" eb="4">
      <t>セイネンガッピ</t>
    </rPh>
    <phoneticPr fontId="2"/>
  </si>
  <si>
    <t>別居の場合の住所</t>
    <rPh sb="0" eb="2">
      <t>ベッキョ</t>
    </rPh>
    <rPh sb="3" eb="5">
      <t>バアイ</t>
    </rPh>
    <rPh sb="6" eb="8">
      <t>ジュウショ</t>
    </rPh>
    <phoneticPr fontId="2"/>
  </si>
  <si>
    <r>
      <t>12 別居の</t>
    </r>
    <r>
      <rPr>
        <sz val="10"/>
        <color rgb="FFFF0000"/>
        <rFont val="ＭＳ Ｐゴシック"/>
        <family val="3"/>
        <charset val="128"/>
      </rPr>
      <t>控除対象</t>
    </r>
    <r>
      <rPr>
        <sz val="10"/>
        <rFont val="ＭＳ Ｐゴシック"/>
        <family val="3"/>
        <charset val="128"/>
      </rPr>
      <t>扶養親族等に関する事項</t>
    </r>
    <rPh sb="6" eb="8">
      <t>コウジョ</t>
    </rPh>
    <rPh sb="8" eb="10">
      <t>タイショウ</t>
    </rPh>
    <rPh sb="10" eb="12">
      <t>フヨウ</t>
    </rPh>
    <rPh sb="12" eb="14">
      <t>シンゾク</t>
    </rPh>
    <phoneticPr fontId="3"/>
  </si>
  <si>
    <t>　に氏名及び住所を記入してください。</t>
    <rPh sb="2" eb="4">
      <t>シメイ</t>
    </rPh>
    <rPh sb="4" eb="5">
      <t>オヨ</t>
    </rPh>
    <rPh sb="6" eb="8">
      <t>ジュウショ</t>
    </rPh>
    <rPh sb="9" eb="11">
      <t>キニュウ</t>
    </rPh>
    <phoneticPr fontId="3"/>
  </si>
  <si>
    <r>
      <t>　別居の</t>
    </r>
    <r>
      <rPr>
        <sz val="8"/>
        <color rgb="FFFF0000"/>
        <rFont val="ＭＳ Ｐ明朝"/>
        <family val="1"/>
        <charset val="128"/>
      </rPr>
      <t>控除対象</t>
    </r>
    <r>
      <rPr>
        <sz val="8"/>
        <rFont val="ＭＳ Ｐ明朝"/>
        <family val="1"/>
        <charset val="128"/>
      </rPr>
      <t>扶養親族等がいる場合には、裏面「１２」</t>
    </r>
    <rPh sb="1" eb="3">
      <t>ベッキョ</t>
    </rPh>
    <rPh sb="4" eb="6">
      <t>コウジョ</t>
    </rPh>
    <rPh sb="6" eb="8">
      <t>タイショウ</t>
    </rPh>
    <rPh sb="8" eb="10">
      <t>フヨウ</t>
    </rPh>
    <rPh sb="10" eb="12">
      <t>シンゾク</t>
    </rPh>
    <rPh sb="12" eb="13">
      <t>トウ</t>
    </rPh>
    <rPh sb="16" eb="18">
      <t>バアイ</t>
    </rPh>
    <rPh sb="21" eb="22">
      <t>ウラ</t>
    </rPh>
    <rPh sb="22" eb="23">
      <t>メン</t>
    </rPh>
    <phoneticPr fontId="3"/>
  </si>
  <si>
    <t>　　　　　度</t>
    <rPh sb="5" eb="6">
      <t>ド</t>
    </rPh>
    <phoneticPr fontId="3"/>
  </si>
  <si>
    <t>　　　　　級</t>
    <rPh sb="5" eb="6">
      <t>キュウ</t>
    </rPh>
    <phoneticPr fontId="3"/>
  </si>
  <si>
    <t>勤労学生、
障害者控除</t>
    <phoneticPr fontId="3"/>
  </si>
  <si>
    <t>□　同居</t>
    <rPh sb="2" eb="4">
      <t>ドウキョ</t>
    </rPh>
    <phoneticPr fontId="2"/>
  </si>
  <si>
    <t>□　別居</t>
    <rPh sb="2" eb="4">
      <t>ベッキョ</t>
    </rPh>
    <phoneticPr fontId="2"/>
  </si>
  <si>
    <t>16歳未満（平成  年1月2日以降に生まれた者）の扶養親族について記入してください。</t>
    <rPh sb="34" eb="35">
      <t>ニュウ</t>
    </rPh>
    <phoneticPr fontId="2"/>
  </si>
  <si>
    <t>収入金額</t>
    <phoneticPr fontId="3"/>
  </si>
  <si>
    <t>特別控除額</t>
    <phoneticPr fontId="3"/>
  </si>
  <si>
    <t>氏  名</t>
  </si>
  <si>
    <t xml:space="preserve"> 「都道府県、市区町村分」、「住所地の共同募金会、日赤支部分」
 の各欄には、当該団体へ寄附した金額を記入してください。
 「条例指定分」の「都道府県」、「市区町村」の各欄には、住所地
 の都道府県、市区町村の条例で指定された寄附金を支出した場合に
 それぞれ記入してください。</t>
    <rPh sb="2" eb="6">
      <t>トドウフケン</t>
    </rPh>
    <rPh sb="7" eb="9">
      <t>シク</t>
    </rPh>
    <rPh sb="9" eb="11">
      <t>チョウソン</t>
    </rPh>
    <rPh sb="11" eb="12">
      <t>ブン</t>
    </rPh>
    <rPh sb="15" eb="17">
      <t>ジュウショ</t>
    </rPh>
    <rPh sb="17" eb="18">
      <t>チ</t>
    </rPh>
    <rPh sb="19" eb="21">
      <t>キョウドウ</t>
    </rPh>
    <rPh sb="21" eb="24">
      <t>ボキンカイ</t>
    </rPh>
    <rPh sb="25" eb="27">
      <t>ニッセキ</t>
    </rPh>
    <rPh sb="27" eb="29">
      <t>シブ</t>
    </rPh>
    <rPh sb="29" eb="30">
      <t>ブン</t>
    </rPh>
    <rPh sb="34" eb="35">
      <t>カク</t>
    </rPh>
    <rPh sb="35" eb="36">
      <t>ラン</t>
    </rPh>
    <rPh sb="39" eb="41">
      <t>トウガイ</t>
    </rPh>
    <rPh sb="41" eb="43">
      <t>ダンタイ</t>
    </rPh>
    <rPh sb="44" eb="46">
      <t>キフ</t>
    </rPh>
    <rPh sb="48" eb="50">
      <t>キンガク</t>
    </rPh>
    <rPh sb="51" eb="53">
      <t>キニュウ</t>
    </rPh>
    <rPh sb="63" eb="65">
      <t>ジョウレイ</t>
    </rPh>
    <rPh sb="65" eb="67">
      <t>シテイ</t>
    </rPh>
    <rPh sb="67" eb="68">
      <t>ブン</t>
    </rPh>
    <rPh sb="71" eb="75">
      <t>トドウフケン</t>
    </rPh>
    <rPh sb="78" eb="80">
      <t>シク</t>
    </rPh>
    <rPh sb="80" eb="82">
      <t>チョウソン</t>
    </rPh>
    <rPh sb="84" eb="85">
      <t>カク</t>
    </rPh>
    <rPh sb="85" eb="86">
      <t>ラン</t>
    </rPh>
    <rPh sb="89" eb="91">
      <t>ジュウショ</t>
    </rPh>
    <rPh sb="91" eb="92">
      <t>チ</t>
    </rPh>
    <rPh sb="100" eb="102">
      <t>シク</t>
    </rPh>
    <rPh sb="102" eb="104">
      <t>チョウソン</t>
    </rPh>
    <rPh sb="105" eb="107">
      <t>ジョウレイ</t>
    </rPh>
    <rPh sb="108" eb="110">
      <t>シテイ</t>
    </rPh>
    <rPh sb="113" eb="116">
      <t>キフキン</t>
    </rPh>
    <rPh sb="117" eb="119">
      <t>シシュツ</t>
    </rPh>
    <rPh sb="121" eb="123">
      <t>バアイ</t>
    </rPh>
    <rPh sb="130" eb="132">
      <t>キニュウ</t>
    </rPh>
    <phoneticPr fontId="3"/>
  </si>
  <si>
    <t>　</t>
    <phoneticPr fontId="3"/>
  </si>
  <si>
    <t>12 別居の扶養親族等に関する事項</t>
    <rPh sb="6" eb="8">
      <t>フヨウ</t>
    </rPh>
    <rPh sb="8" eb="10">
      <t>シンゾク</t>
    </rPh>
    <phoneticPr fontId="3"/>
  </si>
  <si>
    <t>15 事業税に関する事項</t>
    <phoneticPr fontId="3"/>
  </si>
  <si>
    <t>住　　　　　　　    所</t>
    <phoneticPr fontId="3"/>
  </si>
  <si>
    <t>開始 ・ 廃止</t>
    <phoneticPr fontId="3"/>
  </si>
  <si>
    <t xml:space="preserve">　月     　日 </t>
    <phoneticPr fontId="3"/>
  </si>
  <si>
    <t>　　□　　他都道府県の事務所等</t>
    <phoneticPr fontId="3"/>
  </si>
  <si>
    <r>
      <t>　</t>
    </r>
    <r>
      <rPr>
        <sz val="8"/>
        <color theme="1"/>
        <rFont val="ＭＳ Ｐゴシック"/>
        <family val="2"/>
        <charset val="128"/>
        <scheme val="minor"/>
      </rPr>
      <t>⑲ ～ ⑳　</t>
    </r>
    <phoneticPr fontId="3"/>
  </si>
  <si>
    <t>支出した寄附金に応じて、各欄にそれぞれ寄附した金額を記入してください。ただし、認定特定非営利活動法人以外の特定非営利活動法人に対する寄附金については、上欄に記入せず、別途「寄附金税額控除申告書（二）」を提出してください。</t>
    <rPh sb="0" eb="2">
      <t>シシュツ</t>
    </rPh>
    <rPh sb="4" eb="7">
      <t>キフキン</t>
    </rPh>
    <rPh sb="8" eb="9">
      <t>オウ</t>
    </rPh>
    <rPh sb="12" eb="13">
      <t>カク</t>
    </rPh>
    <rPh sb="39" eb="41">
      <t>ニンテイ</t>
    </rPh>
    <rPh sb="41" eb="43">
      <t>トクテイ</t>
    </rPh>
    <rPh sb="43" eb="46">
      <t>ヒエイリ</t>
    </rPh>
    <rPh sb="46" eb="48">
      <t>カツドウ</t>
    </rPh>
    <rPh sb="48" eb="50">
      <t>ホウジン</t>
    </rPh>
    <rPh sb="50" eb="52">
      <t>イガイ</t>
    </rPh>
    <rPh sb="53" eb="55">
      <t>トクテイ</t>
    </rPh>
    <rPh sb="55" eb="58">
      <t>ヒエイリ</t>
    </rPh>
    <rPh sb="58" eb="60">
      <t>カツドウ</t>
    </rPh>
    <rPh sb="60" eb="62">
      <t>ホウジン</t>
    </rPh>
    <rPh sb="63" eb="64">
      <t>タイ</t>
    </rPh>
    <rPh sb="66" eb="69">
      <t>キフキン</t>
    </rPh>
    <rPh sb="75" eb="77">
      <t>ジョウラン</t>
    </rPh>
    <rPh sb="78" eb="80">
      <t>キニュウ</t>
    </rPh>
    <rPh sb="83" eb="85">
      <t>ベット</t>
    </rPh>
    <rPh sb="86" eb="89">
      <t>キフキン</t>
    </rPh>
    <rPh sb="89" eb="91">
      <t>ゼイガク</t>
    </rPh>
    <rPh sb="91" eb="93">
      <t>コウジョ</t>
    </rPh>
    <rPh sb="93" eb="96">
      <t>シンコクショ</t>
    </rPh>
    <rPh sb="97" eb="98">
      <t>ニ</t>
    </rPh>
    <rPh sb="101" eb="103">
      <t>テイシュツ</t>
    </rPh>
    <phoneticPr fontId="3"/>
  </si>
  <si>
    <t>16歳未満の扶養親族
（控除対象外）　</t>
    <rPh sb="2" eb="3">
      <t>サイ</t>
    </rPh>
    <rPh sb="3" eb="5">
      <t>ミマン</t>
    </rPh>
    <rPh sb="6" eb="8">
      <t>フヨウ</t>
    </rPh>
    <rPh sb="8" eb="10">
      <t>シンゾク</t>
    </rPh>
    <rPh sb="12" eb="14">
      <t>コウジョ</t>
    </rPh>
    <rPh sb="14" eb="17">
      <t>タイショウガイ</t>
    </rPh>
    <phoneticPr fontId="3"/>
  </si>
  <si>
    <t>給　　　与</t>
    <rPh sb="0" eb="1">
      <t>キュウ</t>
    </rPh>
    <rPh sb="4" eb="5">
      <t>アタエ</t>
    </rPh>
    <phoneticPr fontId="3"/>
  </si>
  <si>
    <t>世帯主
の氏名</t>
    <rPh sb="0" eb="3">
      <t>セタイヌシ</t>
    </rPh>
    <rPh sb="5" eb="7">
      <t>シメイ</t>
    </rPh>
    <phoneticPr fontId="2"/>
  </si>
  <si>
    <t>続柄</t>
    <rPh sb="0" eb="2">
      <t>ゾクガラ</t>
    </rPh>
    <phoneticPr fontId="2"/>
  </si>
  <si>
    <t>生年月日</t>
    <rPh sb="0" eb="2">
      <t>セイネン</t>
    </rPh>
    <rPh sb="2" eb="4">
      <t>ガッピ</t>
    </rPh>
    <phoneticPr fontId="2"/>
  </si>
  <si>
    <t>市　民　税</t>
    <phoneticPr fontId="2"/>
  </si>
  <si>
    <t>県　民　税</t>
    <phoneticPr fontId="2"/>
  </si>
  <si>
    <t>代理人の氏名</t>
    <rPh sb="0" eb="3">
      <t>ダイリニン</t>
    </rPh>
    <rPh sb="4" eb="6">
      <t>シメイ</t>
    </rPh>
    <phoneticPr fontId="3"/>
  </si>
  <si>
    <t>業種又は
職業</t>
    <rPh sb="0" eb="2">
      <t>ギョウシュ</t>
    </rPh>
    <rPh sb="2" eb="3">
      <t>マタ</t>
    </rPh>
    <rPh sb="5" eb="7">
      <t>ショクギョウ</t>
    </rPh>
    <phoneticPr fontId="2"/>
  </si>
  <si>
    <t>Ａ　収入金額</t>
    <rPh sb="2" eb="4">
      <t>シュウニュウ</t>
    </rPh>
    <rPh sb="4" eb="6">
      <t>キンガク</t>
    </rPh>
    <phoneticPr fontId="2"/>
  </si>
  <si>
    <t>Ａ　収入金額</t>
    <phoneticPr fontId="2"/>
  </si>
  <si>
    <t>Ｂ　必要経費</t>
    <phoneticPr fontId="2"/>
  </si>
  <si>
    <t>Ｄ　特別控除額</t>
    <rPh sb="2" eb="4">
      <t>トクベツ</t>
    </rPh>
    <rPh sb="4" eb="6">
      <t>コウジョ</t>
    </rPh>
    <rPh sb="6" eb="7">
      <t>ガク</t>
    </rPh>
    <phoneticPr fontId="2"/>
  </si>
  <si>
    <r>
      <t>所得金額</t>
    </r>
    <r>
      <rPr>
        <sz val="8"/>
        <color theme="1"/>
        <rFont val="ＭＳ 明朝"/>
        <family val="1"/>
        <charset val="128"/>
      </rPr>
      <t>（Ａ - Ｂ - Ｃ）</t>
    </r>
    <rPh sb="0" eb="2">
      <t>ショトク</t>
    </rPh>
    <rPh sb="2" eb="4">
      <t>キンガク</t>
    </rPh>
    <phoneticPr fontId="2"/>
  </si>
  <si>
    <r>
      <t>所得金額</t>
    </r>
    <r>
      <rPr>
        <sz val="8"/>
        <color theme="1"/>
        <rFont val="ＭＳ 明朝"/>
        <family val="1"/>
        <charset val="128"/>
      </rPr>
      <t>（Ｃ - Ｄ）</t>
    </r>
    <rPh sb="0" eb="2">
      <t>ショトク</t>
    </rPh>
    <rPh sb="2" eb="4">
      <t>キンガク</t>
    </rPh>
    <phoneticPr fontId="2"/>
  </si>
  <si>
    <t>事業</t>
    <rPh sb="0" eb="2">
      <t>ジギョウ</t>
    </rPh>
    <phoneticPr fontId="2"/>
  </si>
  <si>
    <t>所得から差し引かれる金額</t>
    <rPh sb="0" eb="2">
      <t>ショトク</t>
    </rPh>
    <rPh sb="4" eb="7">
      <t>サシヒ</t>
    </rPh>
    <rPh sb="10" eb="12">
      <t>キンガク</t>
    </rPh>
    <phoneticPr fontId="3"/>
  </si>
  <si>
    <t>収入金額及び所得金額</t>
    <rPh sb="0" eb="2">
      <t>シュウニュウ</t>
    </rPh>
    <rPh sb="2" eb="4">
      <t>キンガク</t>
    </rPh>
    <rPh sb="4" eb="5">
      <t>オヨ</t>
    </rPh>
    <rPh sb="6" eb="8">
      <t>ショトク</t>
    </rPh>
    <rPh sb="8" eb="10">
      <t>キンガク</t>
    </rPh>
    <phoneticPr fontId="2"/>
  </si>
  <si>
    <t>級</t>
    <rPh sb="0" eb="1">
      <t>キュウ</t>
    </rPh>
    <phoneticPr fontId="2"/>
  </si>
  <si>
    <t>控除対象扶養親族</t>
    <rPh sb="0" eb="2">
      <t>コウジョ</t>
    </rPh>
    <rPh sb="2" eb="4">
      <t>タイショウ</t>
    </rPh>
    <rPh sb="4" eb="6">
      <t>フヨウ</t>
    </rPh>
    <rPh sb="6" eb="8">
      <t>シンゾク</t>
    </rPh>
    <phoneticPr fontId="2"/>
  </si>
  <si>
    <t>円</t>
    <rPh sb="0" eb="1">
      <t>エン</t>
    </rPh>
    <phoneticPr fontId="2"/>
  </si>
  <si>
    <t>年　　月　　日</t>
    <rPh sb="0" eb="1">
      <t>ネン</t>
    </rPh>
    <rPh sb="3" eb="4">
      <t>ガツ</t>
    </rPh>
    <rPh sb="6" eb="7">
      <t>ニチ</t>
    </rPh>
    <phoneticPr fontId="2"/>
  </si>
  <si>
    <t>扶　養
控除額</t>
    <rPh sb="0" eb="1">
      <t>フ</t>
    </rPh>
    <rPh sb="2" eb="3">
      <t>ヨウ</t>
    </rPh>
    <rPh sb="4" eb="6">
      <t>コウジョ</t>
    </rPh>
    <rPh sb="6" eb="7">
      <t>ガク</t>
    </rPh>
    <phoneticPr fontId="2"/>
  </si>
  <si>
    <t>社会保険料控除</t>
    <rPh sb="0" eb="2">
      <t>シャカイ</t>
    </rPh>
    <rPh sb="2" eb="5">
      <t>ホケンリョウ</t>
    </rPh>
    <rPh sb="5" eb="7">
      <t>コウジョ</t>
    </rPh>
    <phoneticPr fontId="2"/>
  </si>
  <si>
    <t>Ｃ　差引金額
（Ａ－Ｂ）</t>
    <rPh sb="2" eb="4">
      <t>サシヒキ</t>
    </rPh>
    <rPh sb="4" eb="6">
      <t>キンガク</t>
    </rPh>
    <phoneticPr fontId="2"/>
  </si>
  <si>
    <t>新生命保険料の計</t>
    <rPh sb="0" eb="1">
      <t>シン</t>
    </rPh>
    <rPh sb="1" eb="3">
      <t>セイメイ</t>
    </rPh>
    <rPh sb="3" eb="6">
      <t>ホケンリョウ</t>
    </rPh>
    <rPh sb="7" eb="8">
      <t>ケイ</t>
    </rPh>
    <phoneticPr fontId="2"/>
  </si>
  <si>
    <t>旧生命保険料の計</t>
    <rPh sb="0" eb="1">
      <t>キュウ</t>
    </rPh>
    <rPh sb="1" eb="3">
      <t>セイメイ</t>
    </rPh>
    <rPh sb="3" eb="6">
      <t>ホケンリョウ</t>
    </rPh>
    <rPh sb="7" eb="8">
      <t>ケイ</t>
    </rPh>
    <phoneticPr fontId="2"/>
  </si>
  <si>
    <t>地震保険料の計</t>
    <rPh sb="0" eb="2">
      <t>ジシン</t>
    </rPh>
    <rPh sb="2" eb="5">
      <t>ホケンリョウ</t>
    </rPh>
    <rPh sb="6" eb="7">
      <t>ケイ</t>
    </rPh>
    <phoneticPr fontId="2"/>
  </si>
  <si>
    <t>兵庫県</t>
    <rPh sb="0" eb="3">
      <t>ヒョウゴケン</t>
    </rPh>
    <phoneticPr fontId="2"/>
  </si>
  <si>
    <t>伊丹市</t>
    <rPh sb="0" eb="3">
      <t>イタミシ</t>
    </rPh>
    <phoneticPr fontId="2"/>
  </si>
  <si>
    <t>◆ 事業税に関する事項</t>
    <phoneticPr fontId="3"/>
  </si>
  <si>
    <t>◆ 給与所得の内訳</t>
    <phoneticPr fontId="3"/>
  </si>
  <si>
    <t>身・療・精</t>
    <rPh sb="0" eb="1">
      <t>ミ</t>
    </rPh>
    <rPh sb="2" eb="3">
      <t>リョウ</t>
    </rPh>
    <rPh sb="4" eb="5">
      <t>セイ</t>
    </rPh>
    <phoneticPr fontId="2"/>
  </si>
  <si>
    <t>雑</t>
    <rPh sb="0" eb="1">
      <t>ザツ</t>
    </rPh>
    <phoneticPr fontId="2"/>
  </si>
  <si>
    <t>公的年金等</t>
    <rPh sb="0" eb="2">
      <t>コウテキ</t>
    </rPh>
    <rPh sb="2" eb="4">
      <t>ネンキン</t>
    </rPh>
    <rPh sb="4" eb="5">
      <t>トウ</t>
    </rPh>
    <phoneticPr fontId="2"/>
  </si>
  <si>
    <t>農　業</t>
    <rPh sb="0" eb="1">
      <t>ノウ</t>
    </rPh>
    <rPh sb="2" eb="3">
      <t>ギョウ</t>
    </rPh>
    <phoneticPr fontId="2"/>
  </si>
  <si>
    <t>長　期</t>
    <rPh sb="0" eb="1">
      <t>チョウ</t>
    </rPh>
    <rPh sb="2" eb="3">
      <t>キ</t>
    </rPh>
    <phoneticPr fontId="2"/>
  </si>
  <si>
    <t>短　期</t>
    <rPh sb="0" eb="1">
      <t>タン</t>
    </rPh>
    <rPh sb="2" eb="3">
      <t>キ</t>
    </rPh>
    <phoneticPr fontId="2"/>
  </si>
  <si>
    <t>万円</t>
    <rPh sb="0" eb="2">
      <t>マンエン</t>
    </rPh>
    <phoneticPr fontId="2"/>
  </si>
  <si>
    <t>明・大・昭・平</t>
    <rPh sb="0" eb="1">
      <t>アキラ</t>
    </rPh>
    <rPh sb="2" eb="3">
      <t>ダイ</t>
    </rPh>
    <rPh sb="4" eb="5">
      <t>アキラ</t>
    </rPh>
    <rPh sb="6" eb="7">
      <t>タイラ</t>
    </rPh>
    <phoneticPr fontId="2"/>
  </si>
  <si>
    <t>◆ 別居の配偶者・扶養親族に関する事項</t>
    <rPh sb="5" eb="8">
      <t>ハイグウシャ</t>
    </rPh>
    <rPh sb="9" eb="11">
      <t>フヨウ</t>
    </rPh>
    <rPh sb="11" eb="13">
      <t>シンゾク</t>
    </rPh>
    <phoneticPr fontId="3"/>
  </si>
  <si>
    <t>◆ 寄附金に関する事項</t>
    <rPh sb="2" eb="5">
      <t>キフキン</t>
    </rPh>
    <phoneticPr fontId="3"/>
  </si>
  <si>
    <t>所在地</t>
    <rPh sb="0" eb="3">
      <t>ショザイチ</t>
    </rPh>
    <phoneticPr fontId="2"/>
  </si>
  <si>
    <t xml:space="preserve"> （学校名）</t>
    <rPh sb="2" eb="5">
      <t>ガッコウメイ</t>
    </rPh>
    <phoneticPr fontId="2"/>
  </si>
  <si>
    <t>非課税所得など</t>
    <rPh sb="0" eb="3">
      <t>ヒカゼイ</t>
    </rPh>
    <rPh sb="3" eb="5">
      <t>ショトク</t>
    </rPh>
    <phoneticPr fontId="3"/>
  </si>
  <si>
    <t>事業用資産の
譲渡損失など</t>
    <rPh sb="0" eb="3">
      <t>ジギョウヨウ</t>
    </rPh>
    <rPh sb="3" eb="5">
      <t>シサン</t>
    </rPh>
    <rPh sb="7" eb="9">
      <t>ジョウト</t>
    </rPh>
    <rPh sb="9" eb="11">
      <t>ソンシツ</t>
    </rPh>
    <phoneticPr fontId="3"/>
  </si>
  <si>
    <t>事業所等
所在地</t>
    <rPh sb="0" eb="2">
      <t>ジギョウ</t>
    </rPh>
    <rPh sb="2" eb="3">
      <t>ショ</t>
    </rPh>
    <rPh sb="3" eb="4">
      <t>トウ</t>
    </rPh>
    <rPh sb="5" eb="8">
      <t>ショザイチ</t>
    </rPh>
    <phoneticPr fontId="3"/>
  </si>
  <si>
    <t>資産の種類</t>
    <rPh sb="0" eb="2">
      <t>シサン</t>
    </rPh>
    <rPh sb="3" eb="5">
      <t>シュルイ</t>
    </rPh>
    <phoneticPr fontId="2"/>
  </si>
  <si>
    <t>損失額・被災損失額（白）</t>
    <rPh sb="0" eb="3">
      <t>ソンシツガク</t>
    </rPh>
    <rPh sb="4" eb="6">
      <t>ヒサイ</t>
    </rPh>
    <rPh sb="6" eb="8">
      <t>ソンシツ</t>
    </rPh>
    <rPh sb="8" eb="9">
      <t>ガク</t>
    </rPh>
    <rPh sb="10" eb="11">
      <t>シロ</t>
    </rPh>
    <phoneticPr fontId="2"/>
  </si>
  <si>
    <t>前年中の
開（廃）業</t>
    <rPh sb="0" eb="3">
      <t>ゼンネンチュウ</t>
    </rPh>
    <rPh sb="5" eb="6">
      <t>カイ</t>
    </rPh>
    <rPh sb="7" eb="8">
      <t>ハイ</t>
    </rPh>
    <rPh sb="9" eb="10">
      <t>ギョウ</t>
    </rPh>
    <phoneticPr fontId="3"/>
  </si>
  <si>
    <t>理由</t>
    <rPh sb="0" eb="2">
      <t>リユウ</t>
    </rPh>
    <phoneticPr fontId="2"/>
  </si>
  <si>
    <t>所　得　の　合　計</t>
    <rPh sb="0" eb="1">
      <t>ショ</t>
    </rPh>
    <rPh sb="2" eb="3">
      <t>エ</t>
    </rPh>
    <rPh sb="6" eb="7">
      <t>ア</t>
    </rPh>
    <rPh sb="8" eb="9">
      <t>ケイ</t>
    </rPh>
    <phoneticPr fontId="3"/>
  </si>
  <si>
    <t>保険金などで
補てんされる
金額（Ｂ）</t>
    <rPh sb="2" eb="3">
      <t>キン</t>
    </rPh>
    <phoneticPr fontId="3"/>
  </si>
  <si>
    <t>◆　事業専従者に関する事項</t>
    <rPh sb="2" eb="4">
      <t>ジギョウ</t>
    </rPh>
    <rPh sb="4" eb="7">
      <t>センジュウシャ</t>
    </rPh>
    <rPh sb="8" eb="9">
      <t>カン</t>
    </rPh>
    <rPh sb="11" eb="13">
      <t>ジコウ</t>
    </rPh>
    <phoneticPr fontId="2"/>
  </si>
  <si>
    <t>◆　所得から差し引かれる金額に関する事項</t>
    <rPh sb="2" eb="4">
      <t>ショトク</t>
    </rPh>
    <rPh sb="6" eb="7">
      <t>サ</t>
    </rPh>
    <rPh sb="8" eb="9">
      <t>ヒ</t>
    </rPh>
    <rPh sb="12" eb="14">
      <t>キンガク</t>
    </rPh>
    <rPh sb="15" eb="16">
      <t>カン</t>
    </rPh>
    <rPh sb="18" eb="20">
      <t>ジコウ</t>
    </rPh>
    <phoneticPr fontId="2"/>
  </si>
  <si>
    <t>総合譲渡</t>
    <rPh sb="0" eb="2">
      <t>ソウゴウ</t>
    </rPh>
    <rPh sb="2" eb="4">
      <t>ジョウト</t>
    </rPh>
    <phoneticPr fontId="2"/>
  </si>
  <si>
    <t>損害金額
（Ａ）</t>
    <phoneticPr fontId="3"/>
  </si>
  <si>
    <t>本人該当事項</t>
    <rPh sb="0" eb="2">
      <t>ホンニン</t>
    </rPh>
    <rPh sb="2" eb="4">
      <t>ガイトウ</t>
    </rPh>
    <rPh sb="4" eb="6">
      <t>ジコウ</t>
    </rPh>
    <phoneticPr fontId="2"/>
  </si>
  <si>
    <t>　　月　　　日　　開始・廃止</t>
    <rPh sb="2" eb="3">
      <t>ツキ</t>
    </rPh>
    <rPh sb="6" eb="7">
      <t>ヒ</t>
    </rPh>
    <rPh sb="9" eb="11">
      <t>カイシ</t>
    </rPh>
    <rPh sb="12" eb="14">
      <t>ハイシ</t>
    </rPh>
    <phoneticPr fontId="2"/>
  </si>
  <si>
    <t>料控除
地震保険</t>
    <rPh sb="4" eb="6">
      <t>ジシン</t>
    </rPh>
    <rPh sb="6" eb="8">
      <t>ホケン</t>
    </rPh>
    <phoneticPr fontId="2"/>
  </si>
  <si>
    <t>控　除
医療費</t>
    <rPh sb="4" eb="7">
      <t>イリョウヒ</t>
    </rPh>
    <phoneticPr fontId="3"/>
  </si>
  <si>
    <t>差引金額</t>
    <rPh sb="0" eb="2">
      <t>サシヒキ</t>
    </rPh>
    <rPh sb="2" eb="4">
      <t>キンガク</t>
    </rPh>
    <phoneticPr fontId="2"/>
  </si>
  <si>
    <t>◆　配当所得の内訳</t>
    <rPh sb="2" eb="4">
      <t>ハイトウ</t>
    </rPh>
    <rPh sb="4" eb="6">
      <t>ショトク</t>
    </rPh>
    <rPh sb="7" eb="9">
      <t>ウチワケ</t>
    </rPh>
    <phoneticPr fontId="2"/>
  </si>
  <si>
    <t>必要経費</t>
    <rPh sb="0" eb="2">
      <t>ヒツヨウ</t>
    </rPh>
    <rPh sb="2" eb="4">
      <t>ケイヒ</t>
    </rPh>
    <phoneticPr fontId="2"/>
  </si>
  <si>
    <t>収入金額</t>
    <rPh sb="0" eb="2">
      <t>シュウニュウ</t>
    </rPh>
    <rPh sb="2" eb="4">
      <t>キンガク</t>
    </rPh>
    <phoneticPr fontId="2"/>
  </si>
  <si>
    <t>差引損失額
（Ａ－Ｂ）のうち
災害関連支出の金額</t>
    <phoneticPr fontId="3"/>
  </si>
  <si>
    <t>種目・所得の生ずる場所</t>
    <rPh sb="0" eb="2">
      <t>シュモク</t>
    </rPh>
    <rPh sb="3" eb="5">
      <t>ショトク</t>
    </rPh>
    <rPh sb="6" eb="7">
      <t>ショウ</t>
    </rPh>
    <rPh sb="9" eb="11">
      <t>バショ</t>
    </rPh>
    <phoneticPr fontId="2"/>
  </si>
  <si>
    <t>条　例
指定分</t>
    <rPh sb="0" eb="1">
      <t>ジョウ</t>
    </rPh>
    <rPh sb="2" eb="3">
      <t>レイ</t>
    </rPh>
    <rPh sb="4" eb="6">
      <t>シテイ</t>
    </rPh>
    <rPh sb="6" eb="7">
      <t>ブン</t>
    </rPh>
    <phoneticPr fontId="2"/>
  </si>
  <si>
    <t>株式等譲渡所得割額
控除額</t>
    <rPh sb="0" eb="2">
      <t>カブシキ</t>
    </rPh>
    <rPh sb="2" eb="5">
      <t>トウジョウト</t>
    </rPh>
    <rPh sb="5" eb="8">
      <t>ショトクワリ</t>
    </rPh>
    <rPh sb="8" eb="9">
      <t>ガク</t>
    </rPh>
    <rPh sb="10" eb="13">
      <t>コウジョガク</t>
    </rPh>
    <phoneticPr fontId="3"/>
  </si>
  <si>
    <t>世帯主
との続柄</t>
    <rPh sb="0" eb="3">
      <t>セタイヌシ</t>
    </rPh>
    <rPh sb="6" eb="8">
      <t>ツヅキガラ</t>
    </rPh>
    <phoneticPr fontId="2"/>
  </si>
  <si>
    <t>特定</t>
    <rPh sb="0" eb="2">
      <t>トクテイ</t>
    </rPh>
    <phoneticPr fontId="2"/>
  </si>
  <si>
    <t>年少</t>
    <rPh sb="0" eb="2">
      <t>ネンショウ</t>
    </rPh>
    <phoneticPr fontId="2"/>
  </si>
  <si>
    <t>一般</t>
    <rPh sb="0" eb="2">
      <t>イッパン</t>
    </rPh>
    <phoneticPr fontId="2"/>
  </si>
  <si>
    <t>寡婦</t>
    <rPh sb="0" eb="2">
      <t>カフ</t>
    </rPh>
    <phoneticPr fontId="2"/>
  </si>
  <si>
    <t>配偶者控除</t>
    <rPh sb="0" eb="3">
      <t>ハイグウシャ</t>
    </rPh>
    <rPh sb="3" eb="5">
      <t>コウジョ</t>
    </rPh>
    <phoneticPr fontId="2"/>
  </si>
  <si>
    <t>控配</t>
    <rPh sb="0" eb="1">
      <t>ヒカエ</t>
    </rPh>
    <rPh sb="1" eb="2">
      <t>クバ</t>
    </rPh>
    <phoneticPr fontId="2"/>
  </si>
  <si>
    <t>老配</t>
    <rPh sb="0" eb="1">
      <t>ロウ</t>
    </rPh>
    <rPh sb="1" eb="2">
      <t>ハイ</t>
    </rPh>
    <phoneticPr fontId="2"/>
  </si>
  <si>
    <t>老人</t>
    <rPh sb="0" eb="2">
      <t>ロウジン</t>
    </rPh>
    <phoneticPr fontId="2"/>
  </si>
  <si>
    <t>特障</t>
    <rPh sb="0" eb="1">
      <t>トク</t>
    </rPh>
    <rPh sb="1" eb="2">
      <t>ショウ</t>
    </rPh>
    <phoneticPr fontId="2"/>
  </si>
  <si>
    <t>普障</t>
    <rPh sb="0" eb="1">
      <t>フ</t>
    </rPh>
    <rPh sb="1" eb="2">
      <t>ショウ</t>
    </rPh>
    <phoneticPr fontId="2"/>
  </si>
  <si>
    <t>未成年</t>
    <rPh sb="0" eb="3">
      <t>ミセイネン</t>
    </rPh>
    <phoneticPr fontId="2"/>
  </si>
  <si>
    <t>勤学</t>
    <rPh sb="0" eb="1">
      <t>ツトム</t>
    </rPh>
    <rPh sb="1" eb="2">
      <t>マナブ</t>
    </rPh>
    <phoneticPr fontId="2"/>
  </si>
  <si>
    <r>
      <t xml:space="preserve">Ｂ　必要経費
</t>
    </r>
    <r>
      <rPr>
        <sz val="6"/>
        <color theme="1"/>
        <rFont val="ＭＳ 明朝"/>
        <family val="1"/>
        <charset val="128"/>
      </rPr>
      <t>（専従者給与額を含む。）</t>
    </r>
    <rPh sb="2" eb="4">
      <t>ヒツヨウ</t>
    </rPh>
    <rPh sb="4" eb="6">
      <t>ケイヒ</t>
    </rPh>
    <rPh sb="8" eb="11">
      <t>センジュウシャ</t>
    </rPh>
    <rPh sb="11" eb="13">
      <t>キュウヨ</t>
    </rPh>
    <rPh sb="13" eb="14">
      <t>ガク</t>
    </rPh>
    <rPh sb="15" eb="16">
      <t>フク</t>
    </rPh>
    <phoneticPr fontId="2"/>
  </si>
  <si>
    <t>専従者</t>
    <rPh sb="0" eb="3">
      <t>センジュウシャ</t>
    </rPh>
    <phoneticPr fontId="2"/>
  </si>
  <si>
    <t>配専</t>
    <rPh sb="0" eb="1">
      <t>ハイ</t>
    </rPh>
    <rPh sb="1" eb="2">
      <t>セン</t>
    </rPh>
    <phoneticPr fontId="2"/>
  </si>
  <si>
    <t>控専</t>
    <rPh sb="0" eb="1">
      <t>ヒカエ</t>
    </rPh>
    <rPh sb="1" eb="2">
      <t>セン</t>
    </rPh>
    <phoneticPr fontId="2"/>
  </si>
  <si>
    <t>審査</t>
    <rPh sb="0" eb="2">
      <t>シンサ</t>
    </rPh>
    <phoneticPr fontId="2"/>
  </si>
  <si>
    <t>入力</t>
    <rPh sb="0" eb="2">
      <t>ニュウリョク</t>
    </rPh>
    <phoneticPr fontId="2"/>
  </si>
  <si>
    <t>受付</t>
    <rPh sb="0" eb="2">
      <t>ウケツ</t>
    </rPh>
    <phoneticPr fontId="2"/>
  </si>
  <si>
    <t>宛　名　番　号</t>
    <rPh sb="0" eb="1">
      <t>アテ</t>
    </rPh>
    <rPh sb="2" eb="3">
      <t>メイ</t>
    </rPh>
    <rPh sb="4" eb="5">
      <t>バン</t>
    </rPh>
    <rPh sb="6" eb="7">
      <t>ゴウ</t>
    </rPh>
    <phoneticPr fontId="2"/>
  </si>
  <si>
    <t>本　人　該　当　事　項</t>
    <rPh sb="0" eb="1">
      <t>モト</t>
    </rPh>
    <rPh sb="2" eb="3">
      <t>ニン</t>
    </rPh>
    <rPh sb="4" eb="5">
      <t>ガイ</t>
    </rPh>
    <rPh sb="6" eb="7">
      <t>トウ</t>
    </rPh>
    <rPh sb="8" eb="9">
      <t>コト</t>
    </rPh>
    <rPh sb="10" eb="11">
      <t>コウ</t>
    </rPh>
    <phoneticPr fontId="2"/>
  </si>
  <si>
    <t>(1)</t>
    <phoneticPr fontId="2"/>
  </si>
  <si>
    <t>(3)</t>
  </si>
  <si>
    <t>(4)</t>
  </si>
  <si>
    <t>(5)</t>
  </si>
  <si>
    <t>(6)</t>
  </si>
  <si>
    <t>(7)</t>
    <phoneticPr fontId="2"/>
  </si>
  <si>
    <t>(8)</t>
    <phoneticPr fontId="2"/>
  </si>
  <si>
    <t>(9)</t>
    <phoneticPr fontId="2"/>
  </si>
  <si>
    <t>(13)</t>
  </si>
  <si>
    <t>(14)</t>
  </si>
  <si>
    <t>(15)</t>
  </si>
  <si>
    <t>(49)</t>
    <phoneticPr fontId="2"/>
  </si>
  <si>
    <t>ア</t>
    <phoneticPr fontId="2"/>
  </si>
  <si>
    <t>イ</t>
    <phoneticPr fontId="2"/>
  </si>
  <si>
    <t>ウ</t>
    <phoneticPr fontId="2"/>
  </si>
  <si>
    <t>エ</t>
    <phoneticPr fontId="2"/>
  </si>
  <si>
    <t>オ</t>
    <phoneticPr fontId="2"/>
  </si>
  <si>
    <t>カ</t>
    <phoneticPr fontId="2"/>
  </si>
  <si>
    <t>キ</t>
    <phoneticPr fontId="2"/>
  </si>
  <si>
    <t>ク</t>
    <phoneticPr fontId="2"/>
  </si>
  <si>
    <t>損益通算の特例適用前の不動産所得</t>
    <rPh sb="0" eb="2">
      <t>ソンエキ</t>
    </rPh>
    <rPh sb="2" eb="4">
      <t>ツウサン</t>
    </rPh>
    <rPh sb="5" eb="7">
      <t>トクレイ</t>
    </rPh>
    <rPh sb="7" eb="8">
      <t>カナウ</t>
    </rPh>
    <rPh sb="8" eb="9">
      <t>ヨウ</t>
    </rPh>
    <rPh sb="9" eb="10">
      <t>マエ</t>
    </rPh>
    <rPh sb="11" eb="14">
      <t>フドウサン</t>
    </rPh>
    <rPh sb="14" eb="16">
      <t>ショトク</t>
    </rPh>
    <phoneticPr fontId="3"/>
  </si>
  <si>
    <t>扶 養 控 除</t>
    <rPh sb="0" eb="1">
      <t>タケ</t>
    </rPh>
    <rPh sb="2" eb="3">
      <t>ヨウ</t>
    </rPh>
    <rPh sb="4" eb="5">
      <t>ヒカエ</t>
    </rPh>
    <rPh sb="6" eb="7">
      <t>ノゾ</t>
    </rPh>
    <phoneticPr fontId="2"/>
  </si>
  <si>
    <t>扶 養 障 害</t>
    <rPh sb="0" eb="1">
      <t>タケ</t>
    </rPh>
    <rPh sb="2" eb="3">
      <t>ヨウ</t>
    </rPh>
    <rPh sb="4" eb="5">
      <t>ショウ</t>
    </rPh>
    <rPh sb="6" eb="7">
      <t>ガイ</t>
    </rPh>
    <phoneticPr fontId="2"/>
  </si>
  <si>
    <t>合計所得金額</t>
    <rPh sb="0" eb="2">
      <t>ゴウケイ</t>
    </rPh>
    <rPh sb="2" eb="4">
      <t>ショトク</t>
    </rPh>
    <rPh sb="4" eb="5">
      <t>キン</t>
    </rPh>
    <rPh sb="5" eb="6">
      <t>ガク</t>
    </rPh>
    <phoneticPr fontId="2"/>
  </si>
  <si>
    <t>年　　　月　　　日</t>
    <rPh sb="0" eb="1">
      <t>ネン</t>
    </rPh>
    <rPh sb="4" eb="5">
      <t>ガツ</t>
    </rPh>
    <rPh sb="8" eb="9">
      <t>ニチ</t>
    </rPh>
    <phoneticPr fontId="2"/>
  </si>
  <si>
    <r>
      <rPr>
        <sz val="6"/>
        <color theme="1"/>
        <rFont val="ＭＳ 明朝"/>
        <family val="1"/>
        <charset val="128"/>
      </rPr>
      <t>フリガナ</t>
    </r>
    <r>
      <rPr>
        <sz val="8"/>
        <color theme="1"/>
        <rFont val="ＭＳ 明朝"/>
        <family val="1"/>
        <charset val="128"/>
      </rPr>
      <t xml:space="preserve">
氏　　名</t>
    </r>
    <rPh sb="5" eb="6">
      <t>シ</t>
    </rPh>
    <rPh sb="8" eb="9">
      <t>メイ</t>
    </rPh>
    <phoneticPr fontId="3"/>
  </si>
  <si>
    <t>月</t>
    <rPh sb="0" eb="1">
      <t>ツキ</t>
    </rPh>
    <phoneticPr fontId="2"/>
  </si>
  <si>
    <t>電話番号</t>
    <phoneticPr fontId="3"/>
  </si>
  <si>
    <t>生 年 月 日</t>
    <rPh sb="0" eb="1">
      <t>セイ</t>
    </rPh>
    <rPh sb="2" eb="3">
      <t>ネン</t>
    </rPh>
    <rPh sb="4" eb="5">
      <t>ガツ</t>
    </rPh>
    <rPh sb="6" eb="7">
      <t>ニチ</t>
    </rPh>
    <phoneticPr fontId="2"/>
  </si>
  <si>
    <t>Ｃ 青色申告特別控除額</t>
    <rPh sb="2" eb="4">
      <t>アオイロ</t>
    </rPh>
    <rPh sb="4" eb="6">
      <t>シンコク</t>
    </rPh>
    <rPh sb="6" eb="8">
      <t>トクベツ</t>
    </rPh>
    <rPh sb="8" eb="10">
      <t>コウジョ</t>
    </rPh>
    <rPh sb="10" eb="11">
      <t>ガク</t>
    </rPh>
    <phoneticPr fontId="2"/>
  </si>
  <si>
    <t>有 ・ 無</t>
    <rPh sb="0" eb="1">
      <t>アリ</t>
    </rPh>
    <rPh sb="4" eb="5">
      <t>ナシ</t>
    </rPh>
    <phoneticPr fontId="2"/>
  </si>
  <si>
    <t>源泉徴収票記載
の社会保険料</t>
    <rPh sb="0" eb="2">
      <t>ゲンセン</t>
    </rPh>
    <rPh sb="2" eb="4">
      <t>チョウシュウ</t>
    </rPh>
    <rPh sb="4" eb="5">
      <t>ヒョウ</t>
    </rPh>
    <rPh sb="5" eb="7">
      <t>キサイ</t>
    </rPh>
    <rPh sb="9" eb="11">
      <t>シャカイ</t>
    </rPh>
    <rPh sb="11" eb="14">
      <t>ホケンリョウ</t>
    </rPh>
    <phoneticPr fontId="2"/>
  </si>
  <si>
    <t>介護保険料の計</t>
    <rPh sb="0" eb="2">
      <t>カイゴ</t>
    </rPh>
    <rPh sb="2" eb="5">
      <t>ホケンリョウ</t>
    </rPh>
    <phoneticPr fontId="2"/>
  </si>
  <si>
    <t>後期高齢者
医療保険料の計</t>
    <rPh sb="0" eb="2">
      <t>コウキ</t>
    </rPh>
    <rPh sb="2" eb="5">
      <t>コウレイシャ</t>
    </rPh>
    <rPh sb="6" eb="8">
      <t>イリョウ</t>
    </rPh>
    <rPh sb="8" eb="10">
      <t>ホケン</t>
    </rPh>
    <rPh sb="10" eb="11">
      <t>リョウ</t>
    </rPh>
    <rPh sb="12" eb="13">
      <t>ケイ</t>
    </rPh>
    <phoneticPr fontId="2"/>
  </si>
  <si>
    <t>新個人年金
保険料の計</t>
    <rPh sb="0" eb="1">
      <t>シン</t>
    </rPh>
    <rPh sb="1" eb="3">
      <t>コジン</t>
    </rPh>
    <rPh sb="3" eb="5">
      <t>ネンキン</t>
    </rPh>
    <rPh sb="6" eb="9">
      <t>ホケンリョウ</t>
    </rPh>
    <rPh sb="10" eb="11">
      <t>ケイ</t>
    </rPh>
    <phoneticPr fontId="2"/>
  </si>
  <si>
    <t>旧個人年金
保険料の計</t>
    <rPh sb="0" eb="1">
      <t>キュウ</t>
    </rPh>
    <rPh sb="1" eb="3">
      <t>コジン</t>
    </rPh>
    <rPh sb="3" eb="5">
      <t>ネンキン</t>
    </rPh>
    <rPh sb="6" eb="9">
      <t>ホケンリョウ</t>
    </rPh>
    <rPh sb="10" eb="11">
      <t>ケイ</t>
    </rPh>
    <phoneticPr fontId="2"/>
  </si>
  <si>
    <t>国民年金
保険料の計</t>
    <rPh sb="0" eb="2">
      <t>コクミン</t>
    </rPh>
    <rPh sb="2" eb="4">
      <t>ネンキン</t>
    </rPh>
    <rPh sb="5" eb="8">
      <t>ホケンリョウ</t>
    </rPh>
    <rPh sb="9" eb="10">
      <t>ケイ</t>
    </rPh>
    <phoneticPr fontId="2"/>
  </si>
  <si>
    <t>控除
雑損</t>
    <rPh sb="0" eb="1">
      <t>コウ</t>
    </rPh>
    <rPh sb="1" eb="2">
      <t>ジョ</t>
    </rPh>
    <rPh sb="3" eb="5">
      <t>ザッソン</t>
    </rPh>
    <phoneticPr fontId="3"/>
  </si>
  <si>
    <t>生命保険料控除</t>
    <rPh sb="0" eb="2">
      <t>セイメイ</t>
    </rPh>
    <rPh sb="2" eb="5">
      <t>ホケンリョウ</t>
    </rPh>
    <rPh sb="5" eb="7">
      <t>コウジョ</t>
    </rPh>
    <phoneticPr fontId="2"/>
  </si>
  <si>
    <t>旧長期損害
保険料の計</t>
    <rPh sb="0" eb="1">
      <t>キュウ</t>
    </rPh>
    <rPh sb="1" eb="3">
      <t>チョウキ</t>
    </rPh>
    <rPh sb="3" eb="5">
      <t>ソンガイ</t>
    </rPh>
    <rPh sb="6" eb="9">
      <t>ホケンリョウ</t>
    </rPh>
    <rPh sb="10" eb="11">
      <t>ケイ</t>
    </rPh>
    <phoneticPr fontId="2"/>
  </si>
  <si>
    <t>電話番号</t>
    <rPh sb="0" eb="2">
      <t>デンワ</t>
    </rPh>
    <rPh sb="2" eb="4">
      <t>バンゴウ</t>
    </rPh>
    <phoneticPr fontId="2"/>
  </si>
  <si>
    <t>名　称</t>
    <rPh sb="0" eb="1">
      <t>メイ</t>
    </rPh>
    <rPh sb="2" eb="3">
      <t>ショウ</t>
    </rPh>
    <phoneticPr fontId="2"/>
  </si>
  <si>
    <t>１月</t>
    <rPh sb="1" eb="2">
      <t>ガツ</t>
    </rPh>
    <phoneticPr fontId="2"/>
  </si>
  <si>
    <t>２月</t>
  </si>
  <si>
    <t>３月</t>
  </si>
  <si>
    <t>４月</t>
  </si>
  <si>
    <t>５月</t>
  </si>
  <si>
    <t>６月</t>
  </si>
  <si>
    <t>７月</t>
    <rPh sb="1" eb="2">
      <t>ガツ</t>
    </rPh>
    <phoneticPr fontId="2"/>
  </si>
  <si>
    <t>８月</t>
  </si>
  <si>
    <t>９月</t>
  </si>
  <si>
    <t>月別</t>
    <rPh sb="1" eb="2">
      <t>ベツ</t>
    </rPh>
    <phoneticPr fontId="2"/>
  </si>
  <si>
    <t>賞与（ボーナス）等</t>
    <rPh sb="8" eb="9">
      <t>トウ</t>
    </rPh>
    <phoneticPr fontId="3"/>
  </si>
  <si>
    <t>合　　計</t>
    <rPh sb="0" eb="1">
      <t>ゴウ</t>
    </rPh>
    <rPh sb="3" eb="4">
      <t>ケイ</t>
    </rPh>
    <phoneticPr fontId="3"/>
  </si>
  <si>
    <t>10月</t>
    <phoneticPr fontId="2"/>
  </si>
  <si>
    <t>11月</t>
  </si>
  <si>
    <t>12月</t>
  </si>
  <si>
    <t>青色申告の承認</t>
    <rPh sb="0" eb="2">
      <t>アオイロ</t>
    </rPh>
    <rPh sb="2" eb="4">
      <t>シンコク</t>
    </rPh>
    <rPh sb="5" eb="7">
      <t>ショウニン</t>
    </rPh>
    <phoneticPr fontId="2"/>
  </si>
  <si>
    <r>
      <t>フリガナ</t>
    </r>
    <r>
      <rPr>
        <sz val="9"/>
        <color theme="1"/>
        <rFont val="ＭＳ 明朝"/>
        <family val="1"/>
        <charset val="128"/>
      </rPr>
      <t xml:space="preserve">
氏　　名</t>
    </r>
    <rPh sb="5" eb="6">
      <t>シ</t>
    </rPh>
    <rPh sb="8" eb="9">
      <t>メイ</t>
    </rPh>
    <phoneticPr fontId="2"/>
  </si>
  <si>
    <t>専従者給与
（控除）額</t>
    <rPh sb="0" eb="3">
      <t>センジュウシャ</t>
    </rPh>
    <rPh sb="3" eb="5">
      <t>キュウヨ</t>
    </rPh>
    <rPh sb="7" eb="9">
      <t>コウジョ</t>
    </rPh>
    <rPh sb="10" eb="11">
      <t>ガク</t>
    </rPh>
    <phoneticPr fontId="2"/>
  </si>
  <si>
    <t>従事
月数</t>
    <rPh sb="0" eb="2">
      <t>ジュウジ</t>
    </rPh>
    <rPh sb="3" eb="5">
      <t>ツキスウ</t>
    </rPh>
    <phoneticPr fontId="2"/>
  </si>
  <si>
    <r>
      <t>フリガナ</t>
    </r>
    <r>
      <rPr>
        <sz val="8"/>
        <color theme="1"/>
        <rFont val="ＭＳ 明朝"/>
        <family val="1"/>
        <charset val="128"/>
      </rPr>
      <t xml:space="preserve">
氏　　名</t>
    </r>
    <rPh sb="5" eb="6">
      <t>シ</t>
    </rPh>
    <rPh sb="8" eb="9">
      <t>メイ</t>
    </rPh>
    <phoneticPr fontId="2"/>
  </si>
  <si>
    <t>住　　　　所</t>
    <rPh sb="0" eb="1">
      <t>ジュウ</t>
    </rPh>
    <rPh sb="5" eb="6">
      <t>ショ</t>
    </rPh>
    <phoneticPr fontId="2"/>
  </si>
  <si>
    <t>個　人　番　号</t>
    <rPh sb="0" eb="1">
      <t>コ</t>
    </rPh>
    <rPh sb="2" eb="3">
      <t>ニン</t>
    </rPh>
    <rPh sb="4" eb="5">
      <t>バン</t>
    </rPh>
    <rPh sb="6" eb="7">
      <t>ゴウ</t>
    </rPh>
    <phoneticPr fontId="2"/>
  </si>
  <si>
    <t>収　入</t>
    <rPh sb="0" eb="1">
      <t>オサム</t>
    </rPh>
    <rPh sb="2" eb="3">
      <t>ハイ</t>
    </rPh>
    <phoneticPr fontId="2"/>
  </si>
  <si>
    <t>源泉徴収票の左端をここに貼ってください。</t>
    <rPh sb="0" eb="2">
      <t>ゲンセン</t>
    </rPh>
    <rPh sb="2" eb="4">
      <t>チョウシュウ</t>
    </rPh>
    <rPh sb="4" eb="5">
      <t>ヒョウ</t>
    </rPh>
    <rPh sb="6" eb="8">
      <t>ヒダリハシ</t>
    </rPh>
    <rPh sb="12" eb="13">
      <t>ハ</t>
    </rPh>
    <phoneticPr fontId="2"/>
  </si>
  <si>
    <t>小規模企業共済等掛金控除</t>
    <rPh sb="0" eb="1">
      <t>ショウ</t>
    </rPh>
    <rPh sb="1" eb="2">
      <t>キ</t>
    </rPh>
    <rPh sb="2" eb="3">
      <t>ボ</t>
    </rPh>
    <rPh sb="3" eb="4">
      <t>キ</t>
    </rPh>
    <rPh sb="4" eb="5">
      <t>ギョウ</t>
    </rPh>
    <rPh sb="5" eb="6">
      <t>トモ</t>
    </rPh>
    <rPh sb="6" eb="7">
      <t>スミ</t>
    </rPh>
    <rPh sb="7" eb="8">
      <t>トウ</t>
    </rPh>
    <rPh sb="8" eb="9">
      <t>カ</t>
    </rPh>
    <rPh sb="9" eb="10">
      <t>キン</t>
    </rPh>
    <rPh sb="10" eb="11">
      <t>ヒカエ</t>
    </rPh>
    <rPh sb="11" eb="12">
      <t>ノゾ</t>
    </rPh>
    <phoneticPr fontId="2"/>
  </si>
  <si>
    <t>支払掛金の計</t>
    <rPh sb="0" eb="2">
      <t>シハライ</t>
    </rPh>
    <rPh sb="2" eb="3">
      <t>カ</t>
    </rPh>
    <rPh sb="3" eb="4">
      <t>キン</t>
    </rPh>
    <rPh sb="5" eb="6">
      <t>ケイ</t>
    </rPh>
    <phoneticPr fontId="2"/>
  </si>
  <si>
    <t>介護医療
保険料の計</t>
    <rPh sb="0" eb="2">
      <t>カイゴ</t>
    </rPh>
    <rPh sb="2" eb="4">
      <t>イリョウ</t>
    </rPh>
    <rPh sb="5" eb="8">
      <t>ホケンリョウ</t>
    </rPh>
    <rPh sb="9" eb="10">
      <t>ケイ</t>
    </rPh>
    <phoneticPr fontId="2"/>
  </si>
  <si>
    <t>勤務先</t>
    <rPh sb="0" eb="3">
      <t>キンムサキ</t>
    </rPh>
    <phoneticPr fontId="2"/>
  </si>
  <si>
    <t>　アルバイト・パート勤務等により、賃金・報酬の支払を受けていた人で、源泉徴収票のない人は記入してください。</t>
    <rPh sb="10" eb="12">
      <t>キンム</t>
    </rPh>
    <rPh sb="12" eb="13">
      <t>トウ</t>
    </rPh>
    <rPh sb="17" eb="19">
      <t>チンギン</t>
    </rPh>
    <rPh sb="20" eb="22">
      <t>ホウシュウ</t>
    </rPh>
    <rPh sb="23" eb="25">
      <t>シハラ</t>
    </rPh>
    <rPh sb="26" eb="27">
      <t>ウ</t>
    </rPh>
    <rPh sb="31" eb="32">
      <t>ヒト</t>
    </rPh>
    <rPh sb="44" eb="46">
      <t>キニュウ</t>
    </rPh>
    <phoneticPr fontId="3"/>
  </si>
  <si>
    <t>氏　名</t>
    <phoneticPr fontId="3"/>
  </si>
  <si>
    <t>現住所</t>
    <phoneticPr fontId="3"/>
  </si>
  <si>
    <t>個人番号</t>
    <rPh sb="0" eb="2">
      <t>コジン</t>
    </rPh>
    <rPh sb="2" eb="4">
      <t>バンゴウ</t>
    </rPh>
    <phoneticPr fontId="3"/>
  </si>
  <si>
    <t>そ の 他</t>
    <rPh sb="4" eb="5">
      <t>タ</t>
    </rPh>
    <phoneticPr fontId="2"/>
  </si>
  <si>
    <t>障害の程度</t>
    <rPh sb="0" eb="2">
      <t>ショウガイ</t>
    </rPh>
    <rPh sb="3" eb="4">
      <t>ホド</t>
    </rPh>
    <rPh sb="4" eb="5">
      <t>ド</t>
    </rPh>
    <phoneticPr fontId="2"/>
  </si>
  <si>
    <t>ケ</t>
    <phoneticPr fontId="2"/>
  </si>
  <si>
    <t>コ</t>
    <phoneticPr fontId="2"/>
  </si>
  <si>
    <t>サ</t>
    <phoneticPr fontId="2"/>
  </si>
  <si>
    <t>シ</t>
    <phoneticPr fontId="2"/>
  </si>
  <si>
    <t>ス</t>
    <phoneticPr fontId="2"/>
  </si>
  <si>
    <t>セ</t>
    <phoneticPr fontId="2"/>
  </si>
  <si>
    <t>ソ</t>
    <phoneticPr fontId="2"/>
  </si>
  <si>
    <t>タ</t>
    <phoneticPr fontId="2"/>
  </si>
  <si>
    <t>チ</t>
    <phoneticPr fontId="2"/>
  </si>
  <si>
    <t>同老</t>
    <rPh sb="0" eb="1">
      <t>オナ</t>
    </rPh>
    <rPh sb="1" eb="2">
      <t>ロウ</t>
    </rPh>
    <phoneticPr fontId="2"/>
  </si>
  <si>
    <t>◆配当割額又は株式等譲渡所得割
　額の控除に関する事項</t>
    <rPh sb="1" eb="3">
      <t>ハイトウ</t>
    </rPh>
    <rPh sb="3" eb="4">
      <t>ワリ</t>
    </rPh>
    <rPh sb="4" eb="5">
      <t>ガク</t>
    </rPh>
    <rPh sb="5" eb="6">
      <t>マタ</t>
    </rPh>
    <rPh sb="7" eb="9">
      <t>カブシキ</t>
    </rPh>
    <rPh sb="9" eb="10">
      <t>トウ</t>
    </rPh>
    <rPh sb="10" eb="12">
      <t>ジョウト</t>
    </rPh>
    <rPh sb="12" eb="14">
      <t>ショトク</t>
    </rPh>
    <rPh sb="14" eb="15">
      <t>ワリ</t>
    </rPh>
    <rPh sb="17" eb="18">
      <t>ガク</t>
    </rPh>
    <rPh sb="19" eb="21">
      <t>コウジョ</t>
    </rPh>
    <rPh sb="22" eb="23">
      <t>カン</t>
    </rPh>
    <rPh sb="25" eb="27">
      <t>ジコウ</t>
    </rPh>
    <phoneticPr fontId="2"/>
  </si>
  <si>
    <t>(2)</t>
    <phoneticPr fontId="2"/>
  </si>
  <si>
    <t>国民健康
保険税（料）の計</t>
    <rPh sb="0" eb="2">
      <t>コクミン</t>
    </rPh>
    <rPh sb="2" eb="4">
      <t>ケンコウ</t>
    </rPh>
    <rPh sb="5" eb="7">
      <t>ホケン</t>
    </rPh>
    <rPh sb="7" eb="8">
      <t>ゼイ</t>
    </rPh>
    <rPh sb="9" eb="10">
      <t>リョウ</t>
    </rPh>
    <rPh sb="12" eb="13">
      <t>ケイ</t>
    </rPh>
    <phoneticPr fontId="2"/>
  </si>
  <si>
    <t>円</t>
    <phoneticPr fontId="2"/>
  </si>
  <si>
    <t>円</t>
    <phoneticPr fontId="2"/>
  </si>
  <si>
    <t>円</t>
    <rPh sb="0" eb="1">
      <t>エン</t>
    </rPh>
    <phoneticPr fontId="2"/>
  </si>
  <si>
    <t>円</t>
    <phoneticPr fontId="2"/>
  </si>
  <si>
    <t>円</t>
    <rPh sb="0" eb="1">
      <t>エン</t>
    </rPh>
    <phoneticPr fontId="2"/>
  </si>
  <si>
    <t>□通常の医療費控除　　　　□セルフメディケーション税制
（いずれかを選択してチェックしてください。）</t>
    <rPh sb="1" eb="3">
      <t>ツウジョウ</t>
    </rPh>
    <rPh sb="4" eb="7">
      <t>イリョウヒ</t>
    </rPh>
    <rPh sb="7" eb="9">
      <t>コウジョ</t>
    </rPh>
    <rPh sb="25" eb="27">
      <t>ゼイセイ</t>
    </rPh>
    <rPh sb="34" eb="36">
      <t>センタク</t>
    </rPh>
    <phoneticPr fontId="2"/>
  </si>
  <si>
    <t>◆住宅借入金等特別控除の額の内訳</t>
    <rPh sb="1" eb="3">
      <t>ジュウタク</t>
    </rPh>
    <rPh sb="3" eb="4">
      <t>カ</t>
    </rPh>
    <rPh sb="4" eb="5">
      <t>イ</t>
    </rPh>
    <rPh sb="5" eb="6">
      <t>キン</t>
    </rPh>
    <rPh sb="6" eb="7">
      <t>ナド</t>
    </rPh>
    <rPh sb="7" eb="9">
      <t>トクベツ</t>
    </rPh>
    <rPh sb="9" eb="11">
      <t>コウジョ</t>
    </rPh>
    <rPh sb="12" eb="13">
      <t>ガク</t>
    </rPh>
    <rPh sb="14" eb="16">
      <t>ウチワケ</t>
    </rPh>
    <phoneticPr fontId="2"/>
  </si>
  <si>
    <t>居住開始年月日</t>
    <rPh sb="0" eb="2">
      <t>キョジュウ</t>
    </rPh>
    <rPh sb="2" eb="4">
      <t>カイシ</t>
    </rPh>
    <rPh sb="4" eb="7">
      <t>ネンガッピ</t>
    </rPh>
    <phoneticPr fontId="2"/>
  </si>
  <si>
    <t>住宅借入金等特別控除区分</t>
    <rPh sb="0" eb="2">
      <t>ジュウタク</t>
    </rPh>
    <rPh sb="2" eb="3">
      <t>カ</t>
    </rPh>
    <rPh sb="3" eb="4">
      <t>イ</t>
    </rPh>
    <rPh sb="4" eb="5">
      <t>キン</t>
    </rPh>
    <rPh sb="5" eb="6">
      <t>ナド</t>
    </rPh>
    <rPh sb="6" eb="8">
      <t>トクベツ</t>
    </rPh>
    <rPh sb="8" eb="10">
      <t>コウジョ</t>
    </rPh>
    <rPh sb="10" eb="12">
      <t>クブン</t>
    </rPh>
    <phoneticPr fontId="2"/>
  </si>
  <si>
    <t>年</t>
    <rPh sb="0" eb="1">
      <t>ネン</t>
    </rPh>
    <phoneticPr fontId="2"/>
  </si>
  <si>
    <t>月</t>
    <rPh sb="0" eb="1">
      <t>ツキ</t>
    </rPh>
    <phoneticPr fontId="2"/>
  </si>
  <si>
    <t>日</t>
    <rPh sb="0" eb="1">
      <t>ニチ</t>
    </rPh>
    <phoneticPr fontId="2"/>
  </si>
  <si>
    <t>◆伊丹市使用欄</t>
    <rPh sb="1" eb="3">
      <t>イタミ</t>
    </rPh>
    <rPh sb="3" eb="4">
      <t>シ</t>
    </rPh>
    <rPh sb="4" eb="6">
      <t>シヨウ</t>
    </rPh>
    <rPh sb="6" eb="7">
      <t>ラン</t>
    </rPh>
    <phoneticPr fontId="2"/>
  </si>
  <si>
    <t>課税証明</t>
    <rPh sb="0" eb="2">
      <t>カゼイ</t>
    </rPh>
    <rPh sb="2" eb="4">
      <t>ショウメイ</t>
    </rPh>
    <phoneticPr fontId="2"/>
  </si>
  <si>
    <t>非課税証明</t>
    <rPh sb="0" eb="3">
      <t>ヒカゼイ</t>
    </rPh>
    <rPh sb="3" eb="5">
      <t>ショウメイ</t>
    </rPh>
    <phoneticPr fontId="2"/>
  </si>
  <si>
    <t>支払医療費</t>
    <rPh sb="0" eb="2">
      <t>シハライ</t>
    </rPh>
    <rPh sb="2" eb="5">
      <t>イリョウヒ</t>
    </rPh>
    <phoneticPr fontId="2"/>
  </si>
  <si>
    <t>保険金などで
補てんされる金額</t>
    <rPh sb="0" eb="2">
      <t>ホケン</t>
    </rPh>
    <rPh sb="2" eb="3">
      <t>キン</t>
    </rPh>
    <rPh sb="7" eb="8">
      <t>ホ</t>
    </rPh>
    <rPh sb="13" eb="15">
      <t>キンガク</t>
    </rPh>
    <phoneticPr fontId="2"/>
  </si>
  <si>
    <t>　　　点線以下は職員記入欄です。</t>
    <rPh sb="3" eb="5">
      <t>テンセン</t>
    </rPh>
    <rPh sb="5" eb="7">
      <t>イカ</t>
    </rPh>
    <rPh sb="8" eb="10">
      <t>ショクイン</t>
    </rPh>
    <rPh sb="10" eb="12">
      <t>キニュウ</t>
    </rPh>
    <rPh sb="12" eb="13">
      <t>ラン</t>
    </rPh>
    <phoneticPr fontId="2"/>
  </si>
  <si>
    <t>配偶者特別控除を受ける場合のみご記入ください。↑</t>
    <rPh sb="0" eb="3">
      <t>ハイグウシャ</t>
    </rPh>
    <rPh sb="3" eb="5">
      <t>トクベツ</t>
    </rPh>
    <rPh sb="5" eb="7">
      <t>コウジョ</t>
    </rPh>
    <rPh sb="8" eb="9">
      <t>ウ</t>
    </rPh>
    <rPh sb="11" eb="13">
      <t>バアイ</t>
    </rPh>
    <rPh sb="16" eb="18">
      <t>キニュウ</t>
    </rPh>
    <phoneticPr fontId="2"/>
  </si>
  <si>
    <t>□</t>
    <phoneticPr fontId="2"/>
  </si>
  <si>
    <t>同一生計配偶者（控除対象配偶者を除く）。</t>
    <rPh sb="0" eb="2">
      <t>ドウイツ</t>
    </rPh>
    <rPh sb="2" eb="4">
      <t>セイケイ</t>
    </rPh>
    <rPh sb="4" eb="7">
      <t>ハイグウシャ</t>
    </rPh>
    <rPh sb="8" eb="10">
      <t>コウジョ</t>
    </rPh>
    <rPh sb="10" eb="12">
      <t>タイショウ</t>
    </rPh>
    <rPh sb="12" eb="15">
      <t>ハイグウシャ</t>
    </rPh>
    <rPh sb="16" eb="17">
      <t>ノゾ</t>
    </rPh>
    <phoneticPr fontId="2"/>
  </si>
  <si>
    <t>配偶者控除・配偶者特別
控除・同一生計配偶者</t>
    <rPh sb="0" eb="3">
      <t>ハイグウシャ</t>
    </rPh>
    <rPh sb="3" eb="5">
      <t>コウジョ</t>
    </rPh>
    <rPh sb="6" eb="9">
      <t>ハイグウシャ</t>
    </rPh>
    <rPh sb="9" eb="11">
      <t>トクベツ</t>
    </rPh>
    <rPh sb="12" eb="14">
      <t>コウジョ</t>
    </rPh>
    <rPh sb="15" eb="17">
      <t>ドウイツ</t>
    </rPh>
    <rPh sb="17" eb="19">
      <t>セイケイ</t>
    </rPh>
    <rPh sb="19" eb="22">
      <t>ハイグウシャ</t>
    </rPh>
    <phoneticPr fontId="2"/>
  </si>
  <si>
    <t>同一</t>
    <rPh sb="0" eb="2">
      <t>ドウイツ</t>
    </rPh>
    <phoneticPr fontId="2"/>
  </si>
  <si>
    <t>伊丹市長　宛</t>
    <rPh sb="0" eb="4">
      <t>イタミシチョウ</t>
    </rPh>
    <rPh sb="5" eb="6">
      <t>アテ</t>
    </rPh>
    <phoneticPr fontId="2"/>
  </si>
  <si>
    <t>&lt;配当所得&gt;</t>
    <rPh sb="1" eb="3">
      <t>ハイトウ</t>
    </rPh>
    <rPh sb="3" eb="5">
      <t>ショトク</t>
    </rPh>
    <phoneticPr fontId="2"/>
  </si>
  <si>
    <t>&lt;譲渡所得&gt;</t>
    <rPh sb="1" eb="3">
      <t>ジョウト</t>
    </rPh>
    <rPh sb="3" eb="5">
      <t>ショトク</t>
    </rPh>
    <phoneticPr fontId="2"/>
  </si>
  <si>
    <t>　　□総合課税</t>
    <rPh sb="3" eb="5">
      <t>ソウゴウ</t>
    </rPh>
    <rPh sb="5" eb="7">
      <t>カゼイ</t>
    </rPh>
    <phoneticPr fontId="2"/>
  </si>
  <si>
    <t>　　□源泉分離課税（申告不要）</t>
    <rPh sb="3" eb="5">
      <t>ゲンセン</t>
    </rPh>
    <rPh sb="5" eb="7">
      <t>ブンリ</t>
    </rPh>
    <rPh sb="7" eb="9">
      <t>カゼイ</t>
    </rPh>
    <rPh sb="10" eb="12">
      <t>シンコク</t>
    </rPh>
    <rPh sb="12" eb="14">
      <t>フヨウ</t>
    </rPh>
    <phoneticPr fontId="2"/>
  </si>
  <si>
    <t>　　□申告分離課税</t>
    <rPh sb="3" eb="5">
      <t>シンコク</t>
    </rPh>
    <rPh sb="5" eb="7">
      <t>ブンリ</t>
    </rPh>
    <rPh sb="7" eb="9">
      <t>カゼイ</t>
    </rPh>
    <phoneticPr fontId="2"/>
  </si>
  <si>
    <t>　　□所得税と同じ課税方式</t>
    <rPh sb="3" eb="6">
      <t>ショトクゼイ</t>
    </rPh>
    <rPh sb="7" eb="8">
      <t>オナ</t>
    </rPh>
    <rPh sb="9" eb="11">
      <t>カゼイ</t>
    </rPh>
    <rPh sb="11" eb="13">
      <t>ホウシキ</t>
    </rPh>
    <phoneticPr fontId="2"/>
  </si>
  <si>
    <t>　年　月　日
提出</t>
    <rPh sb="1" eb="2">
      <t>ネン</t>
    </rPh>
    <rPh sb="3" eb="4">
      <t>ガツ</t>
    </rPh>
    <rPh sb="5" eb="6">
      <t>ニチ</t>
    </rPh>
    <rPh sb="7" eb="9">
      <t>テイシュツ</t>
    </rPh>
    <phoneticPr fontId="2"/>
  </si>
  <si>
    <t>明・大・昭・平・令</t>
    <rPh sb="0" eb="1">
      <t>メイ</t>
    </rPh>
    <rPh sb="2" eb="3">
      <t>ダイ</t>
    </rPh>
    <rPh sb="4" eb="5">
      <t>アキラ</t>
    </rPh>
    <rPh sb="6" eb="7">
      <t>タイラ</t>
    </rPh>
    <rPh sb="8" eb="9">
      <t>レイ</t>
    </rPh>
    <phoneticPr fontId="2"/>
  </si>
  <si>
    <t>生 年 月 日</t>
    <rPh sb="0" eb="1">
      <t>セイ</t>
    </rPh>
    <rPh sb="2" eb="3">
      <t>トシ</t>
    </rPh>
    <rPh sb="4" eb="5">
      <t>ツキ</t>
    </rPh>
    <rPh sb="6" eb="7">
      <t>ヒ</t>
    </rPh>
    <phoneticPr fontId="2"/>
  </si>
  <si>
    <t>平・令</t>
    <rPh sb="0" eb="1">
      <t>ヒラ</t>
    </rPh>
    <rPh sb="2" eb="3">
      <t>レイ</t>
    </rPh>
    <phoneticPr fontId="2"/>
  </si>
  <si>
    <t>セルフメディケーション税制の規定の適用を選択する場合には、
「医療費控除」欄の「区分」の□に「✓」と記入してください。</t>
    <rPh sb="11" eb="13">
      <t>ゼイセイ</t>
    </rPh>
    <rPh sb="14" eb="16">
      <t>キテイ</t>
    </rPh>
    <rPh sb="17" eb="19">
      <t>テキヨウ</t>
    </rPh>
    <rPh sb="20" eb="22">
      <t>センタク</t>
    </rPh>
    <rPh sb="24" eb="26">
      <t>バアイ</t>
    </rPh>
    <rPh sb="31" eb="34">
      <t>イリョウヒ</t>
    </rPh>
    <rPh sb="34" eb="36">
      <t>コウジョ</t>
    </rPh>
    <rPh sb="37" eb="38">
      <t>ラン</t>
    </rPh>
    <rPh sb="40" eb="42">
      <t>クブン</t>
    </rPh>
    <rPh sb="50" eb="52">
      <t>キニュウ</t>
    </rPh>
    <phoneticPr fontId="2"/>
  </si>
  <si>
    <t>旧生命保険料</t>
    <rPh sb="0" eb="1">
      <t>キュウ</t>
    </rPh>
    <rPh sb="1" eb="3">
      <t>セイメイ</t>
    </rPh>
    <rPh sb="3" eb="5">
      <t>ホケン</t>
    </rPh>
    <rPh sb="5" eb="6">
      <t>リョウ</t>
    </rPh>
    <phoneticPr fontId="2"/>
  </si>
  <si>
    <t>新生命保険料</t>
    <rPh sb="0" eb="1">
      <t>シン</t>
    </rPh>
    <rPh sb="1" eb="3">
      <t>セイメイ</t>
    </rPh>
    <rPh sb="3" eb="5">
      <t>ホケン</t>
    </rPh>
    <rPh sb="5" eb="6">
      <t>リョウ</t>
    </rPh>
    <phoneticPr fontId="2"/>
  </si>
  <si>
    <t>介護医療保険料</t>
    <rPh sb="0" eb="2">
      <t>カイゴ</t>
    </rPh>
    <rPh sb="2" eb="4">
      <t>イリョウ</t>
    </rPh>
    <rPh sb="4" eb="7">
      <t>ホケンリョウ</t>
    </rPh>
    <phoneticPr fontId="2"/>
  </si>
  <si>
    <t>旧個人年金保険料</t>
    <rPh sb="0" eb="1">
      <t>キュウ</t>
    </rPh>
    <rPh sb="1" eb="3">
      <t>コジン</t>
    </rPh>
    <rPh sb="3" eb="5">
      <t>ネンキン</t>
    </rPh>
    <rPh sb="5" eb="8">
      <t>ホケンリョウ</t>
    </rPh>
    <phoneticPr fontId="2"/>
  </si>
  <si>
    <t>新個人年金保険料</t>
    <rPh sb="0" eb="1">
      <t>シン</t>
    </rPh>
    <rPh sb="1" eb="3">
      <t>コジン</t>
    </rPh>
    <rPh sb="3" eb="5">
      <t>ネンキン</t>
    </rPh>
    <rPh sb="5" eb="8">
      <t>ホケンリョウ</t>
    </rPh>
    <phoneticPr fontId="2"/>
  </si>
  <si>
    <t>旧長期損害保険料</t>
    <rPh sb="0" eb="1">
      <t>キュウ</t>
    </rPh>
    <rPh sb="1" eb="3">
      <t>チョウキ</t>
    </rPh>
    <rPh sb="3" eb="5">
      <t>ソンガイ</t>
    </rPh>
    <rPh sb="5" eb="7">
      <t>ホケン</t>
    </rPh>
    <rPh sb="7" eb="8">
      <t>リョウ</t>
    </rPh>
    <phoneticPr fontId="2"/>
  </si>
  <si>
    <t>地 震 保 険 料</t>
    <rPh sb="0" eb="1">
      <t>チ</t>
    </rPh>
    <rPh sb="2" eb="3">
      <t>シン</t>
    </rPh>
    <rPh sb="4" eb="5">
      <t>タモツ</t>
    </rPh>
    <rPh sb="6" eb="7">
      <t>ケン</t>
    </rPh>
    <rPh sb="8" eb="9">
      <t>リョウ</t>
    </rPh>
    <phoneticPr fontId="2"/>
  </si>
  <si>
    <t>a</t>
    <phoneticPr fontId="2"/>
  </si>
  <si>
    <t>b</t>
    <phoneticPr fontId="2"/>
  </si>
  <si>
    <t>c</t>
    <phoneticPr fontId="2"/>
  </si>
  <si>
    <t>d</t>
    <phoneticPr fontId="2"/>
  </si>
  <si>
    <t>e</t>
    <phoneticPr fontId="2"/>
  </si>
  <si>
    <t>f</t>
    <phoneticPr fontId="2"/>
  </si>
  <si>
    <t>g</t>
    <phoneticPr fontId="2"/>
  </si>
  <si>
    <t>社会保険料控除</t>
    <rPh sb="0" eb="2">
      <t>シャカイ</t>
    </rPh>
    <rPh sb="2" eb="5">
      <t>ホケンリョウ</t>
    </rPh>
    <rPh sb="5" eb="7">
      <t>コウジョ</t>
    </rPh>
    <phoneticPr fontId="2"/>
  </si>
  <si>
    <t>小 規 模 企 業
共済等掛金控除</t>
    <rPh sb="0" eb="1">
      <t>ショウ</t>
    </rPh>
    <rPh sb="2" eb="3">
      <t>キ</t>
    </rPh>
    <rPh sb="4" eb="5">
      <t>モ</t>
    </rPh>
    <rPh sb="6" eb="7">
      <t>キ</t>
    </rPh>
    <rPh sb="8" eb="9">
      <t>ギョウ</t>
    </rPh>
    <rPh sb="10" eb="12">
      <t>キョウサイ</t>
    </rPh>
    <rPh sb="12" eb="13">
      <t>トウ</t>
    </rPh>
    <rPh sb="13" eb="15">
      <t>カケキン</t>
    </rPh>
    <rPh sb="15" eb="17">
      <t>コウジョ</t>
    </rPh>
    <phoneticPr fontId="2"/>
  </si>
  <si>
    <t>生命保険料控除</t>
    <rPh sb="0" eb="5">
      <t>セイメイホケンリョウ</t>
    </rPh>
    <rPh sb="5" eb="7">
      <t>コウジョ</t>
    </rPh>
    <phoneticPr fontId="2"/>
  </si>
  <si>
    <t>地震保険料控除</t>
    <rPh sb="0" eb="2">
      <t>ジシン</t>
    </rPh>
    <rPh sb="2" eb="5">
      <t>ホケンリョウ</t>
    </rPh>
    <rPh sb="5" eb="7">
      <t>コウジョ</t>
    </rPh>
    <phoneticPr fontId="2"/>
  </si>
  <si>
    <t>配偶者特別控除</t>
    <rPh sb="0" eb="3">
      <t>ハイグウシャ</t>
    </rPh>
    <rPh sb="3" eb="5">
      <t>トクベツ</t>
    </rPh>
    <rPh sb="5" eb="7">
      <t>コウジョ</t>
    </rPh>
    <phoneticPr fontId="2"/>
  </si>
  <si>
    <t>医療費控除</t>
    <rPh sb="0" eb="3">
      <t>イリョウヒ</t>
    </rPh>
    <rPh sb="3" eb="5">
      <t>コウジョ</t>
    </rPh>
    <phoneticPr fontId="2"/>
  </si>
  <si>
    <t>区分</t>
    <rPh sb="0" eb="2">
      <t>クブン</t>
    </rPh>
    <phoneticPr fontId="2"/>
  </si>
  <si>
    <t>配 偶 者 控 除</t>
    <rPh sb="0" eb="1">
      <t>ハイ</t>
    </rPh>
    <rPh sb="2" eb="3">
      <t>グウ</t>
    </rPh>
    <rPh sb="4" eb="5">
      <t>シャ</t>
    </rPh>
    <rPh sb="6" eb="7">
      <t>ヒカエ</t>
    </rPh>
    <rPh sb="8" eb="9">
      <t>ジョ</t>
    </rPh>
    <phoneticPr fontId="2"/>
  </si>
  <si>
    <t>扶  養  控  除</t>
    <rPh sb="0" eb="1">
      <t>フ</t>
    </rPh>
    <rPh sb="3" eb="4">
      <t>ヨウ</t>
    </rPh>
    <rPh sb="6" eb="7">
      <t>ヒカエ</t>
    </rPh>
    <rPh sb="9" eb="10">
      <t>ジョ</t>
    </rPh>
    <phoneticPr fontId="2"/>
  </si>
  <si>
    <t>基  礎  控  除</t>
    <rPh sb="0" eb="1">
      <t>モト</t>
    </rPh>
    <rPh sb="3" eb="4">
      <t>イシズエ</t>
    </rPh>
    <rPh sb="6" eb="7">
      <t>ヒカエ</t>
    </rPh>
    <rPh sb="9" eb="10">
      <t>ジョ</t>
    </rPh>
    <phoneticPr fontId="2"/>
  </si>
  <si>
    <t>小     計</t>
    <rPh sb="0" eb="1">
      <t>ショウ</t>
    </rPh>
    <rPh sb="6" eb="7">
      <t>ケイ</t>
    </rPh>
    <phoneticPr fontId="2"/>
  </si>
  <si>
    <t>雑  損  控  除</t>
    <rPh sb="0" eb="1">
      <t>ザツ</t>
    </rPh>
    <rPh sb="3" eb="4">
      <t>ソン</t>
    </rPh>
    <rPh sb="6" eb="7">
      <t>ヒカエ</t>
    </rPh>
    <rPh sb="9" eb="10">
      <t>ジョ</t>
    </rPh>
    <phoneticPr fontId="2"/>
  </si>
  <si>
    <t>合    計</t>
    <rPh sb="0" eb="1">
      <t>ゴウ</t>
    </rPh>
    <rPh sb="5" eb="6">
      <t>ケイ</t>
    </rPh>
    <phoneticPr fontId="2"/>
  </si>
  <si>
    <t>(12)</t>
    <phoneticPr fontId="2"/>
  </si>
  <si>
    <t>(16)</t>
    <phoneticPr fontId="2"/>
  </si>
  <si>
    <t>(Y)</t>
    <phoneticPr fontId="2"/>
  </si>
  <si>
    <t>(U)</t>
    <phoneticPr fontId="2"/>
  </si>
  <si>
    <t>(10)</t>
    <phoneticPr fontId="2"/>
  </si>
  <si>
    <t>(11)</t>
    <phoneticPr fontId="2"/>
  </si>
  <si>
    <t>(Z)</t>
    <phoneticPr fontId="2"/>
  </si>
  <si>
    <t>円</t>
    <rPh sb="0" eb="1">
      <t>エン</t>
    </rPh>
    <phoneticPr fontId="2"/>
  </si>
  <si>
    <t>同障</t>
    <rPh sb="0" eb="1">
      <t>ドウ</t>
    </rPh>
    <rPh sb="1" eb="2">
      <t>ショウ</t>
    </rPh>
    <phoneticPr fontId="2"/>
  </si>
  <si>
    <t>兵庫県共同募金会、日赤兵庫県支部分、都道府県・市区町村分（特例控除対象以外）</t>
    <rPh sb="0" eb="3">
      <t>ヒョウゴケン</t>
    </rPh>
    <rPh sb="3" eb="5">
      <t>キョウドウ</t>
    </rPh>
    <rPh sb="5" eb="7">
      <t>ボキン</t>
    </rPh>
    <rPh sb="7" eb="8">
      <t>カイ</t>
    </rPh>
    <rPh sb="9" eb="11">
      <t>ニッセキ</t>
    </rPh>
    <rPh sb="11" eb="14">
      <t>ヒョウゴケン</t>
    </rPh>
    <rPh sb="14" eb="16">
      <t>シブ</t>
    </rPh>
    <rPh sb="16" eb="17">
      <t>ブン</t>
    </rPh>
    <rPh sb="18" eb="22">
      <t>トドウフケン</t>
    </rPh>
    <rPh sb="23" eb="25">
      <t>シク</t>
    </rPh>
    <rPh sb="25" eb="27">
      <t>チョウソン</t>
    </rPh>
    <rPh sb="27" eb="28">
      <t>ブン</t>
    </rPh>
    <rPh sb="29" eb="31">
      <t>トクレイ</t>
    </rPh>
    <rPh sb="31" eb="33">
      <t>コウジョ</t>
    </rPh>
    <rPh sb="33" eb="35">
      <t>タイショウ</t>
    </rPh>
    <rPh sb="35" eb="37">
      <t>イガイ</t>
    </rPh>
    <phoneticPr fontId="3"/>
  </si>
  <si>
    <t>　　総合譲渡・一時　〔ソ＋ ｛（ タ ＋ チ ）× １/２ ｝〕</t>
    <rPh sb="2" eb="4">
      <t>ソウゴウ</t>
    </rPh>
    <rPh sb="4" eb="6">
      <t>ジョウト</t>
    </rPh>
    <rPh sb="7" eb="9">
      <t>イチジ</t>
    </rPh>
    <phoneticPr fontId="2"/>
  </si>
  <si>
    <t>◆上場株式等に係る配当所得及び譲渡所得等の課税方式</t>
    <rPh sb="1" eb="3">
      <t>ジョウジョウ</t>
    </rPh>
    <rPh sb="3" eb="5">
      <t>カブシキ</t>
    </rPh>
    <rPh sb="5" eb="6">
      <t>ナド</t>
    </rPh>
    <rPh sb="7" eb="8">
      <t>カカ</t>
    </rPh>
    <rPh sb="9" eb="11">
      <t>ハイトウ</t>
    </rPh>
    <rPh sb="11" eb="13">
      <t>ショトク</t>
    </rPh>
    <rPh sb="13" eb="14">
      <t>オヨ</t>
    </rPh>
    <rPh sb="15" eb="17">
      <t>ジョウト</t>
    </rPh>
    <rPh sb="17" eb="19">
      <t>ショトク</t>
    </rPh>
    <rPh sb="19" eb="20">
      <t>ナド</t>
    </rPh>
    <rPh sb="21" eb="23">
      <t>カゼイ</t>
    </rPh>
    <rPh sb="23" eb="25">
      <t>ホウシキ</t>
    </rPh>
    <phoneticPr fontId="2"/>
  </si>
  <si>
    <t>住宅借入金等特別控除可能額</t>
    <rPh sb="0" eb="2">
      <t>ジュウタク</t>
    </rPh>
    <rPh sb="2" eb="3">
      <t>シャク</t>
    </rPh>
    <rPh sb="3" eb="4">
      <t>イ</t>
    </rPh>
    <rPh sb="4" eb="5">
      <t>キン</t>
    </rPh>
    <rPh sb="5" eb="6">
      <t>ナド</t>
    </rPh>
    <rPh sb="6" eb="8">
      <t>トクベツ</t>
    </rPh>
    <rPh sb="8" eb="10">
      <t>コウジョ</t>
    </rPh>
    <rPh sb="10" eb="13">
      <t>カノウガク</t>
    </rPh>
    <phoneticPr fontId="2"/>
  </si>
  <si>
    <t>　１. 死　別　２. 離　婚
　３. 生死不明　４. 未帰還</t>
    <rPh sb="4" eb="5">
      <t>シ</t>
    </rPh>
    <rPh sb="6" eb="7">
      <t>ベツ</t>
    </rPh>
    <rPh sb="19" eb="21">
      <t>セイシ</t>
    </rPh>
    <rPh sb="21" eb="23">
      <t>フメイ</t>
    </rPh>
    <rPh sb="27" eb="30">
      <t>ミキカン</t>
    </rPh>
    <phoneticPr fontId="2"/>
  </si>
  <si>
    <r>
      <t xml:space="preserve">令和 </t>
    </r>
    <r>
      <rPr>
        <sz val="16"/>
        <color rgb="FFFF0000"/>
        <rFont val="ＭＳ 明朝"/>
        <family val="1"/>
        <charset val="128"/>
      </rPr>
      <t>３</t>
    </r>
    <r>
      <rPr>
        <sz val="16"/>
        <color theme="1"/>
        <rFont val="ＭＳ 明朝"/>
        <family val="1"/>
        <charset val="128"/>
      </rPr>
      <t xml:space="preserve"> 年度（令和 </t>
    </r>
    <r>
      <rPr>
        <sz val="16"/>
        <color rgb="FFFF0000"/>
        <rFont val="ＭＳ 明朝"/>
        <family val="1"/>
        <charset val="128"/>
      </rPr>
      <t>２</t>
    </r>
    <r>
      <rPr>
        <sz val="16"/>
        <color theme="1"/>
        <rFont val="ＭＳ 明朝"/>
        <family val="1"/>
        <charset val="128"/>
      </rPr>
      <t xml:space="preserve"> 年分所得）</t>
    </r>
    <rPh sb="0" eb="2">
      <t>レイワ</t>
    </rPh>
    <rPh sb="6" eb="7">
      <t>ド</t>
    </rPh>
    <rPh sb="8" eb="10">
      <t>レイワ</t>
    </rPh>
    <rPh sb="13" eb="14">
      <t>ネン</t>
    </rPh>
    <rPh sb="14" eb="15">
      <t>ブン</t>
    </rPh>
    <rPh sb="15" eb="17">
      <t>ショトク</t>
    </rPh>
    <phoneticPr fontId="2"/>
  </si>
  <si>
    <t>□調整</t>
    <phoneticPr fontId="2"/>
  </si>
  <si>
    <t>□別居</t>
    <phoneticPr fontId="2"/>
  </si>
  <si>
    <r>
      <t xml:space="preserve">□同居 
</t>
    </r>
    <r>
      <rPr>
        <sz val="8"/>
        <color theme="1"/>
        <rFont val="ＭＳ 明朝"/>
        <family val="1"/>
        <charset val="128"/>
      </rPr>
      <t>　</t>
    </r>
    <rPh sb="1" eb="3">
      <t>ドウキョ</t>
    </rPh>
    <phoneticPr fontId="2"/>
  </si>
  <si>
    <t>□国外居住</t>
    <phoneticPr fontId="2"/>
  </si>
  <si>
    <t>ひ親</t>
    <rPh sb="1" eb="2">
      <t>オヤ</t>
    </rPh>
    <phoneticPr fontId="2"/>
  </si>
  <si>
    <t>課方</t>
    <rPh sb="0" eb="1">
      <t>カ</t>
    </rPh>
    <rPh sb="1" eb="2">
      <t>カタ</t>
    </rPh>
    <phoneticPr fontId="2"/>
  </si>
  <si>
    <t>寡婦、ひとり親控除</t>
    <rPh sb="0" eb="2">
      <t>カフ</t>
    </rPh>
    <rPh sb="6" eb="7">
      <t>オヤ</t>
    </rPh>
    <rPh sb="7" eb="9">
      <t>コウジョ</t>
    </rPh>
    <phoneticPr fontId="2"/>
  </si>
  <si>
    <t>勤労学生、
障害者控除</t>
    <rPh sb="0" eb="2">
      <t>キンロウ</t>
    </rPh>
    <rPh sb="2" eb="4">
      <t>ガクセイ</t>
    </rPh>
    <rPh sb="6" eb="8">
      <t>ショウガイ</t>
    </rPh>
    <rPh sb="8" eb="9">
      <t>シャ</t>
    </rPh>
    <rPh sb="9" eb="11">
      <t>コウジョ</t>
    </rPh>
    <phoneticPr fontId="2"/>
  </si>
  <si>
    <t>(T)</t>
    <phoneticPr fontId="2"/>
  </si>
  <si>
    <t>(V)</t>
    <phoneticPr fontId="2"/>
  </si>
  <si>
    <t>(W)</t>
    <phoneticPr fontId="2"/>
  </si>
  <si>
    <t>(X)</t>
    <phoneticPr fontId="2"/>
  </si>
  <si>
    <t>□　寡婦控除</t>
    <rPh sb="2" eb="4">
      <t>カフ</t>
    </rPh>
    <rPh sb="4" eb="6">
      <t>コウジョ</t>
    </rPh>
    <phoneticPr fontId="2"/>
  </si>
  <si>
    <t>□　勤労学生控除</t>
    <rPh sb="2" eb="4">
      <t>キンロウ</t>
    </rPh>
    <rPh sb="4" eb="6">
      <t>ガクセイ</t>
    </rPh>
    <rPh sb="6" eb="8">
      <t>コウジョ</t>
    </rPh>
    <phoneticPr fontId="2"/>
  </si>
  <si>
    <t>□　ひとり親控除</t>
    <rPh sb="5" eb="6">
      <t>オヤ</t>
    </rPh>
    <phoneticPr fontId="2"/>
  </si>
  <si>
    <t>都道府県・市区町村分
（特例控除対象）</t>
    <rPh sb="0" eb="4">
      <t>トドウフケン</t>
    </rPh>
    <rPh sb="5" eb="7">
      <t>シク</t>
    </rPh>
    <rPh sb="7" eb="9">
      <t>チョウソン</t>
    </rPh>
    <rPh sb="9" eb="10">
      <t>ブン</t>
    </rPh>
    <rPh sb="12" eb="16">
      <t>トクレイコウジョ</t>
    </rPh>
    <rPh sb="16" eb="18">
      <t>タイショウ</t>
    </rPh>
    <phoneticPr fontId="3"/>
  </si>
  <si>
    <t>◆給与所得・公的年金等に係る所得以外の
　所得に係る市民税・県民税の納税方法</t>
    <rPh sb="3" eb="5">
      <t>ショトク</t>
    </rPh>
    <rPh sb="12" eb="13">
      <t>カカ</t>
    </rPh>
    <rPh sb="21" eb="22">
      <t>ショ</t>
    </rPh>
    <rPh sb="22" eb="23">
      <t>エ</t>
    </rPh>
    <rPh sb="24" eb="25">
      <t>カカ</t>
    </rPh>
    <phoneticPr fontId="2"/>
  </si>
  <si>
    <t>　□　給与から差引き（特別徴収）
　□　自分で納付（普通徴収）</t>
    <rPh sb="20" eb="22">
      <t>ジブン</t>
    </rPh>
    <rPh sb="23" eb="25">
      <t>ノウフ</t>
    </rPh>
    <rPh sb="26" eb="28">
      <t>フツウ</t>
    </rPh>
    <rPh sb="28" eb="30">
      <t>チョウシュウ</t>
    </rPh>
    <phoneticPr fontId="2"/>
  </si>
  <si>
    <t>□　障害者控除
身体・療育・精神　　　　　　　　　級
障害者控除対象者認定書により（障害者・特別障害者）の認定を受けている</t>
    <rPh sb="2" eb="5">
      <t>ショウガイシャ</t>
    </rPh>
    <rPh sb="5" eb="7">
      <t>コウジョ</t>
    </rPh>
    <rPh sb="8" eb="10">
      <t>シンタイ</t>
    </rPh>
    <rPh sb="11" eb="13">
      <t>リョウイク</t>
    </rPh>
    <rPh sb="14" eb="16">
      <t>セイシン</t>
    </rPh>
    <rPh sb="25" eb="26">
      <t>キュウ</t>
    </rPh>
    <rPh sb="27" eb="29">
      <t>ショウガイ</t>
    </rPh>
    <rPh sb="29" eb="30">
      <t>シャ</t>
    </rPh>
    <rPh sb="30" eb="32">
      <t>コウジョ</t>
    </rPh>
    <rPh sb="32" eb="34">
      <t>タイショウ</t>
    </rPh>
    <rPh sb="34" eb="35">
      <t>シャ</t>
    </rPh>
    <rPh sb="35" eb="37">
      <t>ニンテイ</t>
    </rPh>
    <rPh sb="37" eb="38">
      <t>ショ</t>
    </rPh>
    <rPh sb="42" eb="44">
      <t>ショウガイ</t>
    </rPh>
    <rPh sb="44" eb="45">
      <t>シャ</t>
    </rPh>
    <rPh sb="46" eb="48">
      <t>トクベツ</t>
    </rPh>
    <rPh sb="48" eb="50">
      <t>ショウガイ</t>
    </rPh>
    <rPh sb="50" eb="51">
      <t>シャ</t>
    </rPh>
    <rPh sb="53" eb="55">
      <t>ニンテイ</t>
    </rPh>
    <rPh sb="56" eb="57">
      <t>ウ</t>
    </rPh>
    <phoneticPr fontId="2"/>
  </si>
  <si>
    <t>発行（　　）枚　</t>
    <phoneticPr fontId="2"/>
  </si>
  <si>
    <t>　</t>
    <phoneticPr fontId="2"/>
  </si>
  <si>
    <t>調整</t>
    <rPh sb="0" eb="2">
      <t>チョウセ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6" formatCode="&quot;¥&quot;#,##0;[Red]&quot;¥&quot;\-#,##0"/>
    <numFmt numFmtId="176" formatCode="#,##0_ "/>
    <numFmt numFmtId="177" formatCode="#,##0_);[Red]\(#,##0\)"/>
  </numFmts>
  <fonts count="61">
    <font>
      <sz val="11"/>
      <color theme="1"/>
      <name val="ＭＳ Ｐゴシック"/>
      <family val="2"/>
      <charset val="128"/>
      <scheme val="minor"/>
    </font>
    <font>
      <sz val="11"/>
      <name val="ＭＳ Ｐゴシック"/>
      <family val="3"/>
      <charset val="128"/>
    </font>
    <font>
      <sz val="6"/>
      <name val="ＭＳ Ｐゴシック"/>
      <family val="2"/>
      <charset val="128"/>
      <scheme val="minor"/>
    </font>
    <font>
      <sz val="6"/>
      <name val="ＭＳ Ｐゴシック"/>
      <family val="3"/>
      <charset val="128"/>
    </font>
    <font>
      <sz val="11"/>
      <name val="ＭＳ 明朝"/>
      <family val="1"/>
      <charset val="128"/>
    </font>
    <font>
      <sz val="9"/>
      <name val="ＭＳ 明朝"/>
      <family val="1"/>
      <charset val="128"/>
    </font>
    <font>
      <sz val="8"/>
      <name val="ＭＳ 明朝"/>
      <family val="1"/>
      <charset val="128"/>
    </font>
    <font>
      <sz val="6"/>
      <name val="ＭＳ 明朝"/>
      <family val="1"/>
      <charset val="128"/>
    </font>
    <font>
      <sz val="7"/>
      <name val="ＭＳ 明朝"/>
      <family val="1"/>
      <charset val="128"/>
    </font>
    <font>
      <sz val="10"/>
      <name val="ＭＳ 明朝"/>
      <family val="1"/>
      <charset val="128"/>
    </font>
    <font>
      <sz val="12"/>
      <name val="ＭＳ ゴシック"/>
      <family val="3"/>
      <charset val="128"/>
    </font>
    <font>
      <sz val="8.5"/>
      <name val="ＭＳ 明朝"/>
      <family val="1"/>
      <charset val="128"/>
    </font>
    <font>
      <sz val="11"/>
      <name val="ＭＳ ゴシック"/>
      <family val="3"/>
      <charset val="128"/>
    </font>
    <font>
      <sz val="8"/>
      <name val="ＭＳ Ｐ明朝"/>
      <family val="1"/>
      <charset val="128"/>
    </font>
    <font>
      <sz val="11"/>
      <color rgb="FFFF0000"/>
      <name val="ＭＳ Ｐゴシック"/>
      <family val="3"/>
      <charset val="128"/>
      <scheme val="minor"/>
    </font>
    <font>
      <sz val="10"/>
      <name val="ＭＳ Ｐ明朝"/>
      <family val="1"/>
      <charset val="128"/>
    </font>
    <font>
      <sz val="11"/>
      <name val="ＭＳ Ｐ明朝"/>
      <family val="1"/>
      <charset val="128"/>
    </font>
    <font>
      <sz val="9"/>
      <name val="ＭＳ Ｐ明朝"/>
      <family val="1"/>
      <charset val="128"/>
    </font>
    <font>
      <sz val="7"/>
      <name val="ＭＳ Ｐ明朝"/>
      <family val="1"/>
      <charset val="128"/>
    </font>
    <font>
      <sz val="6"/>
      <name val="ＭＳ Ｐ明朝"/>
      <family val="1"/>
      <charset val="128"/>
    </font>
    <font>
      <sz val="8"/>
      <color rgb="FFFF0000"/>
      <name val="ＭＳ Ｐ明朝"/>
      <family val="1"/>
      <charset val="128"/>
    </font>
    <font>
      <sz val="6"/>
      <color rgb="FFFF0000"/>
      <name val="ＭＳ Ｐ明朝"/>
      <family val="1"/>
      <charset val="128"/>
    </font>
    <font>
      <sz val="9"/>
      <color rgb="FFFF0000"/>
      <name val="ＭＳ Ｐ明朝"/>
      <family val="1"/>
      <charset val="128"/>
    </font>
    <font>
      <sz val="10"/>
      <name val="ＭＳ Ｐゴシック"/>
      <family val="3"/>
      <charset val="128"/>
    </font>
    <font>
      <sz val="12"/>
      <name val="ＭＳ Ｐ明朝"/>
      <family val="1"/>
      <charset val="128"/>
    </font>
    <font>
      <sz val="9"/>
      <name val="ＭＳ Ｐゴシック"/>
      <family val="3"/>
      <charset val="128"/>
    </font>
    <font>
      <sz val="14"/>
      <name val="ＭＳ Ｐゴシック"/>
      <family val="3"/>
      <charset val="128"/>
    </font>
    <font>
      <b/>
      <sz val="12"/>
      <name val="ＭＳ Ｐゴシック"/>
      <family val="3"/>
      <charset val="128"/>
    </font>
    <font>
      <sz val="12"/>
      <name val="ＭＳ Ｐゴシック"/>
      <family val="3"/>
      <charset val="128"/>
    </font>
    <font>
      <b/>
      <sz val="10"/>
      <name val="ＭＳ Ｐゴシック"/>
      <family val="3"/>
      <charset val="128"/>
    </font>
    <font>
      <b/>
      <sz val="14"/>
      <name val="ＭＳ Ｐゴシック"/>
      <family val="3"/>
      <charset val="128"/>
    </font>
    <font>
      <sz val="10"/>
      <color indexed="81"/>
      <name val="ＭＳ Ｐゴシック"/>
      <family val="3"/>
      <charset val="128"/>
    </font>
    <font>
      <b/>
      <sz val="9"/>
      <name val="ＭＳ Ｐ明朝"/>
      <family val="1"/>
      <charset val="128"/>
    </font>
    <font>
      <sz val="9.5"/>
      <name val="ＭＳ Ｐゴシック"/>
      <family val="3"/>
      <charset val="128"/>
    </font>
    <font>
      <sz val="24"/>
      <name val="ＭＳ Ｐ明朝"/>
      <family val="1"/>
      <charset val="128"/>
    </font>
    <font>
      <b/>
      <sz val="16"/>
      <name val="ＭＳ Ｐゴシック"/>
      <family val="3"/>
      <charset val="128"/>
    </font>
    <font>
      <b/>
      <sz val="11"/>
      <name val="ＭＳ Ｐゴシック"/>
      <family val="3"/>
      <charset val="128"/>
    </font>
    <font>
      <sz val="20"/>
      <name val="ＭＳ Ｐ明朝"/>
      <family val="1"/>
      <charset val="128"/>
    </font>
    <font>
      <sz val="10"/>
      <color rgb="FFFF0000"/>
      <name val="ＭＳ Ｐゴシック"/>
      <family val="3"/>
      <charset val="128"/>
    </font>
    <font>
      <sz val="9"/>
      <color rgb="FFFF0000"/>
      <name val="ＭＳ 明朝"/>
      <family val="1"/>
      <charset val="128"/>
    </font>
    <font>
      <sz val="6"/>
      <color rgb="FFFF0000"/>
      <name val="ＭＳ 明朝"/>
      <family val="1"/>
      <charset val="128"/>
    </font>
    <font>
      <sz val="7"/>
      <color rgb="FFFF0000"/>
      <name val="ＭＳ 明朝"/>
      <family val="1"/>
      <charset val="128"/>
    </font>
    <font>
      <sz val="8"/>
      <color theme="1"/>
      <name val="ＭＳ Ｐゴシック"/>
      <family val="2"/>
      <charset val="128"/>
      <scheme val="minor"/>
    </font>
    <font>
      <sz val="6"/>
      <color theme="1"/>
      <name val="ＭＳ Ｐ明朝"/>
      <family val="1"/>
      <charset val="128"/>
    </font>
    <font>
      <sz val="11"/>
      <color theme="1"/>
      <name val="ＭＳ 明朝"/>
      <family val="1"/>
      <charset val="128"/>
    </font>
    <font>
      <sz val="9"/>
      <color theme="1"/>
      <name val="ＭＳ 明朝"/>
      <family val="1"/>
      <charset val="128"/>
    </font>
    <font>
      <sz val="7"/>
      <color theme="1"/>
      <name val="ＭＳ 明朝"/>
      <family val="1"/>
      <charset val="128"/>
    </font>
    <font>
      <sz val="10"/>
      <color theme="1"/>
      <name val="ＭＳ 明朝"/>
      <family val="1"/>
      <charset val="128"/>
    </font>
    <font>
      <sz val="6"/>
      <color theme="1"/>
      <name val="ＭＳ 明朝"/>
      <family val="1"/>
      <charset val="128"/>
    </font>
    <font>
      <sz val="8"/>
      <color theme="1"/>
      <name val="ＭＳ 明朝"/>
      <family val="1"/>
      <charset val="128"/>
    </font>
    <font>
      <sz val="5"/>
      <color theme="1"/>
      <name val="ＭＳ 明朝"/>
      <family val="1"/>
      <charset val="128"/>
    </font>
    <font>
      <sz val="24"/>
      <color theme="1"/>
      <name val="ＭＳ 明朝"/>
      <family val="1"/>
      <charset val="128"/>
    </font>
    <font>
      <sz val="20"/>
      <color theme="1"/>
      <name val="ＭＳ 明朝"/>
      <family val="1"/>
      <charset val="128"/>
    </font>
    <font>
      <sz val="14"/>
      <color theme="1"/>
      <name val="ＭＳ 明朝"/>
      <family val="1"/>
      <charset val="128"/>
    </font>
    <font>
      <sz val="12"/>
      <color theme="1"/>
      <name val="ＭＳ 明朝"/>
      <family val="1"/>
      <charset val="128"/>
    </font>
    <font>
      <sz val="8"/>
      <color theme="1"/>
      <name val="ＭＳ Ｐ明朝"/>
      <family val="1"/>
      <charset val="128"/>
    </font>
    <font>
      <sz val="16"/>
      <color theme="1"/>
      <name val="ＭＳ 明朝"/>
      <family val="1"/>
      <charset val="128"/>
    </font>
    <font>
      <sz val="3"/>
      <color theme="1"/>
      <name val="ＭＳ 明朝"/>
      <family val="1"/>
      <charset val="128"/>
    </font>
    <font>
      <sz val="16"/>
      <color rgb="FFFF0000"/>
      <name val="ＭＳ 明朝"/>
      <family val="1"/>
      <charset val="128"/>
    </font>
    <font>
      <sz val="11"/>
      <color theme="1"/>
      <name val="ＭＳ Ｐゴシック"/>
      <family val="2"/>
      <charset val="128"/>
      <scheme val="minor"/>
    </font>
    <font>
      <sz val="10"/>
      <color theme="1"/>
      <name val="ＭＳ Ｐ明朝"/>
      <family val="1"/>
      <charset val="128"/>
    </font>
  </fonts>
  <fills count="2">
    <fill>
      <patternFill patternType="none"/>
    </fill>
    <fill>
      <patternFill patternType="gray125"/>
    </fill>
  </fills>
  <borders count="205">
    <border>
      <left/>
      <right/>
      <top/>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bottom/>
      <diagonal/>
    </border>
    <border>
      <left style="hair">
        <color indexed="64"/>
      </left>
      <right style="hair">
        <color indexed="64"/>
      </right>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bottom style="thin">
        <color indexed="64"/>
      </bottom>
      <diagonal/>
    </border>
    <border>
      <left style="hair">
        <color indexed="64"/>
      </left>
      <right style="thin">
        <color indexed="64"/>
      </right>
      <top/>
      <bottom style="hair">
        <color indexed="64"/>
      </bottom>
      <diagonal/>
    </border>
    <border>
      <left style="thin">
        <color indexed="64"/>
      </left>
      <right/>
      <top/>
      <bottom style="hair">
        <color indexed="64"/>
      </bottom>
      <diagonal/>
    </border>
    <border>
      <left style="hair">
        <color indexed="64"/>
      </left>
      <right style="thin">
        <color indexed="64"/>
      </right>
      <top/>
      <bottom/>
      <diagonal/>
    </border>
    <border>
      <left style="hair">
        <color indexed="64"/>
      </left>
      <right style="thin">
        <color indexed="64"/>
      </right>
      <top style="hair">
        <color indexed="64"/>
      </top>
      <bottom/>
      <diagonal/>
    </border>
    <border>
      <left style="hair">
        <color indexed="64"/>
      </left>
      <right/>
      <top/>
      <bottom style="thin">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style="hair">
        <color indexed="64"/>
      </left>
      <right/>
      <top style="thin">
        <color indexed="64"/>
      </top>
      <bottom/>
      <diagonal/>
    </border>
    <border>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right style="hair">
        <color indexed="64"/>
      </right>
      <top/>
      <bottom style="thin">
        <color indexed="64"/>
      </bottom>
      <diagonal/>
    </border>
    <border>
      <left style="hair">
        <color indexed="64"/>
      </left>
      <right style="thin">
        <color indexed="64"/>
      </right>
      <top style="thin">
        <color indexed="64"/>
      </top>
      <bottom style="hair">
        <color indexed="64"/>
      </bottom>
      <diagonal/>
    </border>
    <border>
      <left style="thin">
        <color indexed="64"/>
      </left>
      <right/>
      <top style="hair">
        <color indexed="64"/>
      </top>
      <bottom/>
      <diagonal/>
    </border>
    <border>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rgb="FFFF0000"/>
      </left>
      <right/>
      <top style="thin">
        <color rgb="FFFF0000"/>
      </top>
      <bottom/>
      <diagonal/>
    </border>
    <border>
      <left/>
      <right/>
      <top style="thin">
        <color rgb="FFFF0000"/>
      </top>
      <bottom/>
      <diagonal/>
    </border>
    <border>
      <left/>
      <right style="thin">
        <color rgb="FFFF0000"/>
      </right>
      <top style="thin">
        <color rgb="FFFF0000"/>
      </top>
      <bottom/>
      <diagonal/>
    </border>
    <border>
      <left style="thin">
        <color rgb="FFFF0000"/>
      </left>
      <right/>
      <top/>
      <bottom/>
      <diagonal/>
    </border>
    <border>
      <left/>
      <right style="thin">
        <color rgb="FFFF0000"/>
      </right>
      <top/>
      <bottom/>
      <diagonal/>
    </border>
    <border>
      <left style="thin">
        <color rgb="FFFF0000"/>
      </left>
      <right/>
      <top/>
      <bottom style="thin">
        <color rgb="FFFF0000"/>
      </bottom>
      <diagonal/>
    </border>
    <border>
      <left/>
      <right/>
      <top/>
      <bottom style="thin">
        <color rgb="FFFF0000"/>
      </bottom>
      <diagonal/>
    </border>
    <border>
      <left/>
      <right style="thin">
        <color rgb="FFFF0000"/>
      </right>
      <top/>
      <bottom style="thin">
        <color rgb="FFFF0000"/>
      </bottom>
      <diagonal/>
    </border>
    <border>
      <left/>
      <right/>
      <top style="dashed">
        <color indexed="64"/>
      </top>
      <bottom/>
      <diagonal/>
    </border>
    <border>
      <left/>
      <right/>
      <top/>
      <bottom style="dashed">
        <color indexed="64"/>
      </bottom>
      <diagonal/>
    </border>
    <border>
      <left style="thin">
        <color auto="1"/>
      </left>
      <right style="thin">
        <color auto="1"/>
      </right>
      <top style="hair">
        <color auto="1"/>
      </top>
      <bottom style="thin">
        <color auto="1"/>
      </bottom>
      <diagonal/>
    </border>
    <border>
      <left style="thin">
        <color indexed="64"/>
      </left>
      <right style="thin">
        <color indexed="64"/>
      </right>
      <top style="hair">
        <color indexed="64"/>
      </top>
      <bottom style="hair">
        <color indexed="64"/>
      </bottom>
      <diagonal/>
    </border>
    <border>
      <left style="thin">
        <color auto="1"/>
      </left>
      <right style="thin">
        <color auto="1"/>
      </right>
      <top style="thin">
        <color auto="1"/>
      </top>
      <bottom style="hair">
        <color auto="1"/>
      </bottom>
      <diagonal/>
    </border>
    <border>
      <left/>
      <right style="thin">
        <color indexed="64"/>
      </right>
      <top style="hair">
        <color indexed="64"/>
      </top>
      <bottom style="hair">
        <color indexed="64"/>
      </bottom>
      <diagonal/>
    </border>
    <border>
      <left style="hair">
        <color rgb="FFFF0000"/>
      </left>
      <right/>
      <top style="thin">
        <color rgb="FFFF0000"/>
      </top>
      <bottom/>
      <diagonal/>
    </border>
    <border>
      <left/>
      <right style="hair">
        <color rgb="FFFF0000"/>
      </right>
      <top style="thin">
        <color rgb="FFFF0000"/>
      </top>
      <bottom/>
      <diagonal/>
    </border>
    <border>
      <left style="hair">
        <color rgb="FFFF0000"/>
      </left>
      <right/>
      <top/>
      <bottom/>
      <diagonal/>
    </border>
    <border>
      <left/>
      <right style="hair">
        <color rgb="FFFF0000"/>
      </right>
      <top/>
      <bottom/>
      <diagonal/>
    </border>
    <border>
      <left style="hair">
        <color rgb="FFFF0000"/>
      </left>
      <right/>
      <top/>
      <bottom style="thin">
        <color rgb="FFFF0000"/>
      </bottom>
      <diagonal/>
    </border>
    <border>
      <left/>
      <right style="hair">
        <color rgb="FFFF0000"/>
      </right>
      <top/>
      <bottom style="thin">
        <color rgb="FFFF0000"/>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diagonal/>
    </border>
    <border>
      <left style="medium">
        <color indexed="64"/>
      </left>
      <right/>
      <top/>
      <bottom/>
      <diagonal/>
    </border>
    <border>
      <left style="medium">
        <color indexed="64"/>
      </left>
      <right/>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bottom style="medium">
        <color indexed="64"/>
      </bottom>
      <diagonal/>
    </border>
    <border>
      <left style="thin">
        <color indexed="64"/>
      </left>
      <right/>
      <top style="medium">
        <color indexed="64"/>
      </top>
      <bottom style="thin">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style="thin">
        <color indexed="64"/>
      </left>
      <right/>
      <top/>
      <bottom/>
      <diagonal style="thin">
        <color indexed="64"/>
      </diagonal>
    </border>
    <border diagonalDown="1">
      <left/>
      <right/>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left style="thin">
        <color indexed="64"/>
      </left>
      <right style="thin">
        <color indexed="64"/>
      </right>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diagonal/>
    </border>
    <border>
      <left/>
      <right/>
      <top style="double">
        <color indexed="64"/>
      </top>
      <bottom/>
      <diagonal/>
    </border>
    <border>
      <left style="medium">
        <color indexed="64"/>
      </left>
      <right style="thin">
        <color indexed="64"/>
      </right>
      <top/>
      <bottom style="thin">
        <color indexed="64"/>
      </bottom>
      <diagonal/>
    </border>
    <border diagonalDown="1">
      <left style="thin">
        <color indexed="64"/>
      </left>
      <right/>
      <top style="double">
        <color indexed="64"/>
      </top>
      <bottom/>
      <diagonal style="thin">
        <color indexed="64"/>
      </diagonal>
    </border>
    <border diagonalDown="1">
      <left/>
      <right/>
      <top style="double">
        <color indexed="64"/>
      </top>
      <bottom/>
      <diagonal style="thin">
        <color indexed="64"/>
      </diagonal>
    </border>
    <border diagonalDown="1">
      <left/>
      <right style="thin">
        <color indexed="64"/>
      </right>
      <top style="double">
        <color indexed="64"/>
      </top>
      <bottom/>
      <diagonal style="thin">
        <color indexed="64"/>
      </diagonal>
    </border>
    <border diagonalDown="1">
      <left/>
      <right style="thin">
        <color indexed="64"/>
      </right>
      <top/>
      <bottom/>
      <diagonal style="thin">
        <color indexed="64"/>
      </diagonal>
    </border>
    <border diagonalDown="1">
      <left/>
      <right style="thin">
        <color indexed="64"/>
      </right>
      <top/>
      <bottom style="thin">
        <color indexed="64"/>
      </bottom>
      <diagonal style="thin">
        <color indexed="64"/>
      </diagonal>
    </border>
    <border>
      <left style="thin">
        <color indexed="64"/>
      </left>
      <right style="medium">
        <color indexed="64"/>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left style="thin">
        <color indexed="64"/>
      </left>
      <right/>
      <top/>
      <bottom style="medium">
        <color indexed="64"/>
      </bottom>
      <diagonal/>
    </border>
    <border diagonalUp="1">
      <left/>
      <right style="medium">
        <color indexed="64"/>
      </right>
      <top style="thin">
        <color indexed="64"/>
      </top>
      <bottom/>
      <diagonal style="thin">
        <color indexed="64"/>
      </diagonal>
    </border>
    <border diagonalUp="1">
      <left/>
      <right style="medium">
        <color indexed="64"/>
      </right>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diagonalUp="1">
      <left/>
      <right style="thin">
        <color indexed="64"/>
      </right>
      <top style="thin">
        <color indexed="64"/>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medium">
        <color indexed="64"/>
      </right>
      <top style="thin">
        <color indexed="64"/>
      </top>
      <bottom/>
      <diagonal/>
    </border>
    <border>
      <left style="thin">
        <color indexed="64"/>
      </left>
      <right/>
      <top style="thin">
        <color indexed="64"/>
      </top>
      <bottom style="medium">
        <color indexed="64"/>
      </bottom>
      <diagonal/>
    </border>
    <border diagonalUp="1">
      <left/>
      <right style="medium">
        <color indexed="64"/>
      </right>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Down="1">
      <left/>
      <right style="thin">
        <color indexed="64"/>
      </right>
      <top style="thin">
        <color indexed="64"/>
      </top>
      <bottom/>
      <diagonal style="thin">
        <color indexed="64"/>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diagonalUp="1">
      <left style="thin">
        <color indexed="64"/>
      </left>
      <right/>
      <top/>
      <bottom style="double">
        <color indexed="64"/>
      </bottom>
      <diagonal style="thin">
        <color indexed="64"/>
      </diagonal>
    </border>
    <border diagonalUp="1">
      <left/>
      <right/>
      <top/>
      <bottom style="double">
        <color indexed="64"/>
      </bottom>
      <diagonal style="thin">
        <color indexed="64"/>
      </diagonal>
    </border>
    <border diagonalUp="1">
      <left/>
      <right style="medium">
        <color indexed="64"/>
      </right>
      <top/>
      <bottom style="double">
        <color indexed="64"/>
      </bottom>
      <diagonal style="thin">
        <color indexed="64"/>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medium">
        <color indexed="64"/>
      </left>
      <right style="thin">
        <color indexed="64"/>
      </right>
      <top style="medium">
        <color indexed="64"/>
      </top>
      <bottom style="dashed">
        <color indexed="64"/>
      </bottom>
      <diagonal/>
    </border>
    <border>
      <left style="thin">
        <color indexed="64"/>
      </left>
      <right style="thin">
        <color indexed="64"/>
      </right>
      <top style="medium">
        <color indexed="64"/>
      </top>
      <bottom style="dashed">
        <color indexed="64"/>
      </bottom>
      <diagonal/>
    </border>
    <border>
      <left style="medium">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medium">
        <color indexed="64"/>
      </right>
      <top style="dashed">
        <color indexed="64"/>
      </top>
      <bottom style="dashed">
        <color indexed="64"/>
      </bottom>
      <diagonal/>
    </border>
    <border>
      <left style="medium">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medium">
        <color indexed="64"/>
      </right>
      <top style="dashed">
        <color indexed="64"/>
      </top>
      <bottom style="thin">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right/>
      <top style="dotted">
        <color auto="1"/>
      </top>
      <bottom/>
      <diagonal/>
    </border>
    <border>
      <left/>
      <right style="dotted">
        <color auto="1"/>
      </right>
      <top/>
      <bottom/>
      <diagonal/>
    </border>
    <border>
      <left/>
      <right/>
      <top/>
      <bottom style="dotted">
        <color auto="1"/>
      </bottom>
      <diagonal/>
    </border>
    <border>
      <left/>
      <right style="thin">
        <color indexed="64"/>
      </right>
      <top style="thin">
        <color indexed="64"/>
      </top>
      <bottom style="double">
        <color indexed="64"/>
      </bottom>
      <diagonal/>
    </border>
    <border>
      <left/>
      <right style="medium">
        <color indexed="64"/>
      </right>
      <top/>
      <bottom style="hair">
        <color indexed="64"/>
      </bottom>
      <diagonal/>
    </border>
    <border>
      <left/>
      <right style="thin">
        <color indexed="64"/>
      </right>
      <top style="medium">
        <color indexed="64"/>
      </top>
      <bottom style="dashed">
        <color indexed="64"/>
      </bottom>
      <diagonal/>
    </border>
    <border>
      <left/>
      <right style="thin">
        <color indexed="64"/>
      </right>
      <top style="dashed">
        <color indexed="64"/>
      </top>
      <bottom style="dashed">
        <color indexed="64"/>
      </bottom>
      <diagonal/>
    </border>
    <border>
      <left/>
      <right style="thin">
        <color indexed="64"/>
      </right>
      <top style="dashed">
        <color indexed="64"/>
      </top>
      <bottom style="thin">
        <color indexed="64"/>
      </bottom>
      <diagonal/>
    </border>
    <border>
      <left style="medium">
        <color indexed="64"/>
      </left>
      <right/>
      <top style="dotted">
        <color indexed="64"/>
      </top>
      <bottom/>
      <diagonal/>
    </border>
    <border>
      <left/>
      <right style="thin">
        <color indexed="64"/>
      </right>
      <top style="dotted">
        <color indexed="64"/>
      </top>
      <bottom/>
      <diagonal/>
    </border>
    <border>
      <left style="medium">
        <color indexed="64"/>
      </left>
      <right/>
      <top/>
      <bottom style="dotted">
        <color indexed="64"/>
      </bottom>
      <diagonal/>
    </border>
    <border>
      <left/>
      <right style="thin">
        <color indexed="64"/>
      </right>
      <top/>
      <bottom style="dotted">
        <color indexed="64"/>
      </bottom>
      <diagonal/>
    </border>
    <border>
      <left style="thin">
        <color indexed="64"/>
      </left>
      <right/>
      <top/>
      <bottom style="dotted">
        <color indexed="64"/>
      </bottom>
      <diagonal/>
    </border>
    <border>
      <left style="thin">
        <color indexed="64"/>
      </left>
      <right/>
      <top style="dotted">
        <color indexed="64"/>
      </top>
      <bottom/>
      <diagonal/>
    </border>
    <border>
      <left/>
      <right style="medium">
        <color indexed="64"/>
      </right>
      <top/>
      <bottom style="dotted">
        <color indexed="64"/>
      </bottom>
      <diagonal/>
    </border>
    <border>
      <left style="thin">
        <color indexed="64"/>
      </left>
      <right/>
      <top/>
      <bottom style="dashed">
        <color indexed="64"/>
      </bottom>
      <diagonal/>
    </border>
    <border>
      <left/>
      <right style="medium">
        <color indexed="64"/>
      </right>
      <top/>
      <bottom style="dashed">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right style="thin">
        <color indexed="64"/>
      </right>
      <top style="medium">
        <color indexed="64"/>
      </top>
      <bottom style="hair">
        <color indexed="64"/>
      </bottom>
      <diagonal/>
    </border>
    <border>
      <left/>
      <right style="thin">
        <color indexed="64"/>
      </right>
      <top style="hair">
        <color indexed="64"/>
      </top>
      <bottom style="medium">
        <color indexed="64"/>
      </bottom>
      <diagonal/>
    </border>
    <border>
      <left style="hair">
        <color indexed="64"/>
      </left>
      <right style="medium">
        <color indexed="64"/>
      </right>
      <top style="hair">
        <color indexed="64"/>
      </top>
      <bottom style="hair">
        <color indexed="64"/>
      </bottom>
      <diagonal/>
    </border>
    <border>
      <left/>
      <right style="dotted">
        <color auto="1"/>
      </right>
      <top/>
      <bottom style="dotted">
        <color auto="1"/>
      </bottom>
      <diagonal/>
    </border>
    <border>
      <left/>
      <right/>
      <top style="dotted">
        <color auto="1"/>
      </top>
      <bottom style="medium">
        <color indexed="64"/>
      </bottom>
      <diagonal/>
    </border>
    <border>
      <left style="dotted">
        <color auto="1"/>
      </left>
      <right style="medium">
        <color indexed="64"/>
      </right>
      <top/>
      <bottom/>
      <diagonal/>
    </border>
  </borders>
  <cellStyleXfs count="9">
    <xf numFmtId="0" fontId="0" fillId="0" borderId="0">
      <alignment vertical="center"/>
    </xf>
    <xf numFmtId="0" fontId="1" fillId="0" borderId="0"/>
    <xf numFmtId="38" fontId="1" fillId="0" borderId="0" applyFont="0" applyFill="0" applyBorder="0" applyAlignment="0" applyProtection="0"/>
    <xf numFmtId="0" fontId="1" fillId="0" borderId="0">
      <alignment vertical="center"/>
    </xf>
    <xf numFmtId="6" fontId="1" fillId="0" borderId="0" applyFont="0" applyFill="0" applyBorder="0" applyAlignment="0" applyProtection="0"/>
    <xf numFmtId="0" fontId="1" fillId="0" borderId="0">
      <alignment vertical="center"/>
    </xf>
    <xf numFmtId="0" fontId="12" fillId="0" borderId="0"/>
    <xf numFmtId="0" fontId="1" fillId="0" borderId="0"/>
    <xf numFmtId="38" fontId="59" fillId="0" borderId="0" applyFont="0" applyFill="0" applyBorder="0" applyAlignment="0" applyProtection="0">
      <alignment vertical="center"/>
    </xf>
  </cellStyleXfs>
  <cellXfs count="2617">
    <xf numFmtId="0" fontId="0" fillId="0" borderId="0" xfId="0">
      <alignment vertical="center"/>
    </xf>
    <xf numFmtId="0" fontId="1" fillId="0" borderId="0" xfId="1" applyFont="1" applyFill="1"/>
    <xf numFmtId="0" fontId="1" fillId="0" borderId="0" xfId="1" applyFont="1" applyFill="1" applyBorder="1"/>
    <xf numFmtId="0" fontId="17" fillId="0" borderId="0" xfId="1" applyFont="1" applyFill="1" applyBorder="1" applyAlignment="1">
      <alignment vertical="center"/>
    </xf>
    <xf numFmtId="0" fontId="16" fillId="0" borderId="0" xfId="1" applyFont="1" applyFill="1"/>
    <xf numFmtId="0" fontId="17" fillId="0" borderId="0" xfId="1" applyFont="1" applyFill="1" applyBorder="1" applyAlignment="1">
      <alignment horizontal="center"/>
    </xf>
    <xf numFmtId="0" fontId="15" fillId="0" borderId="0" xfId="1" applyFont="1" applyFill="1" applyBorder="1"/>
    <xf numFmtId="0" fontId="24" fillId="0" borderId="0" xfId="1" applyFont="1" applyFill="1" applyBorder="1" applyAlignment="1">
      <alignment horizontal="center" vertical="center"/>
    </xf>
    <xf numFmtId="0" fontId="15" fillId="0" borderId="8" xfId="1" applyFont="1" applyFill="1" applyBorder="1"/>
    <xf numFmtId="0" fontId="15" fillId="0" borderId="7" xfId="1" applyFont="1" applyFill="1" applyBorder="1"/>
    <xf numFmtId="0" fontId="15" fillId="0" borderId="32" xfId="1" applyFont="1" applyFill="1" applyBorder="1"/>
    <xf numFmtId="0" fontId="15" fillId="0" borderId="7" xfId="1" applyFont="1" applyFill="1" applyBorder="1" applyAlignment="1">
      <alignment vertical="center"/>
    </xf>
    <xf numFmtId="0" fontId="15" fillId="0" borderId="6" xfId="1" applyFont="1" applyFill="1" applyBorder="1" applyAlignment="1">
      <alignment vertical="center"/>
    </xf>
    <xf numFmtId="0" fontId="15" fillId="0" borderId="1" xfId="1" applyFont="1" applyFill="1" applyBorder="1"/>
    <xf numFmtId="0" fontId="15" fillId="0" borderId="20" xfId="1" applyFont="1" applyFill="1" applyBorder="1"/>
    <xf numFmtId="0" fontId="15" fillId="0" borderId="18" xfId="1" applyFont="1" applyFill="1" applyBorder="1"/>
    <xf numFmtId="0" fontId="15" fillId="0" borderId="0" xfId="1" applyFont="1" applyFill="1" applyBorder="1" applyAlignment="1">
      <alignment vertical="center"/>
    </xf>
    <xf numFmtId="0" fontId="15" fillId="0" borderId="2" xfId="1" applyFont="1" applyFill="1" applyBorder="1" applyAlignment="1">
      <alignment vertical="center"/>
    </xf>
    <xf numFmtId="0" fontId="15" fillId="0" borderId="16" xfId="1" applyFont="1" applyFill="1" applyBorder="1"/>
    <xf numFmtId="0" fontId="15" fillId="0" borderId="9" xfId="1" applyFont="1" applyFill="1" applyBorder="1"/>
    <xf numFmtId="0" fontId="15" fillId="0" borderId="15" xfId="1" applyFont="1" applyFill="1" applyBorder="1"/>
    <xf numFmtId="0" fontId="15" fillId="0" borderId="9" xfId="1" applyFont="1" applyFill="1" applyBorder="1" applyAlignment="1">
      <alignment vertical="center"/>
    </xf>
    <xf numFmtId="0" fontId="15" fillId="0" borderId="29" xfId="1" applyFont="1" applyFill="1" applyBorder="1" applyAlignment="1">
      <alignment vertical="center"/>
    </xf>
    <xf numFmtId="0" fontId="15" fillId="0" borderId="4" xfId="1" applyFont="1" applyFill="1" applyBorder="1"/>
    <xf numFmtId="0" fontId="15" fillId="0" borderId="37" xfId="1" applyFont="1" applyFill="1" applyBorder="1"/>
    <xf numFmtId="0" fontId="15" fillId="0" borderId="5" xfId="1" applyFont="1" applyFill="1" applyBorder="1"/>
    <xf numFmtId="0" fontId="15" fillId="0" borderId="3" xfId="1" applyFont="1" applyFill="1" applyBorder="1"/>
    <xf numFmtId="0" fontId="1" fillId="0" borderId="0" xfId="1" applyFont="1" applyFill="1" applyAlignment="1">
      <alignment horizontal="center"/>
    </xf>
    <xf numFmtId="0" fontId="25" fillId="0" borderId="0" xfId="1" applyFont="1" applyFill="1" applyBorder="1" applyAlignment="1">
      <alignment horizontal="center"/>
    </xf>
    <xf numFmtId="0" fontId="25" fillId="0" borderId="0" xfId="1" applyFont="1" applyFill="1" applyAlignment="1">
      <alignment horizontal="center"/>
    </xf>
    <xf numFmtId="0" fontId="1" fillId="0" borderId="55" xfId="1" applyFont="1" applyFill="1" applyBorder="1" applyAlignment="1">
      <alignment horizontal="center"/>
    </xf>
    <xf numFmtId="0" fontId="1" fillId="0" borderId="55" xfId="1" applyFont="1" applyFill="1" applyBorder="1"/>
    <xf numFmtId="0" fontId="1" fillId="0" borderId="56" xfId="1" applyFont="1" applyFill="1" applyBorder="1"/>
    <xf numFmtId="0" fontId="25" fillId="0" borderId="56" xfId="1" applyFont="1" applyFill="1" applyBorder="1" applyAlignment="1">
      <alignment horizontal="center"/>
    </xf>
    <xf numFmtId="0" fontId="1" fillId="0" borderId="0" xfId="1" applyFont="1" applyFill="1" applyBorder="1" applyAlignment="1">
      <alignment horizontal="center" vertical="center"/>
    </xf>
    <xf numFmtId="0" fontId="1" fillId="0" borderId="0" xfId="1" applyFont="1" applyFill="1" applyBorder="1" applyAlignment="1">
      <alignment horizontal="distributed" vertical="center" justifyLastLine="1"/>
    </xf>
    <xf numFmtId="0" fontId="1" fillId="0" borderId="0" xfId="1" applyFont="1" applyFill="1" applyBorder="1" applyAlignment="1">
      <alignment horizontal="center" vertical="center" textRotation="255"/>
    </xf>
    <xf numFmtId="0" fontId="17" fillId="0" borderId="4" xfId="1" applyFont="1" applyFill="1" applyBorder="1" applyAlignment="1">
      <alignment horizontal="left" vertical="center"/>
    </xf>
    <xf numFmtId="0" fontId="19" fillId="0" borderId="42" xfId="1" applyFont="1" applyFill="1" applyBorder="1" applyAlignment="1">
      <alignment horizontal="right"/>
    </xf>
    <xf numFmtId="0" fontId="19" fillId="0" borderId="7" xfId="1" applyFont="1" applyFill="1" applyBorder="1" applyAlignment="1">
      <alignment horizontal="right"/>
    </xf>
    <xf numFmtId="0" fontId="1" fillId="0" borderId="7" xfId="1" applyFont="1" applyFill="1" applyBorder="1"/>
    <xf numFmtId="0" fontId="1" fillId="0" borderId="32" xfId="1" applyFont="1" applyFill="1" applyBorder="1"/>
    <xf numFmtId="0" fontId="1" fillId="0" borderId="21" xfId="1" applyFont="1" applyFill="1" applyBorder="1"/>
    <xf numFmtId="0" fontId="16" fillId="0" borderId="0" xfId="1" applyFont="1" applyFill="1" applyBorder="1"/>
    <xf numFmtId="0" fontId="1" fillId="0" borderId="19" xfId="1" applyFont="1" applyFill="1" applyBorder="1"/>
    <xf numFmtId="0" fontId="1" fillId="0" borderId="18" xfId="1" applyFont="1" applyFill="1" applyBorder="1"/>
    <xf numFmtId="0" fontId="1" fillId="0" borderId="17" xfId="1" applyFont="1" applyFill="1" applyBorder="1"/>
    <xf numFmtId="0" fontId="19" fillId="0" borderId="16" xfId="1" applyFont="1" applyFill="1" applyBorder="1" applyAlignment="1">
      <alignment horizontal="right"/>
    </xf>
    <xf numFmtId="0" fontId="19" fillId="0" borderId="9" xfId="1" applyFont="1" applyFill="1" applyBorder="1" applyAlignment="1">
      <alignment horizontal="right"/>
    </xf>
    <xf numFmtId="0" fontId="1" fillId="0" borderId="9" xfId="1" applyFont="1" applyFill="1" applyBorder="1"/>
    <xf numFmtId="0" fontId="1" fillId="0" borderId="15" xfId="1" applyFont="1" applyFill="1" applyBorder="1"/>
    <xf numFmtId="0" fontId="1" fillId="0" borderId="16" xfId="1" applyFont="1" applyFill="1" applyBorder="1" applyAlignment="1"/>
    <xf numFmtId="0" fontId="1" fillId="0" borderId="9" xfId="1" applyFont="1" applyFill="1" applyBorder="1" applyAlignment="1"/>
    <xf numFmtId="0" fontId="1" fillId="0" borderId="15" xfId="1" applyFont="1" applyFill="1" applyBorder="1" applyAlignment="1"/>
    <xf numFmtId="0" fontId="1" fillId="0" borderId="21" xfId="1" applyFont="1" applyFill="1" applyBorder="1" applyAlignment="1"/>
    <xf numFmtId="0" fontId="1" fillId="0" borderId="0" xfId="1" applyFont="1" applyFill="1" applyBorder="1" applyAlignment="1"/>
    <xf numFmtId="0" fontId="1" fillId="0" borderId="20" xfId="1" applyFont="1" applyFill="1" applyBorder="1" applyAlignment="1"/>
    <xf numFmtId="0" fontId="16" fillId="0" borderId="2" xfId="1" applyFont="1" applyFill="1" applyBorder="1" applyAlignment="1">
      <alignment horizontal="right"/>
    </xf>
    <xf numFmtId="0" fontId="16" fillId="0" borderId="1" xfId="1" applyFont="1" applyFill="1" applyBorder="1" applyAlignment="1">
      <alignment horizontal="right"/>
    </xf>
    <xf numFmtId="0" fontId="1" fillId="0" borderId="19" xfId="1" applyFont="1" applyFill="1" applyBorder="1" applyAlignment="1"/>
    <xf numFmtId="0" fontId="1" fillId="0" borderId="18" xfId="1" applyFont="1" applyFill="1" applyBorder="1" applyAlignment="1"/>
    <xf numFmtId="0" fontId="1" fillId="0" borderId="17" xfId="1" applyFont="1" applyFill="1" applyBorder="1" applyAlignment="1"/>
    <xf numFmtId="0" fontId="16" fillId="0" borderId="1" xfId="1" applyFont="1" applyFill="1" applyBorder="1" applyAlignment="1">
      <alignment horizontal="left"/>
    </xf>
    <xf numFmtId="0" fontId="1" fillId="0" borderId="1" xfId="1" applyFont="1" applyFill="1" applyBorder="1" applyAlignment="1"/>
    <xf numFmtId="0" fontId="1" fillId="0" borderId="16" xfId="1" applyFont="1" applyFill="1" applyBorder="1"/>
    <xf numFmtId="0" fontId="1" fillId="0" borderId="29" xfId="1" applyFont="1" applyFill="1" applyBorder="1"/>
    <xf numFmtId="0" fontId="1" fillId="0" borderId="2" xfId="1" applyFont="1" applyFill="1" applyBorder="1"/>
    <xf numFmtId="0" fontId="16" fillId="0" borderId="29" xfId="1" applyFont="1" applyFill="1" applyBorder="1" applyAlignment="1">
      <alignment horizontal="center" vertical="center"/>
    </xf>
    <xf numFmtId="0" fontId="1" fillId="0" borderId="42" xfId="1" applyFont="1" applyFill="1" applyBorder="1"/>
    <xf numFmtId="0" fontId="16" fillId="0" borderId="18" xfId="1" applyFont="1" applyFill="1" applyBorder="1"/>
    <xf numFmtId="0" fontId="16" fillId="0" borderId="17" xfId="1" applyFont="1" applyFill="1" applyBorder="1"/>
    <xf numFmtId="0" fontId="16" fillId="0" borderId="2" xfId="1" applyFont="1" applyFill="1" applyBorder="1"/>
    <xf numFmtId="56" fontId="15" fillId="0" borderId="0" xfId="1" applyNumberFormat="1" applyFont="1" applyFill="1" applyBorder="1" applyAlignment="1">
      <alignment horizontal="center" vertical="center"/>
    </xf>
    <xf numFmtId="0" fontId="17" fillId="0" borderId="2" xfId="1" applyFont="1" applyFill="1" applyBorder="1" applyAlignment="1">
      <alignment horizontal="center"/>
    </xf>
    <xf numFmtId="0" fontId="16" fillId="0" borderId="5" xfId="1" applyFont="1" applyFill="1" applyBorder="1"/>
    <xf numFmtId="0" fontId="17" fillId="0" borderId="5" xfId="1" applyFont="1" applyFill="1" applyBorder="1" applyAlignment="1">
      <alignment horizontal="center"/>
    </xf>
    <xf numFmtId="0" fontId="17" fillId="0" borderId="3" xfId="1" applyFont="1" applyFill="1" applyBorder="1" applyAlignment="1">
      <alignment horizontal="center"/>
    </xf>
    <xf numFmtId="0" fontId="26" fillId="0" borderId="7" xfId="1" applyFont="1" applyFill="1" applyBorder="1" applyAlignment="1">
      <alignment horizontal="left" vertical="center"/>
    </xf>
    <xf numFmtId="0" fontId="9" fillId="0" borderId="0" xfId="7" applyFont="1"/>
    <xf numFmtId="0" fontId="7" fillId="0" borderId="0" xfId="7" applyFont="1"/>
    <xf numFmtId="0" fontId="9" fillId="0" borderId="0" xfId="7" applyFont="1" applyAlignment="1"/>
    <xf numFmtId="0" fontId="9" fillId="0" borderId="0" xfId="7" applyFont="1" applyBorder="1"/>
    <xf numFmtId="0" fontId="15" fillId="0" borderId="0" xfId="7" applyFont="1"/>
    <xf numFmtId="0" fontId="15" fillId="0" borderId="0" xfId="7" applyFont="1" applyBorder="1"/>
    <xf numFmtId="0" fontId="19" fillId="0" borderId="0" xfId="7" applyFont="1"/>
    <xf numFmtId="0" fontId="16" fillId="0" borderId="0" xfId="7" applyFont="1" applyBorder="1" applyAlignment="1">
      <alignment horizontal="center" vertical="center"/>
    </xf>
    <xf numFmtId="0" fontId="25" fillId="0" borderId="0" xfId="7" applyFont="1" applyAlignment="1">
      <alignment horizontal="center"/>
    </xf>
    <xf numFmtId="0" fontId="1" fillId="0" borderId="56" xfId="7" applyFont="1" applyBorder="1"/>
    <xf numFmtId="0" fontId="25" fillId="0" borderId="56" xfId="7" applyFont="1" applyBorder="1" applyAlignment="1">
      <alignment horizontal="center"/>
    </xf>
    <xf numFmtId="0" fontId="17" fillId="0" borderId="56" xfId="7" applyFont="1" applyBorder="1" applyAlignment="1">
      <alignment horizontal="center"/>
    </xf>
    <xf numFmtId="0" fontId="15" fillId="0" borderId="0" xfId="7" applyFont="1" applyBorder="1" applyAlignment="1">
      <alignment horizontal="center" vertical="center"/>
    </xf>
    <xf numFmtId="0" fontId="19" fillId="0" borderId="0" xfId="7" applyFont="1" applyAlignment="1">
      <alignment horizontal="left"/>
    </xf>
    <xf numFmtId="0" fontId="32" fillId="0" borderId="0" xfId="7" applyFont="1" applyBorder="1" applyAlignment="1">
      <alignment horizontal="left"/>
    </xf>
    <xf numFmtId="0" fontId="7" fillId="0" borderId="0" xfId="7" applyFont="1" applyAlignment="1"/>
    <xf numFmtId="0" fontId="17" fillId="0" borderId="8" xfId="7" applyFont="1" applyBorder="1" applyAlignment="1">
      <alignment horizontal="center"/>
    </xf>
    <xf numFmtId="0" fontId="17" fillId="0" borderId="7" xfId="7" applyFont="1" applyBorder="1" applyAlignment="1">
      <alignment horizontal="center"/>
    </xf>
    <xf numFmtId="0" fontId="17" fillId="0" borderId="32" xfId="7" applyFont="1" applyBorder="1" applyAlignment="1">
      <alignment horizontal="center"/>
    </xf>
    <xf numFmtId="0" fontId="17" fillId="0" borderId="1" xfId="7" applyFont="1" applyBorder="1" applyAlignment="1">
      <alignment horizontal="center"/>
    </xf>
    <xf numFmtId="0" fontId="19" fillId="0" borderId="0" xfId="7" applyFont="1" applyAlignment="1"/>
    <xf numFmtId="0" fontId="17" fillId="0" borderId="35" xfId="7" applyFont="1" applyBorder="1" applyAlignment="1">
      <alignment horizontal="center"/>
    </xf>
    <xf numFmtId="0" fontId="17" fillId="0" borderId="36" xfId="7" applyFont="1" applyBorder="1" applyAlignment="1">
      <alignment horizontal="center"/>
    </xf>
    <xf numFmtId="0" fontId="15" fillId="0" borderId="0" xfId="7" applyFont="1" applyBorder="1" applyAlignment="1">
      <alignment horizontal="distributed" vertical="center"/>
    </xf>
    <xf numFmtId="0" fontId="1" fillId="0" borderId="0" xfId="7" applyFont="1" applyBorder="1" applyAlignment="1">
      <alignment horizontal="left"/>
    </xf>
    <xf numFmtId="0" fontId="1" fillId="0" borderId="0" xfId="7" applyFont="1" applyAlignment="1">
      <alignment horizontal="center" vertical="top" textRotation="255"/>
    </xf>
    <xf numFmtId="0" fontId="7" fillId="0" borderId="5" xfId="7" applyFont="1" applyBorder="1"/>
    <xf numFmtId="0" fontId="19" fillId="0" borderId="16" xfId="7" applyFont="1" applyBorder="1" applyAlignment="1">
      <alignment horizontal="center"/>
    </xf>
    <xf numFmtId="0" fontId="19" fillId="0" borderId="21" xfId="7" applyFont="1" applyBorder="1" applyAlignment="1">
      <alignment horizontal="center"/>
    </xf>
    <xf numFmtId="0" fontId="19" fillId="0" borderId="19" xfId="7" applyFont="1" applyBorder="1" applyAlignment="1">
      <alignment horizontal="center"/>
    </xf>
    <xf numFmtId="0" fontId="7" fillId="0" borderId="0" xfId="7" applyFont="1" applyBorder="1"/>
    <xf numFmtId="0" fontId="7" fillId="0" borderId="2" xfId="7" applyFont="1" applyBorder="1"/>
    <xf numFmtId="0" fontId="4" fillId="0" borderId="0" xfId="7" applyFont="1"/>
    <xf numFmtId="0" fontId="1" fillId="0" borderId="7" xfId="7" applyFont="1" applyBorder="1" applyAlignment="1">
      <alignment horizontal="left" vertical="center"/>
    </xf>
    <xf numFmtId="0" fontId="1" fillId="0" borderId="0" xfId="7" applyFont="1" applyBorder="1" applyAlignment="1">
      <alignment horizontal="left" vertical="center"/>
    </xf>
    <xf numFmtId="0" fontId="1" fillId="0" borderId="0" xfId="7" applyFont="1" applyAlignment="1">
      <alignment vertical="top" textRotation="255"/>
    </xf>
    <xf numFmtId="0" fontId="18" fillId="0" borderId="1" xfId="7" applyFont="1" applyBorder="1" applyAlignment="1">
      <alignment horizontal="left" vertical="center" wrapText="1"/>
    </xf>
    <xf numFmtId="0" fontId="17" fillId="0" borderId="0" xfId="7" applyFont="1" applyAlignment="1">
      <alignment horizontal="left" vertical="center" shrinkToFit="1"/>
    </xf>
    <xf numFmtId="0" fontId="19" fillId="0" borderId="0" xfId="7" applyFont="1" applyBorder="1"/>
    <xf numFmtId="0" fontId="1" fillId="0" borderId="5" xfId="7" applyFont="1" applyBorder="1" applyAlignment="1">
      <alignment horizontal="left"/>
    </xf>
    <xf numFmtId="0" fontId="7" fillId="0" borderId="1" xfId="7" applyFont="1" applyBorder="1"/>
    <xf numFmtId="0" fontId="7" fillId="0" borderId="36" xfId="7" applyFont="1" applyBorder="1"/>
    <xf numFmtId="0" fontId="7" fillId="0" borderId="9" xfId="7" applyFont="1" applyBorder="1"/>
    <xf numFmtId="0" fontId="7" fillId="0" borderId="16" xfId="7" applyFont="1" applyBorder="1"/>
    <xf numFmtId="0" fontId="7" fillId="0" borderId="15" xfId="7" applyFont="1" applyBorder="1"/>
    <xf numFmtId="0" fontId="7" fillId="0" borderId="7" xfId="7" applyFont="1" applyBorder="1"/>
    <xf numFmtId="0" fontId="7" fillId="0" borderId="32" xfId="7" applyFont="1" applyBorder="1"/>
    <xf numFmtId="0" fontId="7" fillId="0" borderId="6" xfId="7" applyFont="1" applyBorder="1"/>
    <xf numFmtId="0" fontId="7" fillId="0" borderId="0" xfId="7" applyFont="1" applyBorder="1" applyAlignment="1">
      <alignment horizontal="center"/>
    </xf>
    <xf numFmtId="0" fontId="7" fillId="0" borderId="20" xfId="7" applyFont="1" applyBorder="1" applyAlignment="1">
      <alignment horizontal="center"/>
    </xf>
    <xf numFmtId="0" fontId="13" fillId="0" borderId="2" xfId="7" applyFont="1" applyBorder="1" applyAlignment="1">
      <alignment horizontal="center"/>
    </xf>
    <xf numFmtId="0" fontId="7" fillId="0" borderId="18" xfId="7" applyFont="1" applyBorder="1" applyAlignment="1">
      <alignment horizontal="center"/>
    </xf>
    <xf numFmtId="0" fontId="7" fillId="0" borderId="17" xfId="7" applyFont="1" applyBorder="1" applyAlignment="1">
      <alignment horizontal="center"/>
    </xf>
    <xf numFmtId="0" fontId="13" fillId="0" borderId="44" xfId="7" applyFont="1" applyBorder="1" applyAlignment="1">
      <alignment horizontal="center"/>
    </xf>
    <xf numFmtId="0" fontId="1" fillId="0" borderId="36" xfId="7" applyFont="1" applyBorder="1" applyAlignment="1">
      <alignment horizontal="center" vertical="center"/>
    </xf>
    <xf numFmtId="0" fontId="7" fillId="0" borderId="16" xfId="7" applyFont="1" applyBorder="1" applyAlignment="1">
      <alignment horizontal="center"/>
    </xf>
    <xf numFmtId="0" fontId="7" fillId="0" borderId="9" xfId="7" applyFont="1" applyBorder="1" applyAlignment="1">
      <alignment horizontal="center"/>
    </xf>
    <xf numFmtId="0" fontId="7" fillId="0" borderId="15" xfId="7" applyFont="1" applyBorder="1" applyAlignment="1">
      <alignment horizontal="center"/>
    </xf>
    <xf numFmtId="0" fontId="13" fillId="0" borderId="29" xfId="7" applyFont="1" applyBorder="1" applyAlignment="1">
      <alignment horizontal="center"/>
    </xf>
    <xf numFmtId="0" fontId="7" fillId="0" borderId="21" xfId="7" applyFont="1" applyBorder="1" applyAlignment="1">
      <alignment horizontal="center"/>
    </xf>
    <xf numFmtId="0" fontId="7" fillId="0" borderId="19" xfId="7" applyFont="1" applyBorder="1" applyAlignment="1">
      <alignment horizontal="center"/>
    </xf>
    <xf numFmtId="0" fontId="1" fillId="0" borderId="5" xfId="7" applyFont="1" applyBorder="1" applyAlignment="1">
      <alignment horizontal="center" vertical="center"/>
    </xf>
    <xf numFmtId="0" fontId="7" fillId="0" borderId="5" xfId="7" applyFont="1" applyBorder="1" applyAlignment="1">
      <alignment horizontal="center"/>
    </xf>
    <xf numFmtId="0" fontId="7" fillId="0" borderId="42" xfId="7" applyFont="1" applyBorder="1" applyAlignment="1">
      <alignment horizontal="center"/>
    </xf>
    <xf numFmtId="0" fontId="7" fillId="0" borderId="7" xfId="7" applyFont="1" applyBorder="1" applyAlignment="1">
      <alignment horizontal="center"/>
    </xf>
    <xf numFmtId="0" fontId="7" fillId="0" borderId="32" xfId="7" applyFont="1" applyBorder="1" applyAlignment="1">
      <alignment horizontal="center"/>
    </xf>
    <xf numFmtId="0" fontId="1" fillId="0" borderId="42" xfId="7" applyFont="1" applyBorder="1" applyAlignment="1"/>
    <xf numFmtId="0" fontId="1" fillId="0" borderId="21" xfId="7" applyFont="1" applyBorder="1" applyAlignment="1"/>
    <xf numFmtId="0" fontId="1" fillId="0" borderId="0" xfId="7" applyFont="1" applyBorder="1" applyAlignment="1"/>
    <xf numFmtId="0" fontId="1" fillId="0" borderId="19" xfId="7" applyFont="1" applyBorder="1" applyAlignment="1"/>
    <xf numFmtId="0" fontId="10" fillId="0" borderId="0" xfId="7" applyFont="1" applyBorder="1" applyAlignment="1">
      <alignment vertical="top" textRotation="255"/>
    </xf>
    <xf numFmtId="0" fontId="1" fillId="0" borderId="16" xfId="7" applyFont="1" applyBorder="1" applyAlignment="1"/>
    <xf numFmtId="0" fontId="16" fillId="0" borderId="29" xfId="7" applyFont="1" applyBorder="1" applyAlignment="1">
      <alignment vertical="center"/>
    </xf>
    <xf numFmtId="0" fontId="1" fillId="0" borderId="44" xfId="7" applyFont="1" applyBorder="1" applyAlignment="1"/>
    <xf numFmtId="0" fontId="16" fillId="0" borderId="2" xfId="7" applyFont="1" applyBorder="1" applyAlignment="1">
      <alignment vertical="center"/>
    </xf>
    <xf numFmtId="0" fontId="16" fillId="0" borderId="0" xfId="7" applyFont="1"/>
    <xf numFmtId="0" fontId="16" fillId="0" borderId="0" xfId="7" applyFont="1" applyAlignment="1"/>
    <xf numFmtId="0" fontId="1" fillId="0" borderId="0" xfId="7" applyFont="1" applyAlignment="1">
      <alignment vertical="top"/>
    </xf>
    <xf numFmtId="0" fontId="4" fillId="0" borderId="0" xfId="7" applyFont="1" applyAlignment="1"/>
    <xf numFmtId="0" fontId="36" fillId="0" borderId="0" xfId="7" applyFont="1" applyAlignment="1"/>
    <xf numFmtId="0" fontId="26" fillId="0" borderId="0" xfId="7" applyFont="1" applyAlignment="1">
      <alignment horizontal="center" vertical="top"/>
    </xf>
    <xf numFmtId="0" fontId="35" fillId="0" borderId="0" xfId="7" applyFont="1" applyAlignment="1"/>
    <xf numFmtId="0" fontId="13" fillId="0" borderId="18" xfId="1" applyFont="1" applyFill="1" applyBorder="1" applyAlignment="1">
      <alignment horizontal="center" vertical="center"/>
    </xf>
    <xf numFmtId="0" fontId="13" fillId="0" borderId="19" xfId="1" applyFont="1" applyFill="1" applyBorder="1" applyAlignment="1">
      <alignment horizontal="center" vertical="center"/>
    </xf>
    <xf numFmtId="0" fontId="13" fillId="0" borderId="0" xfId="1" applyFont="1" applyFill="1" applyBorder="1" applyAlignment="1">
      <alignment horizontal="center" vertical="center"/>
    </xf>
    <xf numFmtId="0" fontId="13" fillId="0" borderId="21" xfId="1" applyFont="1" applyFill="1" applyBorder="1" applyAlignment="1">
      <alignment horizontal="center" vertical="center"/>
    </xf>
    <xf numFmtId="0" fontId="1" fillId="0" borderId="18" xfId="1" applyFont="1" applyFill="1" applyBorder="1" applyAlignment="1">
      <alignment horizontal="center"/>
    </xf>
    <xf numFmtId="0" fontId="1" fillId="0" borderId="0" xfId="1" applyFont="1" applyFill="1" applyBorder="1" applyAlignment="1">
      <alignment horizontal="center"/>
    </xf>
    <xf numFmtId="0" fontId="16" fillId="0" borderId="0" xfId="1" applyFont="1" applyFill="1" applyBorder="1" applyAlignment="1">
      <alignment horizontal="center"/>
    </xf>
    <xf numFmtId="0" fontId="26" fillId="0" borderId="0" xfId="1" applyFont="1" applyFill="1" applyAlignment="1">
      <alignment horizontal="left" vertical="center"/>
    </xf>
    <xf numFmtId="0" fontId="17" fillId="0" borderId="0" xfId="1" applyFont="1" applyFill="1" applyBorder="1" applyAlignment="1">
      <alignment horizontal="center" vertical="center"/>
    </xf>
    <xf numFmtId="0" fontId="16" fillId="0" borderId="5" xfId="1" applyFont="1" applyFill="1" applyBorder="1" applyAlignment="1">
      <alignment horizontal="center" vertical="center"/>
    </xf>
    <xf numFmtId="0" fontId="16" fillId="0" borderId="0" xfId="1" applyFont="1" applyFill="1" applyBorder="1" applyAlignment="1">
      <alignment horizontal="center" vertical="center"/>
    </xf>
    <xf numFmtId="0" fontId="16" fillId="0" borderId="21" xfId="1" applyFont="1" applyFill="1" applyBorder="1" applyAlignment="1">
      <alignment horizontal="center" vertical="center"/>
    </xf>
    <xf numFmtId="0" fontId="1" fillId="0" borderId="5" xfId="1" applyFont="1" applyFill="1" applyBorder="1" applyAlignment="1">
      <alignment horizontal="center"/>
    </xf>
    <xf numFmtId="0" fontId="16" fillId="0" borderId="0" xfId="1" applyFont="1" applyFill="1" applyBorder="1" applyAlignment="1">
      <alignment horizontal="right"/>
    </xf>
    <xf numFmtId="0" fontId="13" fillId="0" borderId="0" xfId="1" applyFont="1" applyFill="1" applyBorder="1" applyAlignment="1">
      <alignment horizontal="left" vertical="center"/>
    </xf>
    <xf numFmtId="0" fontId="17" fillId="0" borderId="0" xfId="1" applyFont="1" applyFill="1" applyBorder="1" applyAlignment="1">
      <alignment horizontal="left" vertical="center"/>
    </xf>
    <xf numFmtId="0" fontId="19" fillId="0" borderId="17" xfId="1" applyFont="1" applyFill="1" applyBorder="1" applyAlignment="1">
      <alignment horizontal="center" vertical="center"/>
    </xf>
    <xf numFmtId="0" fontId="19" fillId="0" borderId="18" xfId="1" applyFont="1" applyFill="1" applyBorder="1" applyAlignment="1">
      <alignment horizontal="center" vertical="center"/>
    </xf>
    <xf numFmtId="0" fontId="19" fillId="0" borderId="20" xfId="1" applyFont="1" applyFill="1" applyBorder="1" applyAlignment="1">
      <alignment horizontal="center" vertical="center"/>
    </xf>
    <xf numFmtId="0" fontId="19" fillId="0" borderId="0" xfId="1" applyFont="1" applyFill="1" applyBorder="1" applyAlignment="1">
      <alignment horizontal="center" vertical="center"/>
    </xf>
    <xf numFmtId="0" fontId="19" fillId="0" borderId="32" xfId="1" applyFont="1" applyFill="1" applyBorder="1" applyAlignment="1">
      <alignment horizontal="center" vertical="center"/>
    </xf>
    <xf numFmtId="0" fontId="19" fillId="0" borderId="7" xfId="1" applyFont="1" applyFill="1" applyBorder="1" applyAlignment="1">
      <alignment horizontal="center" vertical="center"/>
    </xf>
    <xf numFmtId="0" fontId="16" fillId="0" borderId="2" xfId="1" applyFont="1" applyFill="1" applyBorder="1" applyAlignment="1">
      <alignment horizontal="center" vertical="center"/>
    </xf>
    <xf numFmtId="0" fontId="16" fillId="0" borderId="9" xfId="1" applyFont="1" applyFill="1" applyBorder="1" applyAlignment="1">
      <alignment horizontal="center" vertical="center"/>
    </xf>
    <xf numFmtId="0" fontId="16" fillId="0" borderId="16" xfId="1" applyFont="1" applyFill="1" applyBorder="1" applyAlignment="1">
      <alignment horizontal="center" vertical="center"/>
    </xf>
    <xf numFmtId="0" fontId="17" fillId="0" borderId="1" xfId="1" applyFont="1" applyFill="1" applyBorder="1" applyAlignment="1">
      <alignment horizontal="left" vertical="center"/>
    </xf>
    <xf numFmtId="0" fontId="19" fillId="0" borderId="15" xfId="1" applyFont="1" applyFill="1" applyBorder="1" applyAlignment="1">
      <alignment horizontal="center" vertical="center"/>
    </xf>
    <xf numFmtId="0" fontId="19" fillId="0" borderId="9" xfId="1" applyFont="1" applyFill="1" applyBorder="1" applyAlignment="1">
      <alignment horizontal="center" vertical="center"/>
    </xf>
    <xf numFmtId="0" fontId="25" fillId="0" borderId="0" xfId="1" applyFont="1" applyFill="1" applyBorder="1" applyAlignment="1">
      <alignment horizontal="left" vertical="center"/>
    </xf>
    <xf numFmtId="0" fontId="25" fillId="0" borderId="0" xfId="1" applyFont="1" applyFill="1" applyBorder="1" applyAlignment="1">
      <alignment horizontal="center" vertical="center"/>
    </xf>
    <xf numFmtId="0" fontId="17" fillId="0" borderId="0" xfId="1" applyFont="1" applyFill="1" applyAlignment="1">
      <alignment horizontal="center"/>
    </xf>
    <xf numFmtId="0" fontId="13" fillId="0" borderId="18" xfId="7" applyFont="1" applyBorder="1" applyAlignment="1">
      <alignment horizontal="center"/>
    </xf>
    <xf numFmtId="0" fontId="13" fillId="0" borderId="19" xfId="7" applyFont="1" applyBorder="1" applyAlignment="1">
      <alignment horizontal="center"/>
    </xf>
    <xf numFmtId="0" fontId="13" fillId="0" borderId="0" xfId="7" applyFont="1" applyBorder="1" applyAlignment="1">
      <alignment horizontal="center"/>
    </xf>
    <xf numFmtId="0" fontId="13" fillId="0" borderId="21" xfId="7" applyFont="1" applyBorder="1" applyAlignment="1">
      <alignment horizontal="center"/>
    </xf>
    <xf numFmtId="0" fontId="13" fillId="0" borderId="9" xfId="7" applyFont="1" applyBorder="1" applyAlignment="1">
      <alignment horizontal="center"/>
    </xf>
    <xf numFmtId="0" fontId="13" fillId="0" borderId="16" xfId="7" applyFont="1" applyBorder="1" applyAlignment="1">
      <alignment horizontal="center"/>
    </xf>
    <xf numFmtId="0" fontId="19" fillId="0" borderId="17" xfId="7" applyFont="1" applyBorder="1" applyAlignment="1">
      <alignment horizontal="right" vertical="top"/>
    </xf>
    <xf numFmtId="0" fontId="19" fillId="0" borderId="18" xfId="7" applyFont="1" applyBorder="1" applyAlignment="1">
      <alignment horizontal="right" vertical="top"/>
    </xf>
    <xf numFmtId="0" fontId="19" fillId="0" borderId="35" xfId="7" applyFont="1" applyBorder="1" applyAlignment="1">
      <alignment horizontal="right" vertical="top"/>
    </xf>
    <xf numFmtId="0" fontId="19" fillId="0" borderId="20" xfId="7" applyFont="1" applyBorder="1" applyAlignment="1">
      <alignment horizontal="right" vertical="top"/>
    </xf>
    <xf numFmtId="0" fontId="19" fillId="0" borderId="0" xfId="7" applyFont="1" applyBorder="1" applyAlignment="1">
      <alignment horizontal="right" vertical="top"/>
    </xf>
    <xf numFmtId="0" fontId="19" fillId="0" borderId="1" xfId="7" applyFont="1" applyBorder="1" applyAlignment="1">
      <alignment horizontal="right" vertical="top"/>
    </xf>
    <xf numFmtId="0" fontId="19" fillId="0" borderId="19" xfId="7" applyFont="1" applyBorder="1" applyAlignment="1">
      <alignment horizontal="right" vertical="top"/>
    </xf>
    <xf numFmtId="0" fontId="19" fillId="0" borderId="21" xfId="7" applyFont="1" applyBorder="1" applyAlignment="1">
      <alignment horizontal="right" vertical="top"/>
    </xf>
    <xf numFmtId="0" fontId="23" fillId="0" borderId="0" xfId="7" applyFont="1" applyAlignment="1">
      <alignment horizontal="left"/>
    </xf>
    <xf numFmtId="0" fontId="1" fillId="0" borderId="0" xfId="7" applyFont="1" applyAlignment="1">
      <alignment horizontal="left"/>
    </xf>
    <xf numFmtId="0" fontId="35" fillId="0" borderId="0" xfId="7" applyFont="1" applyAlignment="1">
      <alignment horizontal="center"/>
    </xf>
    <xf numFmtId="0" fontId="23" fillId="0" borderId="0" xfId="7" applyFont="1" applyBorder="1" applyAlignment="1">
      <alignment horizontal="left" vertical="center"/>
    </xf>
    <xf numFmtId="0" fontId="23" fillId="0" borderId="7" xfId="7" applyFont="1" applyBorder="1" applyAlignment="1">
      <alignment horizontal="left" vertical="center"/>
    </xf>
    <xf numFmtId="0" fontId="17" fillId="0" borderId="0" xfId="7" applyFont="1" applyBorder="1" applyAlignment="1">
      <alignment horizontal="center" vertical="center"/>
    </xf>
    <xf numFmtId="0" fontId="13" fillId="0" borderId="0" xfId="7" applyFont="1" applyBorder="1" applyAlignment="1">
      <alignment horizontal="center" vertical="center" shrinkToFit="1"/>
    </xf>
    <xf numFmtId="0" fontId="1" fillId="0" borderId="17" xfId="7" applyFont="1" applyBorder="1" applyAlignment="1">
      <alignment horizontal="center" vertical="center"/>
    </xf>
    <xf numFmtId="0" fontId="1" fillId="0" borderId="18" xfId="7" applyFont="1" applyBorder="1" applyAlignment="1">
      <alignment horizontal="center" vertical="center"/>
    </xf>
    <xf numFmtId="0" fontId="1" fillId="0" borderId="19" xfId="7" applyFont="1" applyBorder="1" applyAlignment="1">
      <alignment horizontal="center" vertical="center"/>
    </xf>
    <xf numFmtId="0" fontId="1" fillId="0" borderId="20" xfId="7" applyFont="1" applyBorder="1" applyAlignment="1">
      <alignment horizontal="center" vertical="center"/>
    </xf>
    <xf numFmtId="0" fontId="1" fillId="0" borderId="0" xfId="7" applyFont="1" applyBorder="1" applyAlignment="1">
      <alignment horizontal="center" vertical="center"/>
    </xf>
    <xf numFmtId="0" fontId="1" fillId="0" borderId="21" xfId="7" applyFont="1" applyBorder="1" applyAlignment="1">
      <alignment horizontal="center" vertical="center"/>
    </xf>
    <xf numFmtId="0" fontId="1" fillId="0" borderId="15" xfId="7" applyFont="1" applyBorder="1" applyAlignment="1">
      <alignment horizontal="center" vertical="center"/>
    </xf>
    <xf numFmtId="0" fontId="1" fillId="0" borderId="9" xfId="7" applyFont="1" applyBorder="1" applyAlignment="1">
      <alignment horizontal="center" vertical="center"/>
    </xf>
    <xf numFmtId="0" fontId="1" fillId="0" borderId="16" xfId="7" applyFont="1" applyBorder="1" applyAlignment="1">
      <alignment horizontal="center" vertical="center"/>
    </xf>
    <xf numFmtId="0" fontId="1" fillId="0" borderId="32" xfId="7" applyFont="1" applyBorder="1" applyAlignment="1">
      <alignment horizontal="center" vertical="center"/>
    </xf>
    <xf numFmtId="0" fontId="1" fillId="0" borderId="7" xfId="7" applyFont="1" applyBorder="1" applyAlignment="1">
      <alignment horizontal="center" vertical="center"/>
    </xf>
    <xf numFmtId="0" fontId="1" fillId="0" borderId="42" xfId="7" applyFont="1" applyBorder="1" applyAlignment="1">
      <alignment horizontal="center" vertical="center"/>
    </xf>
    <xf numFmtId="0" fontId="19" fillId="0" borderId="17" xfId="7" applyFont="1" applyBorder="1" applyAlignment="1">
      <alignment horizontal="center"/>
    </xf>
    <xf numFmtId="0" fontId="19" fillId="0" borderId="18" xfId="7" applyFont="1" applyBorder="1" applyAlignment="1">
      <alignment horizontal="center"/>
    </xf>
    <xf numFmtId="0" fontId="19" fillId="0" borderId="20" xfId="7" applyFont="1" applyBorder="1" applyAlignment="1">
      <alignment horizontal="center"/>
    </xf>
    <xf numFmtId="0" fontId="19" fillId="0" borderId="0" xfId="7" applyFont="1" applyBorder="1" applyAlignment="1">
      <alignment horizontal="center"/>
    </xf>
    <xf numFmtId="0" fontId="19" fillId="0" borderId="15" xfId="7" applyFont="1" applyBorder="1" applyAlignment="1">
      <alignment horizontal="center"/>
    </xf>
    <xf numFmtId="0" fontId="19" fillId="0" borderId="9" xfId="7" applyFont="1" applyBorder="1" applyAlignment="1">
      <alignment horizontal="center"/>
    </xf>
    <xf numFmtId="0" fontId="16" fillId="0" borderId="44" xfId="7" applyFont="1" applyBorder="1" applyAlignment="1">
      <alignment vertical="center"/>
    </xf>
    <xf numFmtId="0" fontId="1" fillId="0" borderId="0" xfId="7" applyFont="1"/>
    <xf numFmtId="0" fontId="19" fillId="0" borderId="17" xfId="7" applyFont="1" applyBorder="1" applyAlignment="1">
      <alignment horizontal="center" vertical="top"/>
    </xf>
    <xf numFmtId="0" fontId="19" fillId="0" borderId="18" xfId="7" applyFont="1" applyBorder="1" applyAlignment="1">
      <alignment horizontal="center" vertical="top"/>
    </xf>
    <xf numFmtId="0" fontId="19" fillId="0" borderId="19" xfId="7" applyFont="1" applyBorder="1" applyAlignment="1">
      <alignment horizontal="center" vertical="top"/>
    </xf>
    <xf numFmtId="0" fontId="19" fillId="0" borderId="20" xfId="7" applyFont="1" applyBorder="1" applyAlignment="1">
      <alignment horizontal="center" vertical="top"/>
    </xf>
    <xf numFmtId="0" fontId="19" fillId="0" borderId="0" xfId="7" applyFont="1" applyBorder="1" applyAlignment="1">
      <alignment horizontal="center" vertical="top"/>
    </xf>
    <xf numFmtId="0" fontId="19" fillId="0" borderId="21" xfId="7" applyFont="1" applyBorder="1" applyAlignment="1">
      <alignment horizontal="center" vertical="top"/>
    </xf>
    <xf numFmtId="0" fontId="19" fillId="0" borderId="15" xfId="7" applyFont="1" applyBorder="1" applyAlignment="1">
      <alignment horizontal="center" vertical="top"/>
    </xf>
    <xf numFmtId="0" fontId="19" fillId="0" borderId="9" xfId="7" applyFont="1" applyBorder="1" applyAlignment="1">
      <alignment horizontal="center" vertical="top"/>
    </xf>
    <xf numFmtId="0" fontId="19" fillId="0" borderId="16" xfId="7" applyFont="1" applyBorder="1" applyAlignment="1">
      <alignment horizontal="center" vertical="top"/>
    </xf>
    <xf numFmtId="0" fontId="1" fillId="0" borderId="5" xfId="7" applyFont="1" applyBorder="1" applyAlignment="1"/>
    <xf numFmtId="0" fontId="1" fillId="0" borderId="2" xfId="7" applyFont="1" applyBorder="1" applyAlignment="1"/>
    <xf numFmtId="0" fontId="1" fillId="0" borderId="0" xfId="7" applyFont="1" applyAlignment="1"/>
    <xf numFmtId="0" fontId="1" fillId="0" borderId="29" xfId="7" applyFont="1" applyBorder="1" applyAlignment="1"/>
    <xf numFmtId="0" fontId="1" fillId="0" borderId="9" xfId="7" applyFont="1" applyBorder="1" applyAlignment="1"/>
    <xf numFmtId="0" fontId="18" fillId="0" borderId="0" xfId="7" applyFont="1" applyBorder="1" applyAlignment="1">
      <alignment horizontal="left" vertical="center" wrapText="1"/>
    </xf>
    <xf numFmtId="0" fontId="1" fillId="0" borderId="18" xfId="7" applyFont="1" applyBorder="1" applyAlignment="1"/>
    <xf numFmtId="0" fontId="1" fillId="0" borderId="6" xfId="7" applyFont="1" applyBorder="1" applyAlignment="1"/>
    <xf numFmtId="0" fontId="1" fillId="0" borderId="7" xfId="7" applyFont="1" applyBorder="1" applyAlignment="1"/>
    <xf numFmtId="0" fontId="17" fillId="0" borderId="17" xfId="7" applyFont="1" applyBorder="1" applyAlignment="1">
      <alignment horizontal="center"/>
    </xf>
    <xf numFmtId="0" fontId="17" fillId="0" borderId="18" xfId="7" applyFont="1" applyBorder="1" applyAlignment="1">
      <alignment horizontal="center"/>
    </xf>
    <xf numFmtId="0" fontId="17" fillId="0" borderId="20" xfId="7" applyFont="1" applyBorder="1" applyAlignment="1">
      <alignment horizontal="center"/>
    </xf>
    <xf numFmtId="0" fontId="17" fillId="0" borderId="0" xfId="7" applyFont="1" applyBorder="1" applyAlignment="1">
      <alignment horizontal="center"/>
    </xf>
    <xf numFmtId="0" fontId="19" fillId="0" borderId="0" xfId="7" applyFont="1" applyBorder="1" applyAlignment="1">
      <alignment horizontal="center" vertical="center"/>
    </xf>
    <xf numFmtId="0" fontId="17" fillId="0" borderId="15" xfId="7" applyFont="1" applyBorder="1" applyAlignment="1">
      <alignment horizontal="center"/>
    </xf>
    <xf numFmtId="0" fontId="17" fillId="0" borderId="9" xfId="7" applyFont="1" applyBorder="1" applyAlignment="1">
      <alignment horizontal="center"/>
    </xf>
    <xf numFmtId="0" fontId="1" fillId="0" borderId="35" xfId="7" applyFont="1" applyBorder="1" applyAlignment="1">
      <alignment horizontal="center" vertical="center"/>
    </xf>
    <xf numFmtId="0" fontId="1" fillId="0" borderId="1" xfId="7" applyFont="1" applyBorder="1" applyAlignment="1">
      <alignment horizontal="center" vertical="center"/>
    </xf>
    <xf numFmtId="0" fontId="1" fillId="0" borderId="8" xfId="7" applyFont="1" applyBorder="1" applyAlignment="1">
      <alignment horizontal="center" vertical="center"/>
    </xf>
    <xf numFmtId="0" fontId="23" fillId="0" borderId="0" xfId="7" applyFont="1" applyAlignment="1">
      <alignment horizontal="left" vertical="center"/>
    </xf>
    <xf numFmtId="0" fontId="17" fillId="0" borderId="0" xfId="7" applyFont="1" applyAlignment="1">
      <alignment horizontal="center"/>
    </xf>
    <xf numFmtId="0" fontId="1" fillId="0" borderId="0" xfId="1" applyFont="1" applyFill="1" applyAlignment="1"/>
    <xf numFmtId="0" fontId="1" fillId="0" borderId="2" xfId="1" applyFont="1" applyFill="1" applyBorder="1" applyAlignment="1">
      <alignment horizontal="center"/>
    </xf>
    <xf numFmtId="0" fontId="25" fillId="0" borderId="0" xfId="1" applyFont="1" applyFill="1" applyBorder="1" applyAlignment="1">
      <alignment vertical="center"/>
    </xf>
    <xf numFmtId="0" fontId="22" fillId="0" borderId="48" xfId="7" applyFont="1" applyBorder="1" applyAlignment="1"/>
    <xf numFmtId="0" fontId="22" fillId="0" borderId="0" xfId="7" applyFont="1" applyBorder="1" applyAlignment="1"/>
    <xf numFmtId="0" fontId="22" fillId="0" borderId="53" xfId="7" applyFont="1" applyBorder="1" applyAlignment="1"/>
    <xf numFmtId="0" fontId="23" fillId="0" borderId="0" xfId="7" applyFont="1" applyAlignment="1">
      <alignment horizontal="left"/>
    </xf>
    <xf numFmtId="0" fontId="1" fillId="0" borderId="0" xfId="7" applyFont="1" applyAlignment="1">
      <alignment horizontal="left"/>
    </xf>
    <xf numFmtId="0" fontId="35" fillId="0" borderId="0" xfId="7" applyFont="1" applyAlignment="1">
      <alignment horizontal="center"/>
    </xf>
    <xf numFmtId="0" fontId="23" fillId="0" borderId="0" xfId="7" applyFont="1" applyBorder="1" applyAlignment="1">
      <alignment horizontal="left" vertical="center"/>
    </xf>
    <xf numFmtId="0" fontId="23" fillId="0" borderId="7" xfId="7" applyFont="1" applyBorder="1" applyAlignment="1">
      <alignment horizontal="left" vertical="center"/>
    </xf>
    <xf numFmtId="0" fontId="17" fillId="0" borderId="0" xfId="7" applyFont="1" applyBorder="1" applyAlignment="1">
      <alignment horizontal="center" vertical="center"/>
    </xf>
    <xf numFmtId="0" fontId="13" fillId="0" borderId="0" xfId="7" applyFont="1" applyBorder="1" applyAlignment="1">
      <alignment horizontal="center" vertical="center" shrinkToFit="1"/>
    </xf>
    <xf numFmtId="0" fontId="19" fillId="0" borderId="17" xfId="7" applyFont="1" applyBorder="1" applyAlignment="1">
      <alignment horizontal="right" vertical="top"/>
    </xf>
    <xf numFmtId="0" fontId="19" fillId="0" borderId="18" xfId="7" applyFont="1" applyBorder="1" applyAlignment="1">
      <alignment horizontal="right" vertical="top"/>
    </xf>
    <xf numFmtId="0" fontId="19" fillId="0" borderId="19" xfId="7" applyFont="1" applyBorder="1" applyAlignment="1">
      <alignment horizontal="right" vertical="top"/>
    </xf>
    <xf numFmtId="0" fontId="19" fillId="0" borderId="20" xfId="7" applyFont="1" applyBorder="1" applyAlignment="1">
      <alignment horizontal="right" vertical="top"/>
    </xf>
    <xf numFmtId="0" fontId="19" fillId="0" borderId="0" xfId="7" applyFont="1" applyBorder="1" applyAlignment="1">
      <alignment horizontal="right" vertical="top"/>
    </xf>
    <xf numFmtId="0" fontId="19" fillId="0" borderId="21" xfId="7" applyFont="1" applyBorder="1" applyAlignment="1">
      <alignment horizontal="right" vertical="top"/>
    </xf>
    <xf numFmtId="0" fontId="13" fillId="0" borderId="18" xfId="7" applyFont="1" applyBorder="1" applyAlignment="1">
      <alignment horizontal="center"/>
    </xf>
    <xf numFmtId="0" fontId="13" fillId="0" borderId="19" xfId="7" applyFont="1" applyBorder="1" applyAlignment="1">
      <alignment horizontal="center"/>
    </xf>
    <xf numFmtId="0" fontId="13" fillId="0" borderId="0" xfId="7" applyFont="1" applyBorder="1" applyAlignment="1">
      <alignment horizontal="center"/>
    </xf>
    <xf numFmtId="0" fontId="13" fillId="0" borderId="21" xfId="7" applyFont="1" applyBorder="1" applyAlignment="1">
      <alignment horizontal="center"/>
    </xf>
    <xf numFmtId="0" fontId="13" fillId="0" borderId="9" xfId="7" applyFont="1" applyBorder="1" applyAlignment="1">
      <alignment horizontal="center"/>
    </xf>
    <xf numFmtId="0" fontId="13" fillId="0" borderId="16" xfId="7" applyFont="1" applyBorder="1" applyAlignment="1">
      <alignment horizontal="center"/>
    </xf>
    <xf numFmtId="0" fontId="19" fillId="0" borderId="35" xfId="7" applyFont="1" applyBorder="1" applyAlignment="1">
      <alignment horizontal="right" vertical="top"/>
    </xf>
    <xf numFmtId="0" fontId="19" fillId="0" borderId="1" xfId="7" applyFont="1" applyBorder="1" applyAlignment="1">
      <alignment horizontal="right" vertical="top"/>
    </xf>
    <xf numFmtId="0" fontId="1" fillId="0" borderId="17" xfId="7" applyFont="1" applyBorder="1" applyAlignment="1">
      <alignment horizontal="center" vertical="center"/>
    </xf>
    <xf numFmtId="0" fontId="1" fillId="0" borderId="18" xfId="7" applyFont="1" applyBorder="1" applyAlignment="1">
      <alignment horizontal="center" vertical="center"/>
    </xf>
    <xf numFmtId="0" fontId="1" fillId="0" borderId="19" xfId="7" applyFont="1" applyBorder="1" applyAlignment="1">
      <alignment horizontal="center" vertical="center"/>
    </xf>
    <xf numFmtId="0" fontId="1" fillId="0" borderId="20" xfId="7" applyFont="1" applyBorder="1" applyAlignment="1">
      <alignment horizontal="center" vertical="center"/>
    </xf>
    <xf numFmtId="0" fontId="1" fillId="0" borderId="0" xfId="7" applyFont="1" applyBorder="1" applyAlignment="1">
      <alignment horizontal="center" vertical="center"/>
    </xf>
    <xf numFmtId="0" fontId="1" fillId="0" borderId="21" xfId="7" applyFont="1" applyBorder="1" applyAlignment="1">
      <alignment horizontal="center" vertical="center"/>
    </xf>
    <xf numFmtId="0" fontId="1" fillId="0" borderId="15" xfId="7" applyFont="1" applyBorder="1" applyAlignment="1">
      <alignment horizontal="center" vertical="center"/>
    </xf>
    <xf numFmtId="0" fontId="1" fillId="0" borderId="9" xfId="7" applyFont="1" applyBorder="1" applyAlignment="1">
      <alignment horizontal="center" vertical="center"/>
    </xf>
    <xf numFmtId="0" fontId="1" fillId="0" borderId="16" xfId="7" applyFont="1" applyBorder="1" applyAlignment="1">
      <alignment horizontal="center" vertical="center"/>
    </xf>
    <xf numFmtId="0" fontId="1" fillId="0" borderId="32" xfId="7" applyFont="1" applyBorder="1" applyAlignment="1">
      <alignment horizontal="center" vertical="center"/>
    </xf>
    <xf numFmtId="0" fontId="1" fillId="0" borderId="7" xfId="7" applyFont="1" applyBorder="1" applyAlignment="1">
      <alignment horizontal="center" vertical="center"/>
    </xf>
    <xf numFmtId="0" fontId="1" fillId="0" borderId="42" xfId="7" applyFont="1" applyBorder="1" applyAlignment="1">
      <alignment horizontal="center" vertical="center"/>
    </xf>
    <xf numFmtId="0" fontId="16" fillId="0" borderId="44" xfId="7" applyFont="1" applyBorder="1" applyAlignment="1">
      <alignment vertical="center"/>
    </xf>
    <xf numFmtId="0" fontId="1" fillId="0" borderId="0" xfId="7" applyFont="1"/>
    <xf numFmtId="0" fontId="19" fillId="0" borderId="17" xfId="7" applyFont="1" applyBorder="1" applyAlignment="1">
      <alignment horizontal="center"/>
    </xf>
    <xf numFmtId="0" fontId="19" fillId="0" borderId="18" xfId="7" applyFont="1" applyBorder="1" applyAlignment="1">
      <alignment horizontal="center"/>
    </xf>
    <xf numFmtId="0" fontId="19" fillId="0" borderId="20" xfId="7" applyFont="1" applyBorder="1" applyAlignment="1">
      <alignment horizontal="center"/>
    </xf>
    <xf numFmtId="0" fontId="19" fillId="0" borderId="0" xfId="7" applyFont="1" applyBorder="1" applyAlignment="1">
      <alignment horizontal="center"/>
    </xf>
    <xf numFmtId="0" fontId="19" fillId="0" borderId="15" xfId="7" applyFont="1" applyBorder="1" applyAlignment="1">
      <alignment horizontal="center"/>
    </xf>
    <xf numFmtId="0" fontId="19" fillId="0" borderId="9" xfId="7" applyFont="1" applyBorder="1" applyAlignment="1">
      <alignment horizontal="center"/>
    </xf>
    <xf numFmtId="0" fontId="19" fillId="0" borderId="17" xfId="7" applyFont="1" applyBorder="1" applyAlignment="1">
      <alignment horizontal="center" vertical="top"/>
    </xf>
    <xf numFmtId="0" fontId="19" fillId="0" borderId="18" xfId="7" applyFont="1" applyBorder="1" applyAlignment="1">
      <alignment horizontal="center" vertical="top"/>
    </xf>
    <xf numFmtId="0" fontId="19" fillId="0" borderId="19" xfId="7" applyFont="1" applyBorder="1" applyAlignment="1">
      <alignment horizontal="center" vertical="top"/>
    </xf>
    <xf numFmtId="0" fontId="19" fillId="0" borderId="20" xfId="7" applyFont="1" applyBorder="1" applyAlignment="1">
      <alignment horizontal="center" vertical="top"/>
    </xf>
    <xf numFmtId="0" fontId="19" fillId="0" borderId="0" xfId="7" applyFont="1" applyBorder="1" applyAlignment="1">
      <alignment horizontal="center" vertical="top"/>
    </xf>
    <xf numFmtId="0" fontId="19" fillId="0" borderId="21" xfId="7" applyFont="1" applyBorder="1" applyAlignment="1">
      <alignment horizontal="center" vertical="top"/>
    </xf>
    <xf numFmtId="0" fontId="19" fillId="0" borderId="15" xfId="7" applyFont="1" applyBorder="1" applyAlignment="1">
      <alignment horizontal="center" vertical="top"/>
    </xf>
    <xf numFmtId="0" fontId="19" fillId="0" borderId="9" xfId="7" applyFont="1" applyBorder="1" applyAlignment="1">
      <alignment horizontal="center" vertical="top"/>
    </xf>
    <xf numFmtId="0" fontId="19" fillId="0" borderId="16" xfId="7" applyFont="1" applyBorder="1" applyAlignment="1">
      <alignment horizontal="center" vertical="top"/>
    </xf>
    <xf numFmtId="0" fontId="18" fillId="0" borderId="0" xfId="7" applyFont="1" applyBorder="1" applyAlignment="1">
      <alignment horizontal="left" vertical="center" wrapText="1"/>
    </xf>
    <xf numFmtId="0" fontId="1" fillId="0" borderId="5" xfId="7" applyFont="1" applyBorder="1" applyAlignment="1"/>
    <xf numFmtId="0" fontId="1" fillId="0" borderId="2" xfId="7" applyFont="1" applyBorder="1" applyAlignment="1"/>
    <xf numFmtId="0" fontId="1" fillId="0" borderId="0" xfId="7" applyFont="1" applyAlignment="1"/>
    <xf numFmtId="0" fontId="1" fillId="0" borderId="29" xfId="7" applyFont="1" applyBorder="1" applyAlignment="1"/>
    <xf numFmtId="0" fontId="1" fillId="0" borderId="9" xfId="7" applyFont="1" applyBorder="1" applyAlignment="1"/>
    <xf numFmtId="0" fontId="19" fillId="0" borderId="0" xfId="7" applyFont="1" applyBorder="1" applyAlignment="1">
      <alignment horizontal="center" vertical="center"/>
    </xf>
    <xf numFmtId="0" fontId="1" fillId="0" borderId="18" xfId="7" applyFont="1" applyBorder="1" applyAlignment="1"/>
    <xf numFmtId="0" fontId="17" fillId="0" borderId="17" xfId="7" applyFont="1" applyBorder="1" applyAlignment="1">
      <alignment horizontal="center"/>
    </xf>
    <xf numFmtId="0" fontId="17" fillId="0" borderId="18" xfId="7" applyFont="1" applyBorder="1" applyAlignment="1">
      <alignment horizontal="center"/>
    </xf>
    <xf numFmtId="0" fontId="17" fillId="0" borderId="20" xfId="7" applyFont="1" applyBorder="1" applyAlignment="1">
      <alignment horizontal="center"/>
    </xf>
    <xf numFmtId="0" fontId="17" fillId="0" borderId="0" xfId="7" applyFont="1" applyBorder="1" applyAlignment="1">
      <alignment horizontal="center"/>
    </xf>
    <xf numFmtId="0" fontId="17" fillId="0" borderId="15" xfId="7" applyFont="1" applyBorder="1" applyAlignment="1">
      <alignment horizontal="center"/>
    </xf>
    <xf numFmtId="0" fontId="17" fillId="0" borderId="9" xfId="7" applyFont="1" applyBorder="1" applyAlignment="1">
      <alignment horizontal="center"/>
    </xf>
    <xf numFmtId="0" fontId="1" fillId="0" borderId="6" xfId="7" applyFont="1" applyBorder="1" applyAlignment="1"/>
    <xf numFmtId="0" fontId="1" fillId="0" borderId="7" xfId="7" applyFont="1" applyBorder="1" applyAlignment="1"/>
    <xf numFmtId="0" fontId="17" fillId="0" borderId="0" xfId="7" applyFont="1" applyAlignment="1">
      <alignment horizontal="center"/>
    </xf>
    <xf numFmtId="0" fontId="23" fillId="0" borderId="0" xfId="7" applyFont="1" applyAlignment="1">
      <alignment horizontal="left" vertical="center"/>
    </xf>
    <xf numFmtId="0" fontId="1" fillId="0" borderId="35" xfId="7" applyFont="1" applyBorder="1" applyAlignment="1">
      <alignment horizontal="center" vertical="center"/>
    </xf>
    <xf numFmtId="0" fontId="1" fillId="0" borderId="1" xfId="7" applyFont="1" applyBorder="1" applyAlignment="1">
      <alignment horizontal="center" vertical="center"/>
    </xf>
    <xf numFmtId="0" fontId="1" fillId="0" borderId="8" xfId="7" applyFont="1" applyBorder="1" applyAlignment="1">
      <alignment horizontal="center" vertical="center"/>
    </xf>
    <xf numFmtId="0" fontId="41" fillId="0" borderId="0" xfId="7" applyFont="1" applyBorder="1" applyAlignment="1">
      <alignment vertical="distributed" wrapText="1"/>
    </xf>
    <xf numFmtId="0" fontId="17" fillId="0" borderId="0" xfId="7" applyFont="1" applyBorder="1" applyAlignment="1">
      <alignment vertical="center" wrapText="1"/>
    </xf>
    <xf numFmtId="0" fontId="19" fillId="0" borderId="0" xfId="7" applyFont="1" applyBorder="1" applyAlignment="1">
      <alignment vertical="top" wrapText="1"/>
    </xf>
    <xf numFmtId="0" fontId="1" fillId="0" borderId="0" xfId="7" applyFont="1" applyBorder="1" applyAlignment="1">
      <alignment vertical="top" wrapText="1"/>
    </xf>
    <xf numFmtId="0" fontId="47" fillId="0" borderId="0" xfId="7" applyFont="1" applyFill="1"/>
    <xf numFmtId="0" fontId="47" fillId="0" borderId="0" xfId="7" applyFont="1" applyFill="1" applyAlignment="1"/>
    <xf numFmtId="0" fontId="48" fillId="0" borderId="0" xfId="7" applyFont="1" applyFill="1"/>
    <xf numFmtId="0" fontId="44" fillId="0" borderId="0" xfId="7" applyFont="1" applyFill="1"/>
    <xf numFmtId="0" fontId="48" fillId="0" borderId="0" xfId="7" applyFont="1" applyFill="1" applyBorder="1"/>
    <xf numFmtId="0" fontId="48" fillId="0" borderId="0" xfId="7" applyFont="1" applyFill="1" applyBorder="1" applyAlignment="1"/>
    <xf numFmtId="0" fontId="45" fillId="0" borderId="0" xfId="7" applyFont="1" applyFill="1" applyBorder="1" applyAlignment="1">
      <alignment horizontal="center" vertical="center"/>
    </xf>
    <xf numFmtId="0" fontId="45" fillId="0" borderId="3" xfId="1" applyFont="1" applyFill="1" applyBorder="1" applyAlignment="1">
      <alignment horizontal="center"/>
    </xf>
    <xf numFmtId="0" fontId="45" fillId="0" borderId="5" xfId="1" applyFont="1" applyFill="1" applyBorder="1" applyAlignment="1">
      <alignment horizontal="center"/>
    </xf>
    <xf numFmtId="0" fontId="44" fillId="0" borderId="5" xfId="1" applyFont="1" applyFill="1" applyBorder="1"/>
    <xf numFmtId="0" fontId="45" fillId="0" borderId="2" xfId="1" applyFont="1" applyFill="1" applyBorder="1" applyAlignment="1">
      <alignment horizontal="center"/>
    </xf>
    <xf numFmtId="0" fontId="45" fillId="0" borderId="0" xfId="1" applyFont="1" applyFill="1" applyBorder="1" applyAlignment="1">
      <alignment horizontal="center"/>
    </xf>
    <xf numFmtId="0" fontId="44" fillId="0" borderId="0" xfId="1" applyFont="1" applyFill="1" applyBorder="1"/>
    <xf numFmtId="0" fontId="44" fillId="0" borderId="0" xfId="1" applyFont="1" applyFill="1"/>
    <xf numFmtId="0" fontId="44" fillId="0" borderId="0" xfId="1" applyFont="1" applyFill="1" applyBorder="1" applyAlignment="1">
      <alignment vertical="center"/>
    </xf>
    <xf numFmtId="0" fontId="46" fillId="0" borderId="0" xfId="1" applyFont="1" applyFill="1" applyBorder="1" applyAlignment="1">
      <alignment vertical="center"/>
    </xf>
    <xf numFmtId="0" fontId="48" fillId="0" borderId="0" xfId="1" applyFont="1" applyFill="1" applyBorder="1" applyAlignment="1">
      <alignment horizontal="center"/>
    </xf>
    <xf numFmtId="0" fontId="48" fillId="0" borderId="0" xfId="1" applyFont="1" applyFill="1" applyBorder="1" applyAlignment="1">
      <alignment horizontal="center" vertical="center" wrapText="1"/>
    </xf>
    <xf numFmtId="0" fontId="44" fillId="0" borderId="0" xfId="7" applyFont="1" applyFill="1" applyBorder="1" applyAlignment="1">
      <alignment horizontal="center" vertical="center"/>
    </xf>
    <xf numFmtId="0" fontId="44" fillId="0" borderId="0" xfId="7" applyFont="1" applyFill="1" applyBorder="1" applyAlignment="1">
      <alignment horizontal="left" vertical="center"/>
    </xf>
    <xf numFmtId="0" fontId="45" fillId="0" borderId="0" xfId="1" applyFont="1" applyFill="1" applyBorder="1" applyAlignment="1">
      <alignment vertical="center"/>
    </xf>
    <xf numFmtId="0" fontId="45" fillId="0" borderId="0" xfId="7" applyFont="1" applyFill="1" applyBorder="1" applyAlignment="1">
      <alignment vertical="center"/>
    </xf>
    <xf numFmtId="0" fontId="47" fillId="0" borderId="0" xfId="7" applyFont="1" applyFill="1" applyBorder="1"/>
    <xf numFmtId="0" fontId="44" fillId="0" borderId="0" xfId="1" applyFont="1" applyFill="1" applyBorder="1" applyAlignment="1">
      <alignment horizontal="center" vertical="center"/>
    </xf>
    <xf numFmtId="0" fontId="48" fillId="0" borderId="0" xfId="1" applyFont="1" applyFill="1" applyBorder="1" applyAlignment="1">
      <alignment horizontal="center" vertical="center"/>
    </xf>
    <xf numFmtId="0" fontId="49" fillId="0" borderId="0" xfId="1" applyFont="1" applyFill="1" applyBorder="1" applyAlignment="1">
      <alignment horizontal="center" vertical="center"/>
    </xf>
    <xf numFmtId="0" fontId="44" fillId="0" borderId="0" xfId="1" applyFont="1" applyFill="1" applyBorder="1" applyAlignment="1">
      <alignment horizontal="center"/>
    </xf>
    <xf numFmtId="49" fontId="44" fillId="0" borderId="0" xfId="1" applyNumberFormat="1" applyFont="1" applyFill="1" applyBorder="1" applyAlignment="1">
      <alignment horizontal="center" vertical="center" textRotation="255"/>
    </xf>
    <xf numFmtId="0" fontId="47" fillId="0" borderId="0" xfId="1" applyFont="1" applyFill="1" applyBorder="1" applyAlignment="1">
      <alignment horizontal="center" vertical="center" justifyLastLine="1"/>
    </xf>
    <xf numFmtId="0" fontId="46" fillId="0" borderId="0" xfId="1" applyFont="1" applyFill="1" applyBorder="1" applyAlignment="1">
      <alignment horizontal="center" vertical="center" wrapText="1"/>
    </xf>
    <xf numFmtId="0" fontId="48" fillId="0" borderId="0" xfId="7" applyFont="1" applyFill="1" applyBorder="1" applyAlignment="1">
      <alignment vertical="center"/>
    </xf>
    <xf numFmtId="0" fontId="47" fillId="0" borderId="0" xfId="7" applyFont="1" applyFill="1" applyBorder="1" applyAlignment="1"/>
    <xf numFmtId="0" fontId="48" fillId="0" borderId="0" xfId="1" applyFont="1" applyFill="1" applyBorder="1" applyAlignment="1">
      <alignment vertical="center" textRotation="255" wrapText="1"/>
    </xf>
    <xf numFmtId="0" fontId="49" fillId="0" borderId="0" xfId="1" applyFont="1" applyFill="1" applyBorder="1" applyAlignment="1">
      <alignment vertical="center" wrapText="1"/>
    </xf>
    <xf numFmtId="0" fontId="54" fillId="0" borderId="0" xfId="1" applyFont="1" applyFill="1" applyAlignment="1">
      <alignment horizontal="center" vertical="top" textRotation="255"/>
    </xf>
    <xf numFmtId="0" fontId="53" fillId="0" borderId="0" xfId="1" applyFont="1" applyFill="1" applyBorder="1" applyAlignment="1"/>
    <xf numFmtId="0" fontId="44" fillId="0" borderId="1" xfId="1" applyFont="1" applyFill="1" applyBorder="1"/>
    <xf numFmtId="0" fontId="49" fillId="0" borderId="0" xfId="1" applyFont="1" applyFill="1" applyBorder="1" applyAlignment="1">
      <alignment wrapText="1"/>
    </xf>
    <xf numFmtId="0" fontId="44" fillId="0" borderId="0" xfId="0" applyFont="1" applyFill="1" applyBorder="1">
      <alignment vertical="center"/>
    </xf>
    <xf numFmtId="0" fontId="49" fillId="0" borderId="0" xfId="1" applyFont="1" applyFill="1" applyBorder="1" applyAlignment="1">
      <alignment vertical="center" textRotation="255"/>
    </xf>
    <xf numFmtId="0" fontId="47" fillId="0" borderId="0" xfId="7" applyFont="1" applyFill="1" applyAlignment="1">
      <alignment horizontal="left"/>
    </xf>
    <xf numFmtId="0" fontId="47" fillId="0" borderId="0" xfId="7" applyFont="1" applyFill="1" applyBorder="1" applyAlignment="1">
      <alignment horizontal="left"/>
    </xf>
    <xf numFmtId="0" fontId="48" fillId="0" borderId="0" xfId="7" applyFont="1" applyFill="1" applyBorder="1" applyAlignment="1">
      <alignment horizontal="right" vertical="top"/>
    </xf>
    <xf numFmtId="0" fontId="45" fillId="0" borderId="0" xfId="7" applyFont="1" applyFill="1" applyBorder="1"/>
    <xf numFmtId="0" fontId="45" fillId="0" borderId="5" xfId="7" applyFont="1" applyFill="1" applyBorder="1"/>
    <xf numFmtId="0" fontId="44" fillId="0" borderId="0" xfId="1" applyFont="1" applyFill="1" applyBorder="1" applyAlignment="1">
      <alignment horizontal="center" vertical="center"/>
    </xf>
    <xf numFmtId="0" fontId="47" fillId="0" borderId="0" xfId="7" applyFont="1" applyFill="1" applyBorder="1" applyAlignment="1">
      <alignment horizontal="left"/>
    </xf>
    <xf numFmtId="0" fontId="44" fillId="0" borderId="5" xfId="1" applyFont="1" applyFill="1" applyBorder="1" applyAlignment="1">
      <alignment horizontal="center" vertical="center"/>
    </xf>
    <xf numFmtId="0" fontId="47" fillId="0" borderId="84" xfId="7" applyFont="1" applyFill="1" applyBorder="1" applyAlignment="1"/>
    <xf numFmtId="0" fontId="45" fillId="0" borderId="0" xfId="7" applyFont="1" applyFill="1" applyBorder="1" applyAlignment="1"/>
    <xf numFmtId="0" fontId="49" fillId="0" borderId="0" xfId="7" applyFont="1" applyFill="1" applyBorder="1" applyAlignment="1">
      <alignment wrapText="1"/>
    </xf>
    <xf numFmtId="0" fontId="44" fillId="0" borderId="0" xfId="7" applyFont="1" applyFill="1" applyBorder="1"/>
    <xf numFmtId="0" fontId="47" fillId="0" borderId="0" xfId="7" applyFont="1" applyFill="1" applyBorder="1" applyAlignment="1">
      <alignment vertical="center" textRotation="255"/>
    </xf>
    <xf numFmtId="0" fontId="49" fillId="0" borderId="0" xfId="1" applyFont="1" applyFill="1" applyBorder="1" applyAlignment="1">
      <alignment vertical="top"/>
    </xf>
    <xf numFmtId="0" fontId="48" fillId="0" borderId="89" xfId="7" applyFont="1" applyFill="1" applyBorder="1"/>
    <xf numFmtId="0" fontId="48" fillId="0" borderId="89" xfId="7" applyFont="1" applyFill="1" applyBorder="1" applyAlignment="1"/>
    <xf numFmtId="0" fontId="45" fillId="0" borderId="89" xfId="1" applyFont="1" applyFill="1" applyBorder="1" applyAlignment="1">
      <alignment vertical="center"/>
    </xf>
    <xf numFmtId="0" fontId="48" fillId="0" borderId="90" xfId="7" applyFont="1" applyFill="1" applyBorder="1"/>
    <xf numFmtId="0" fontId="48" fillId="0" borderId="89" xfId="7" applyFont="1" applyFill="1" applyBorder="1" applyAlignment="1">
      <alignment vertical="center"/>
    </xf>
    <xf numFmtId="0" fontId="49" fillId="0" borderId="89" xfId="0" applyFont="1" applyFill="1" applyBorder="1" applyAlignment="1">
      <alignment vertical="top"/>
    </xf>
    <xf numFmtId="0" fontId="49" fillId="0" borderId="0" xfId="0" applyFont="1" applyFill="1" applyBorder="1" applyAlignment="1">
      <alignment vertical="top"/>
    </xf>
    <xf numFmtId="0" fontId="44" fillId="0" borderId="176" xfId="1" applyFont="1" applyFill="1" applyBorder="1"/>
    <xf numFmtId="0" fontId="47" fillId="0" borderId="0" xfId="7" applyFont="1" applyFill="1" applyBorder="1" applyAlignment="1">
      <alignment horizontal="left"/>
    </xf>
    <xf numFmtId="0" fontId="44" fillId="0" borderId="0" xfId="1" applyFont="1" applyFill="1" applyBorder="1" applyAlignment="1">
      <alignment horizontal="center"/>
    </xf>
    <xf numFmtId="0" fontId="45" fillId="0" borderId="0" xfId="7" applyFont="1" applyFill="1" applyBorder="1" applyAlignment="1">
      <alignment vertical="center" textRotation="255"/>
    </xf>
    <xf numFmtId="0" fontId="49" fillId="0" borderId="0" xfId="7" applyFont="1" applyFill="1" applyBorder="1" applyAlignment="1">
      <alignment vertical="center" justifyLastLine="1"/>
    </xf>
    <xf numFmtId="0" fontId="46" fillId="0" borderId="0" xfId="1" applyFont="1" applyFill="1" applyBorder="1" applyAlignment="1">
      <alignment vertical="center" wrapText="1"/>
    </xf>
    <xf numFmtId="0" fontId="45" fillId="0" borderId="0" xfId="1" applyFont="1" applyFill="1" applyBorder="1" applyAlignment="1">
      <alignment vertical="center" justifyLastLine="1"/>
    </xf>
    <xf numFmtId="0" fontId="49" fillId="0" borderId="0" xfId="1" applyFont="1" applyFill="1" applyBorder="1" applyAlignment="1">
      <alignment horizontal="center" vertical="center"/>
    </xf>
    <xf numFmtId="0" fontId="49" fillId="0" borderId="0" xfId="1" applyFont="1" applyFill="1" applyBorder="1" applyAlignment="1">
      <alignment horizontal="right" vertical="top"/>
    </xf>
    <xf numFmtId="0" fontId="49" fillId="0" borderId="0" xfId="1" applyFont="1" applyFill="1" applyBorder="1" applyAlignment="1">
      <alignment vertical="center"/>
    </xf>
    <xf numFmtId="0" fontId="44" fillId="0" borderId="0" xfId="1" applyFont="1" applyFill="1" applyAlignment="1"/>
    <xf numFmtId="3" fontId="49" fillId="0" borderId="0" xfId="1" applyNumberFormat="1" applyFont="1" applyFill="1" applyBorder="1" applyAlignment="1">
      <alignment horizontal="right" vertical="top"/>
    </xf>
    <xf numFmtId="0" fontId="47" fillId="0" borderId="0" xfId="1" applyFont="1" applyFill="1" applyBorder="1" applyAlignment="1">
      <alignment vertical="center"/>
    </xf>
    <xf numFmtId="0" fontId="44" fillId="0" borderId="3" xfId="7" applyFont="1" applyFill="1" applyBorder="1"/>
    <xf numFmtId="0" fontId="49" fillId="0" borderId="5" xfId="7" applyFont="1" applyFill="1" applyBorder="1" applyAlignment="1">
      <alignment wrapText="1"/>
    </xf>
    <xf numFmtId="0" fontId="45" fillId="0" borderId="5" xfId="7" applyFont="1" applyFill="1" applyBorder="1" applyAlignment="1"/>
    <xf numFmtId="0" fontId="44" fillId="0" borderId="2" xfId="7" applyFont="1" applyFill="1" applyBorder="1"/>
    <xf numFmtId="0" fontId="44" fillId="0" borderId="6" xfId="7" applyFont="1" applyFill="1" applyBorder="1"/>
    <xf numFmtId="0" fontId="47" fillId="0" borderId="7" xfId="7" applyFont="1" applyFill="1" applyBorder="1"/>
    <xf numFmtId="0" fontId="47" fillId="0" borderId="78" xfId="7" applyFont="1" applyFill="1" applyBorder="1"/>
    <xf numFmtId="0" fontId="49" fillId="0" borderId="0" xfId="1" applyFont="1" applyFill="1" applyBorder="1" applyAlignment="1">
      <alignment horizontal="center" vertical="center" wrapText="1"/>
    </xf>
    <xf numFmtId="0" fontId="49" fillId="0" borderId="7" xfId="1" applyFont="1" applyFill="1" applyBorder="1" applyAlignment="1">
      <alignment vertical="top"/>
    </xf>
    <xf numFmtId="0" fontId="49" fillId="0" borderId="177" xfId="1" applyFont="1" applyFill="1" applyBorder="1" applyAlignment="1">
      <alignment vertical="center" textRotation="255"/>
    </xf>
    <xf numFmtId="0" fontId="49" fillId="0" borderId="0" xfId="1" applyFont="1" applyFill="1" applyBorder="1"/>
    <xf numFmtId="0" fontId="49" fillId="0" borderId="83" xfId="1" applyFont="1" applyFill="1" applyBorder="1" applyAlignment="1">
      <alignment vertical="center" wrapText="1"/>
    </xf>
    <xf numFmtId="0" fontId="49" fillId="0" borderId="84" xfId="1" applyFont="1" applyFill="1" applyBorder="1" applyAlignment="1">
      <alignment vertical="center" wrapText="1"/>
    </xf>
    <xf numFmtId="0" fontId="49" fillId="0" borderId="91" xfId="1" applyFont="1" applyFill="1" applyBorder="1" applyAlignment="1">
      <alignment vertical="center" wrapText="1"/>
    </xf>
    <xf numFmtId="0" fontId="49" fillId="0" borderId="85" xfId="1" applyFont="1" applyFill="1" applyBorder="1" applyAlignment="1">
      <alignment vertical="center" wrapText="1"/>
    </xf>
    <xf numFmtId="0" fontId="49" fillId="0" borderId="116" xfId="1" applyFont="1" applyFill="1" applyBorder="1" applyAlignment="1">
      <alignment vertical="center" wrapText="1"/>
    </xf>
    <xf numFmtId="0" fontId="44" fillId="0" borderId="177" xfId="1" applyFont="1" applyFill="1" applyBorder="1"/>
    <xf numFmtId="0" fontId="45" fillId="0" borderId="177" xfId="1" applyFont="1" applyFill="1" applyBorder="1" applyAlignment="1">
      <alignment vertical="center" justifyLastLine="1"/>
    </xf>
    <xf numFmtId="0" fontId="44" fillId="0" borderId="177" xfId="1" applyFont="1" applyFill="1" applyBorder="1" applyAlignment="1">
      <alignment vertical="center"/>
    </xf>
    <xf numFmtId="3" fontId="54" fillId="0" borderId="177" xfId="1" quotePrefix="1" applyNumberFormat="1" applyFont="1" applyFill="1" applyBorder="1" applyAlignment="1"/>
    <xf numFmtId="0" fontId="44" fillId="0" borderId="2" xfId="1" applyFont="1" applyFill="1" applyBorder="1"/>
    <xf numFmtId="0" fontId="45" fillId="0" borderId="203" xfId="1" applyFont="1" applyFill="1" applyBorder="1" applyAlignment="1">
      <alignment vertical="center" justifyLastLine="1"/>
    </xf>
    <xf numFmtId="0" fontId="44" fillId="0" borderId="203" xfId="1" applyFont="1" applyFill="1" applyBorder="1" applyAlignment="1">
      <alignment vertical="center"/>
    </xf>
    <xf numFmtId="3" fontId="54" fillId="0" borderId="203" xfId="1" quotePrefix="1" applyNumberFormat="1" applyFont="1" applyFill="1" applyBorder="1" applyAlignment="1"/>
    <xf numFmtId="0" fontId="45" fillId="0" borderId="175" xfId="1" applyFont="1" applyFill="1" applyBorder="1" applyAlignment="1">
      <alignment vertical="center" justifyLastLine="1"/>
    </xf>
    <xf numFmtId="0" fontId="44" fillId="0" borderId="81" xfId="1" applyFont="1" applyFill="1" applyBorder="1"/>
    <xf numFmtId="0" fontId="44" fillId="0" borderId="204" xfId="1" applyFont="1" applyFill="1" applyBorder="1"/>
    <xf numFmtId="0" fontId="49" fillId="0" borderId="204" xfId="1" applyFont="1" applyFill="1" applyBorder="1" applyAlignment="1">
      <alignment vertical="center" wrapText="1"/>
    </xf>
    <xf numFmtId="0" fontId="49" fillId="0" borderId="81" xfId="1" applyFont="1" applyFill="1" applyBorder="1" applyAlignment="1">
      <alignment vertical="center" wrapText="1"/>
    </xf>
    <xf numFmtId="0" fontId="46" fillId="0" borderId="81" xfId="1" applyFont="1" applyFill="1" applyBorder="1" applyAlignment="1">
      <alignment vertical="center" wrapText="1"/>
    </xf>
    <xf numFmtId="0" fontId="45" fillId="0" borderId="0" xfId="1" applyFont="1" applyFill="1" applyBorder="1" applyAlignment="1">
      <alignment wrapText="1"/>
    </xf>
    <xf numFmtId="0" fontId="45" fillId="0" borderId="5" xfId="7" applyFont="1" applyFill="1" applyBorder="1" applyAlignment="1">
      <alignment vertical="center"/>
    </xf>
    <xf numFmtId="0" fontId="45" fillId="0" borderId="4" xfId="7" applyFont="1" applyFill="1" applyBorder="1" applyAlignment="1">
      <alignment vertical="center"/>
    </xf>
    <xf numFmtId="0" fontId="45" fillId="0" borderId="1" xfId="7" applyFont="1" applyFill="1" applyBorder="1" applyAlignment="1">
      <alignment vertical="center"/>
    </xf>
    <xf numFmtId="0" fontId="45" fillId="0" borderId="7" xfId="7" applyFont="1" applyFill="1" applyBorder="1" applyAlignment="1">
      <alignment vertical="center"/>
    </xf>
    <xf numFmtId="0" fontId="45" fillId="0" borderId="8" xfId="7" applyFont="1" applyFill="1" applyBorder="1" applyAlignment="1">
      <alignment vertical="center"/>
    </xf>
    <xf numFmtId="0" fontId="49" fillId="0" borderId="0" xfId="1" applyFont="1" applyFill="1" applyBorder="1" applyAlignment="1">
      <alignment vertical="top" wrapText="1"/>
    </xf>
    <xf numFmtId="0" fontId="19" fillId="0" borderId="0" xfId="1" applyFont="1" applyFill="1" applyBorder="1" applyAlignment="1">
      <alignment horizontal="left" vertical="center"/>
    </xf>
    <xf numFmtId="0" fontId="19" fillId="0" borderId="21" xfId="1" applyFont="1" applyFill="1" applyBorder="1" applyAlignment="1">
      <alignment horizontal="left" vertical="center"/>
    </xf>
    <xf numFmtId="0" fontId="19" fillId="0" borderId="20" xfId="1" applyFont="1" applyFill="1" applyBorder="1" applyAlignment="1">
      <alignment horizontal="center" vertical="center"/>
    </xf>
    <xf numFmtId="0" fontId="19" fillId="0" borderId="0" xfId="1" applyFont="1" applyFill="1" applyBorder="1" applyAlignment="1">
      <alignment horizontal="center" vertical="center"/>
    </xf>
    <xf numFmtId="0" fontId="17" fillId="0" borderId="20" xfId="1" applyFont="1" applyFill="1" applyBorder="1" applyAlignment="1">
      <alignment horizontal="center" vertical="center"/>
    </xf>
    <xf numFmtId="0" fontId="17" fillId="0" borderId="0" xfId="1" applyFont="1" applyFill="1" applyBorder="1" applyAlignment="1">
      <alignment horizontal="center" vertical="center"/>
    </xf>
    <xf numFmtId="0" fontId="17" fillId="0" borderId="21" xfId="1" applyFont="1" applyFill="1" applyBorder="1" applyAlignment="1">
      <alignment horizontal="center" vertical="center"/>
    </xf>
    <xf numFmtId="0" fontId="17" fillId="0" borderId="15" xfId="1" applyFont="1" applyFill="1" applyBorder="1" applyAlignment="1">
      <alignment horizontal="center" vertical="center"/>
    </xf>
    <xf numFmtId="0" fontId="17" fillId="0" borderId="9" xfId="1" applyFont="1" applyFill="1" applyBorder="1" applyAlignment="1">
      <alignment horizontal="center" vertical="center"/>
    </xf>
    <xf numFmtId="0" fontId="17" fillId="0" borderId="16" xfId="1" applyFont="1" applyFill="1" applyBorder="1" applyAlignment="1">
      <alignment horizontal="center" vertical="center"/>
    </xf>
    <xf numFmtId="0" fontId="16" fillId="0" borderId="17" xfId="1" applyFont="1" applyFill="1" applyBorder="1" applyAlignment="1">
      <alignment horizontal="center" vertical="center"/>
    </xf>
    <xf numFmtId="0" fontId="16" fillId="0" borderId="18" xfId="1" applyFont="1" applyFill="1" applyBorder="1" applyAlignment="1">
      <alignment horizontal="center" vertical="center"/>
    </xf>
    <xf numFmtId="0" fontId="16" fillId="0" borderId="19" xfId="1" applyFont="1" applyFill="1" applyBorder="1" applyAlignment="1">
      <alignment horizontal="center" vertical="center"/>
    </xf>
    <xf numFmtId="0" fontId="16" fillId="0" borderId="20" xfId="1" applyFont="1" applyFill="1" applyBorder="1" applyAlignment="1">
      <alignment horizontal="center" vertical="center"/>
    </xf>
    <xf numFmtId="0" fontId="16" fillId="0" borderId="0" xfId="1" applyFont="1" applyFill="1" applyBorder="1" applyAlignment="1">
      <alignment horizontal="center" vertical="center"/>
    </xf>
    <xf numFmtId="0" fontId="16" fillId="0" borderId="21" xfId="1" applyFont="1" applyFill="1" applyBorder="1" applyAlignment="1">
      <alignment horizontal="center" vertical="center"/>
    </xf>
    <xf numFmtId="0" fontId="17" fillId="0" borderId="17" xfId="1" applyFont="1" applyFill="1" applyBorder="1" applyAlignment="1">
      <alignment horizontal="center" vertical="center"/>
    </xf>
    <xf numFmtId="0" fontId="17" fillId="0" borderId="18" xfId="1" applyFont="1" applyFill="1" applyBorder="1" applyAlignment="1">
      <alignment horizontal="center" vertical="center"/>
    </xf>
    <xf numFmtId="0" fontId="17" fillId="0" borderId="35" xfId="1" applyFont="1" applyFill="1" applyBorder="1" applyAlignment="1">
      <alignment horizontal="center" vertical="center"/>
    </xf>
    <xf numFmtId="0" fontId="17" fillId="0" borderId="1" xfId="1" applyFont="1" applyFill="1" applyBorder="1" applyAlignment="1">
      <alignment horizontal="center" vertical="center"/>
    </xf>
    <xf numFmtId="0" fontId="17" fillId="0" borderId="36" xfId="1" applyFont="1" applyFill="1" applyBorder="1" applyAlignment="1">
      <alignment horizontal="center" vertical="center"/>
    </xf>
    <xf numFmtId="0" fontId="4" fillId="0" borderId="17" xfId="1" applyFont="1" applyFill="1" applyBorder="1" applyAlignment="1">
      <alignment horizontal="center" vertical="center"/>
    </xf>
    <xf numFmtId="0" fontId="4" fillId="0" borderId="18" xfId="1" applyFont="1" applyFill="1" applyBorder="1" applyAlignment="1">
      <alignment horizontal="center" vertical="center"/>
    </xf>
    <xf numFmtId="0" fontId="4" fillId="0" borderId="19" xfId="1" applyFont="1" applyFill="1" applyBorder="1" applyAlignment="1">
      <alignment horizontal="center" vertical="center"/>
    </xf>
    <xf numFmtId="0" fontId="4" fillId="0" borderId="20" xfId="1" applyFont="1" applyFill="1" applyBorder="1" applyAlignment="1">
      <alignment horizontal="center" vertical="center"/>
    </xf>
    <xf numFmtId="0" fontId="4" fillId="0" borderId="0" xfId="1" applyFont="1" applyFill="1" applyBorder="1" applyAlignment="1">
      <alignment horizontal="center" vertical="center"/>
    </xf>
    <xf numFmtId="0" fontId="4" fillId="0" borderId="21" xfId="1" applyFont="1" applyFill="1" applyBorder="1" applyAlignment="1">
      <alignment horizontal="center" vertical="center"/>
    </xf>
    <xf numFmtId="0" fontId="4" fillId="0" borderId="32" xfId="1" applyFont="1" applyFill="1" applyBorder="1" applyAlignment="1">
      <alignment horizontal="center" vertical="center"/>
    </xf>
    <xf numFmtId="0" fontId="4" fillId="0" borderId="7" xfId="1" applyFont="1" applyFill="1" applyBorder="1" applyAlignment="1">
      <alignment horizontal="center" vertical="center"/>
    </xf>
    <xf numFmtId="0" fontId="4" fillId="0" borderId="42" xfId="1" applyFont="1" applyFill="1" applyBorder="1" applyAlignment="1">
      <alignment horizontal="center" vertical="center"/>
    </xf>
    <xf numFmtId="0" fontId="13" fillId="0" borderId="22" xfId="1" applyFont="1" applyFill="1" applyBorder="1" applyAlignment="1">
      <alignment horizontal="distributed" vertical="center" justifyLastLine="1"/>
    </xf>
    <xf numFmtId="0" fontId="13" fillId="0" borderId="13" xfId="1" applyFont="1" applyFill="1" applyBorder="1" applyAlignment="1">
      <alignment horizontal="distributed" vertical="center" justifyLastLine="1"/>
    </xf>
    <xf numFmtId="0" fontId="16" fillId="0" borderId="9" xfId="1" applyFont="1" applyFill="1" applyBorder="1" applyAlignment="1">
      <alignment horizontal="center" vertical="center"/>
    </xf>
    <xf numFmtId="0" fontId="16" fillId="0" borderId="16" xfId="1" applyFont="1" applyFill="1" applyBorder="1" applyAlignment="1">
      <alignment horizontal="center" vertical="center"/>
    </xf>
    <xf numFmtId="0" fontId="13" fillId="0" borderId="20" xfId="1" applyFont="1" applyFill="1" applyBorder="1" applyAlignment="1">
      <alignment horizontal="center" vertical="center"/>
    </xf>
    <xf numFmtId="0" fontId="13" fillId="0" borderId="0" xfId="1" applyFont="1" applyFill="1" applyBorder="1" applyAlignment="1">
      <alignment horizontal="center" vertical="center"/>
    </xf>
    <xf numFmtId="0" fontId="13" fillId="0" borderId="21" xfId="1" applyFont="1" applyFill="1" applyBorder="1" applyAlignment="1">
      <alignment horizontal="center" vertical="center"/>
    </xf>
    <xf numFmtId="0" fontId="13" fillId="0" borderId="15" xfId="1" applyFont="1" applyFill="1" applyBorder="1" applyAlignment="1">
      <alignment horizontal="center" vertical="center"/>
    </xf>
    <xf numFmtId="0" fontId="13" fillId="0" borderId="9" xfId="1" applyFont="1" applyFill="1" applyBorder="1" applyAlignment="1">
      <alignment horizontal="center" vertical="center"/>
    </xf>
    <xf numFmtId="0" fontId="13" fillId="0" borderId="16" xfId="1" applyFont="1" applyFill="1" applyBorder="1" applyAlignment="1">
      <alignment horizontal="center" vertical="center"/>
    </xf>
    <xf numFmtId="0" fontId="15" fillId="0" borderId="39" xfId="1" applyFont="1" applyFill="1" applyBorder="1" applyAlignment="1">
      <alignment horizontal="distributed" vertical="center" justifyLastLine="1"/>
    </xf>
    <xf numFmtId="0" fontId="15" fillId="0" borderId="46" xfId="1" applyFont="1" applyFill="1" applyBorder="1" applyAlignment="1">
      <alignment horizontal="distributed" vertical="center" justifyLastLine="1"/>
    </xf>
    <xf numFmtId="0" fontId="15" fillId="0" borderId="22" xfId="1" applyFont="1" applyFill="1" applyBorder="1" applyAlignment="1">
      <alignment horizontal="distributed" vertical="center" justifyLastLine="1"/>
    </xf>
    <xf numFmtId="0" fontId="15" fillId="0" borderId="10" xfId="1" applyFont="1" applyFill="1" applyBorder="1" applyAlignment="1">
      <alignment horizontal="distributed" vertical="center" justifyLastLine="1"/>
    </xf>
    <xf numFmtId="0" fontId="16" fillId="0" borderId="37" xfId="1" applyFont="1" applyFill="1" applyBorder="1" applyAlignment="1">
      <alignment horizontal="center" vertical="center"/>
    </xf>
    <xf numFmtId="0" fontId="16" fillId="0" borderId="5" xfId="1" applyFont="1" applyFill="1" applyBorder="1" applyAlignment="1">
      <alignment horizontal="center" vertical="center"/>
    </xf>
    <xf numFmtId="0" fontId="16" fillId="0" borderId="38" xfId="1" applyFont="1" applyFill="1" applyBorder="1" applyAlignment="1">
      <alignment horizontal="center" vertical="center"/>
    </xf>
    <xf numFmtId="0" fontId="16" fillId="0" borderId="15" xfId="1" applyFont="1" applyFill="1" applyBorder="1" applyAlignment="1">
      <alignment horizontal="center" vertical="center"/>
    </xf>
    <xf numFmtId="0" fontId="1" fillId="0" borderId="17" xfId="1" applyFont="1" applyFill="1" applyBorder="1" applyAlignment="1">
      <alignment horizontal="center"/>
    </xf>
    <xf numFmtId="0" fontId="1" fillId="0" borderId="18" xfId="1" applyFont="1" applyFill="1" applyBorder="1" applyAlignment="1">
      <alignment horizontal="center"/>
    </xf>
    <xf numFmtId="0" fontId="1" fillId="0" borderId="35" xfId="1" applyFont="1" applyFill="1" applyBorder="1" applyAlignment="1">
      <alignment horizontal="center"/>
    </xf>
    <xf numFmtId="0" fontId="1" fillId="0" borderId="20" xfId="1" applyFont="1" applyFill="1" applyBorder="1" applyAlignment="1">
      <alignment horizontal="center"/>
    </xf>
    <xf numFmtId="0" fontId="1" fillId="0" borderId="0" xfId="1" applyFont="1" applyFill="1" applyBorder="1" applyAlignment="1">
      <alignment horizontal="center"/>
    </xf>
    <xf numFmtId="0" fontId="1" fillId="0" borderId="1" xfId="1" applyFont="1" applyFill="1" applyBorder="1" applyAlignment="1">
      <alignment horizontal="center"/>
    </xf>
    <xf numFmtId="0" fontId="1" fillId="0" borderId="15" xfId="1" applyFont="1" applyFill="1" applyBorder="1" applyAlignment="1">
      <alignment horizontal="center"/>
    </xf>
    <xf numFmtId="0" fontId="1" fillId="0" borderId="9" xfId="1" applyFont="1" applyFill="1" applyBorder="1" applyAlignment="1">
      <alignment horizontal="center"/>
    </xf>
    <xf numFmtId="0" fontId="1" fillId="0" borderId="36" xfId="1" applyFont="1" applyFill="1" applyBorder="1" applyAlignment="1">
      <alignment horizontal="center"/>
    </xf>
    <xf numFmtId="0" fontId="13" fillId="0" borderId="10" xfId="1" applyFont="1" applyFill="1" applyBorder="1" applyAlignment="1">
      <alignment horizontal="distributed" vertical="center" justifyLastLine="1"/>
    </xf>
    <xf numFmtId="0" fontId="17" fillId="0" borderId="19" xfId="1" applyFont="1" applyFill="1" applyBorder="1" applyAlignment="1">
      <alignment horizontal="center" vertical="center"/>
    </xf>
    <xf numFmtId="0" fontId="1" fillId="0" borderId="19" xfId="1" applyFont="1" applyFill="1" applyBorder="1" applyAlignment="1">
      <alignment horizontal="center"/>
    </xf>
    <xf numFmtId="0" fontId="1" fillId="0" borderId="21" xfId="1" applyFont="1" applyFill="1" applyBorder="1" applyAlignment="1">
      <alignment horizontal="center"/>
    </xf>
    <xf numFmtId="0" fontId="1" fillId="0" borderId="16" xfId="1" applyFont="1" applyFill="1" applyBorder="1" applyAlignment="1">
      <alignment horizontal="center"/>
    </xf>
    <xf numFmtId="0" fontId="25" fillId="0" borderId="0" xfId="1" applyFont="1" applyFill="1" applyBorder="1" applyAlignment="1">
      <alignment horizontal="center" vertical="center"/>
    </xf>
    <xf numFmtId="0" fontId="17" fillId="0" borderId="0" xfId="1" applyFont="1" applyFill="1" applyAlignment="1">
      <alignment horizontal="center"/>
    </xf>
    <xf numFmtId="0" fontId="17" fillId="0" borderId="5" xfId="1" applyFont="1" applyFill="1" applyBorder="1" applyAlignment="1">
      <alignment horizontal="center" vertical="center"/>
    </xf>
    <xf numFmtId="0" fontId="15" fillId="0" borderId="2" xfId="1" applyFont="1" applyFill="1" applyBorder="1" applyAlignment="1">
      <alignment horizontal="center" vertical="center"/>
    </xf>
    <xf numFmtId="0" fontId="15" fillId="0" borderId="0" xfId="1" applyFont="1" applyFill="1" applyBorder="1" applyAlignment="1">
      <alignment horizontal="center" vertical="center"/>
    </xf>
    <xf numFmtId="0" fontId="25" fillId="0" borderId="0" xfId="1" applyFont="1" applyFill="1" applyBorder="1" applyAlignment="1">
      <alignment horizontal="left" vertical="center"/>
    </xf>
    <xf numFmtId="0" fontId="17" fillId="0" borderId="22" xfId="1" applyFont="1" applyFill="1" applyBorder="1" applyAlignment="1">
      <alignment horizontal="distributed" vertical="center" justifyLastLine="1"/>
    </xf>
    <xf numFmtId="0" fontId="17" fillId="0" borderId="10" xfId="1" applyFont="1" applyFill="1" applyBorder="1" applyAlignment="1">
      <alignment horizontal="distributed" vertical="center" justifyLastLine="1"/>
    </xf>
    <xf numFmtId="0" fontId="17" fillId="0" borderId="13" xfId="1" applyFont="1" applyFill="1" applyBorder="1" applyAlignment="1">
      <alignment horizontal="distributed" vertical="center" justifyLastLine="1"/>
    </xf>
    <xf numFmtId="0" fontId="17" fillId="0" borderId="17" xfId="1" applyFont="1" applyFill="1" applyBorder="1" applyAlignment="1">
      <alignment horizontal="distributed" vertical="center" justifyLastLine="1"/>
    </xf>
    <xf numFmtId="0" fontId="19" fillId="0" borderId="10" xfId="1" applyFont="1" applyFill="1" applyBorder="1" applyAlignment="1">
      <alignment horizontal="center" vertical="center"/>
    </xf>
    <xf numFmtId="0" fontId="19" fillId="0" borderId="11" xfId="1" applyFont="1" applyFill="1" applyBorder="1" applyAlignment="1">
      <alignment horizontal="center" vertical="center"/>
    </xf>
    <xf numFmtId="0" fontId="19" fillId="0" borderId="12" xfId="1" applyFont="1" applyFill="1" applyBorder="1" applyAlignment="1">
      <alignment horizontal="center" vertical="center"/>
    </xf>
    <xf numFmtId="0" fontId="23" fillId="0" borderId="0" xfId="1" applyFont="1" applyFill="1" applyBorder="1" applyAlignment="1">
      <alignment horizontal="left" vertical="center" wrapText="1"/>
    </xf>
    <xf numFmtId="0" fontId="13" fillId="0" borderId="17" xfId="1" applyFont="1" applyFill="1" applyBorder="1" applyAlignment="1">
      <alignment horizontal="distributed" vertical="center" justifyLastLine="1"/>
    </xf>
    <xf numFmtId="0" fontId="13" fillId="0" borderId="18" xfId="1" applyFont="1" applyFill="1" applyBorder="1" applyAlignment="1">
      <alignment horizontal="distributed" vertical="center" justifyLastLine="1"/>
    </xf>
    <xf numFmtId="0" fontId="13" fillId="0" borderId="19" xfId="1" applyFont="1" applyFill="1" applyBorder="1" applyAlignment="1">
      <alignment horizontal="distributed" vertical="center" justifyLastLine="1"/>
    </xf>
    <xf numFmtId="0" fontId="13" fillId="0" borderId="20" xfId="1" applyFont="1" applyFill="1" applyBorder="1" applyAlignment="1">
      <alignment horizontal="distributed" vertical="center" justifyLastLine="1"/>
    </xf>
    <xf numFmtId="0" fontId="13" fillId="0" borderId="0" xfId="1" applyFont="1" applyFill="1" applyBorder="1" applyAlignment="1">
      <alignment horizontal="distributed" vertical="center" justifyLastLine="1"/>
    </xf>
    <xf numFmtId="0" fontId="13" fillId="0" borderId="21" xfId="1" applyFont="1" applyFill="1" applyBorder="1" applyAlignment="1">
      <alignment horizontal="distributed" vertical="center" justifyLastLine="1"/>
    </xf>
    <xf numFmtId="0" fontId="13" fillId="0" borderId="15" xfId="1" applyFont="1" applyFill="1" applyBorder="1" applyAlignment="1">
      <alignment horizontal="distributed" vertical="center" justifyLastLine="1"/>
    </xf>
    <xf numFmtId="0" fontId="13" fillId="0" borderId="9" xfId="1" applyFont="1" applyFill="1" applyBorder="1" applyAlignment="1">
      <alignment horizontal="distributed" vertical="center" justifyLastLine="1"/>
    </xf>
    <xf numFmtId="0" fontId="13" fillId="0" borderId="16" xfId="1" applyFont="1" applyFill="1" applyBorder="1" applyAlignment="1">
      <alignment horizontal="distributed" vertical="center" justifyLastLine="1"/>
    </xf>
    <xf numFmtId="0" fontId="15" fillId="0" borderId="17" xfId="1" applyFont="1" applyFill="1" applyBorder="1" applyAlignment="1">
      <alignment horizontal="center" vertical="center"/>
    </xf>
    <xf numFmtId="0" fontId="15" fillId="0" borderId="18" xfId="1" applyFont="1" applyFill="1" applyBorder="1" applyAlignment="1">
      <alignment horizontal="center" vertical="center"/>
    </xf>
    <xf numFmtId="0" fontId="15" fillId="0" borderId="19" xfId="1" applyFont="1" applyFill="1" applyBorder="1" applyAlignment="1">
      <alignment horizontal="center" vertical="center"/>
    </xf>
    <xf numFmtId="0" fontId="15" fillId="0" borderId="20" xfId="1" applyFont="1" applyFill="1" applyBorder="1" applyAlignment="1">
      <alignment horizontal="center" vertical="center"/>
    </xf>
    <xf numFmtId="0" fontId="15" fillId="0" borderId="21" xfId="1" applyFont="1" applyFill="1" applyBorder="1" applyAlignment="1">
      <alignment horizontal="center" vertical="center"/>
    </xf>
    <xf numFmtId="0" fontId="15" fillId="0" borderId="15" xfId="1" applyFont="1" applyFill="1" applyBorder="1" applyAlignment="1">
      <alignment horizontal="center" vertical="center"/>
    </xf>
    <xf numFmtId="0" fontId="15" fillId="0" borderId="9" xfId="1" applyFont="1" applyFill="1" applyBorder="1" applyAlignment="1">
      <alignment horizontal="center" vertical="center"/>
    </xf>
    <xf numFmtId="0" fontId="15" fillId="0" borderId="16" xfId="1" applyFont="1" applyFill="1" applyBorder="1" applyAlignment="1">
      <alignment horizontal="center" vertical="center"/>
    </xf>
    <xf numFmtId="0" fontId="17" fillId="0" borderId="18" xfId="1" applyFont="1" applyFill="1" applyBorder="1" applyAlignment="1">
      <alignment horizontal="distributed" vertical="center" justifyLastLine="1"/>
    </xf>
    <xf numFmtId="0" fontId="17" fillId="0" borderId="19" xfId="1" applyFont="1" applyFill="1" applyBorder="1" applyAlignment="1">
      <alignment horizontal="distributed" vertical="center" justifyLastLine="1"/>
    </xf>
    <xf numFmtId="0" fontId="17" fillId="0" borderId="20" xfId="1" applyFont="1" applyFill="1" applyBorder="1" applyAlignment="1">
      <alignment horizontal="distributed" vertical="center" justifyLastLine="1"/>
    </xf>
    <xf numFmtId="0" fontId="17" fillId="0" borderId="0" xfId="1" applyFont="1" applyFill="1" applyBorder="1" applyAlignment="1">
      <alignment horizontal="distributed" vertical="center" justifyLastLine="1"/>
    </xf>
    <xf numFmtId="0" fontId="17" fillId="0" borderId="21" xfId="1" applyFont="1" applyFill="1" applyBorder="1" applyAlignment="1">
      <alignment horizontal="distributed" vertical="center" justifyLastLine="1"/>
    </xf>
    <xf numFmtId="0" fontId="17" fillId="0" borderId="15" xfId="1" applyFont="1" applyFill="1" applyBorder="1" applyAlignment="1">
      <alignment horizontal="distributed" vertical="center" justifyLastLine="1"/>
    </xf>
    <xf numFmtId="0" fontId="17" fillId="0" borderId="9" xfId="1" applyFont="1" applyFill="1" applyBorder="1" applyAlignment="1">
      <alignment horizontal="distributed" vertical="center" justifyLastLine="1"/>
    </xf>
    <xf numFmtId="0" fontId="17" fillId="0" borderId="16" xfId="1" applyFont="1" applyFill="1" applyBorder="1" applyAlignment="1">
      <alignment horizontal="distributed" vertical="center" justifyLastLine="1"/>
    </xf>
    <xf numFmtId="0" fontId="19" fillId="0" borderId="17" xfId="1" applyFont="1" applyFill="1" applyBorder="1" applyAlignment="1">
      <alignment horizontal="center" vertical="center"/>
    </xf>
    <xf numFmtId="0" fontId="19" fillId="0" borderId="18" xfId="1" applyFont="1" applyFill="1" applyBorder="1" applyAlignment="1">
      <alignment horizontal="center" vertical="center"/>
    </xf>
    <xf numFmtId="0" fontId="19" fillId="0" borderId="19" xfId="1" applyFont="1" applyFill="1" applyBorder="1" applyAlignment="1">
      <alignment horizontal="center" vertical="center"/>
    </xf>
    <xf numFmtId="0" fontId="19" fillId="0" borderId="21" xfId="1" applyFont="1" applyFill="1" applyBorder="1" applyAlignment="1">
      <alignment horizontal="center" vertical="center"/>
    </xf>
    <xf numFmtId="0" fontId="19" fillId="0" borderId="15" xfId="1" applyFont="1" applyFill="1" applyBorder="1" applyAlignment="1">
      <alignment horizontal="center" vertical="center"/>
    </xf>
    <xf numFmtId="0" fontId="19" fillId="0" borderId="9" xfId="1" applyFont="1" applyFill="1" applyBorder="1" applyAlignment="1">
      <alignment horizontal="center" vertical="center"/>
    </xf>
    <xf numFmtId="0" fontId="19" fillId="0" borderId="16" xfId="1" applyFont="1" applyFill="1" applyBorder="1" applyAlignment="1">
      <alignment horizontal="center" vertical="center"/>
    </xf>
    <xf numFmtId="0" fontId="13" fillId="0" borderId="14" xfId="1" applyFont="1" applyFill="1" applyBorder="1" applyAlignment="1">
      <alignment horizontal="distributed" vertical="center" justifyLastLine="1"/>
    </xf>
    <xf numFmtId="0" fontId="13" fillId="0" borderId="0" xfId="1" applyFont="1" applyFill="1" applyBorder="1" applyAlignment="1">
      <alignment horizontal="left" vertical="center" wrapText="1"/>
    </xf>
    <xf numFmtId="0" fontId="13" fillId="0" borderId="0" xfId="1" applyFont="1" applyFill="1" applyBorder="1" applyAlignment="1">
      <alignment horizontal="left" vertical="center"/>
    </xf>
    <xf numFmtId="0" fontId="13" fillId="0" borderId="1" xfId="1" applyFont="1" applyFill="1" applyBorder="1" applyAlignment="1">
      <alignment horizontal="left" vertical="center"/>
    </xf>
    <xf numFmtId="0" fontId="13" fillId="0" borderId="2" xfId="1" applyFont="1" applyFill="1" applyBorder="1" applyAlignment="1">
      <alignment horizontal="center" vertical="center"/>
    </xf>
    <xf numFmtId="0" fontId="13" fillId="0" borderId="6" xfId="1" applyFont="1" applyFill="1" applyBorder="1" applyAlignment="1">
      <alignment horizontal="center" vertical="center"/>
    </xf>
    <xf numFmtId="0" fontId="13" fillId="0" borderId="7" xfId="1" applyFont="1" applyFill="1" applyBorder="1" applyAlignment="1">
      <alignment horizontal="center" vertical="center"/>
    </xf>
    <xf numFmtId="0" fontId="13" fillId="0" borderId="42" xfId="1" applyFont="1" applyFill="1" applyBorder="1" applyAlignment="1">
      <alignment horizontal="center" vertical="center"/>
    </xf>
    <xf numFmtId="0" fontId="8" fillId="0" borderId="17" xfId="1" applyFont="1" applyFill="1" applyBorder="1" applyAlignment="1">
      <alignment horizontal="distributed" vertical="center" wrapText="1" justifyLastLine="1"/>
    </xf>
    <xf numFmtId="0" fontId="8" fillId="0" borderId="18" xfId="1" applyFont="1" applyFill="1" applyBorder="1" applyAlignment="1">
      <alignment horizontal="distributed" vertical="center" wrapText="1" justifyLastLine="1"/>
    </xf>
    <xf numFmtId="0" fontId="8" fillId="0" borderId="19" xfId="1" applyFont="1" applyFill="1" applyBorder="1" applyAlignment="1">
      <alignment horizontal="distributed" vertical="center" wrapText="1" justifyLastLine="1"/>
    </xf>
    <xf numFmtId="0" fontId="8" fillId="0" borderId="20" xfId="1" applyFont="1" applyFill="1" applyBorder="1" applyAlignment="1">
      <alignment horizontal="distributed" vertical="center" wrapText="1" justifyLastLine="1"/>
    </xf>
    <xf numFmtId="0" fontId="8" fillId="0" borderId="0" xfId="1" applyFont="1" applyFill="1" applyBorder="1" applyAlignment="1">
      <alignment horizontal="distributed" vertical="center" wrapText="1" justifyLastLine="1"/>
    </xf>
    <xf numFmtId="0" fontId="8" fillId="0" borderId="21" xfId="1" applyFont="1" applyFill="1" applyBorder="1" applyAlignment="1">
      <alignment horizontal="distributed" vertical="center" wrapText="1" justifyLastLine="1"/>
    </xf>
    <xf numFmtId="0" fontId="8" fillId="0" borderId="15" xfId="1" applyFont="1" applyFill="1" applyBorder="1" applyAlignment="1">
      <alignment horizontal="distributed" vertical="center" wrapText="1" justifyLastLine="1"/>
    </xf>
    <xf numFmtId="0" fontId="8" fillId="0" borderId="9" xfId="1" applyFont="1" applyFill="1" applyBorder="1" applyAlignment="1">
      <alignment horizontal="distributed" vertical="center" wrapText="1" justifyLastLine="1"/>
    </xf>
    <xf numFmtId="0" fontId="8" fillId="0" borderId="16" xfId="1" applyFont="1" applyFill="1" applyBorder="1" applyAlignment="1">
      <alignment horizontal="distributed" vertical="center" wrapText="1" justifyLastLine="1"/>
    </xf>
    <xf numFmtId="0" fontId="17" fillId="0" borderId="17" xfId="1" applyFont="1" applyFill="1" applyBorder="1" applyAlignment="1">
      <alignment horizontal="center" vertical="center" shrinkToFit="1"/>
    </xf>
    <xf numFmtId="0" fontId="17" fillId="0" borderId="18" xfId="1" applyFont="1" applyFill="1" applyBorder="1" applyAlignment="1">
      <alignment horizontal="center" vertical="center" shrinkToFit="1"/>
    </xf>
    <xf numFmtId="0" fontId="17" fillId="0" borderId="19" xfId="1" applyFont="1" applyFill="1" applyBorder="1" applyAlignment="1">
      <alignment horizontal="center" vertical="center" shrinkToFit="1"/>
    </xf>
    <xf numFmtId="0" fontId="17" fillId="0" borderId="20" xfId="1" applyFont="1" applyFill="1" applyBorder="1" applyAlignment="1">
      <alignment horizontal="center" vertical="center" shrinkToFit="1"/>
    </xf>
    <xf numFmtId="0" fontId="17" fillId="0" borderId="0" xfId="1" applyFont="1" applyFill="1" applyBorder="1" applyAlignment="1">
      <alignment horizontal="center" vertical="center" shrinkToFit="1"/>
    </xf>
    <xf numFmtId="0" fontId="17" fillId="0" borderId="21" xfId="1" applyFont="1" applyFill="1" applyBorder="1" applyAlignment="1">
      <alignment horizontal="center" vertical="center" shrinkToFit="1"/>
    </xf>
    <xf numFmtId="0" fontId="17" fillId="0" borderId="15" xfId="1" applyFont="1" applyFill="1" applyBorder="1" applyAlignment="1">
      <alignment horizontal="center" vertical="center" shrinkToFit="1"/>
    </xf>
    <xf numFmtId="0" fontId="17" fillId="0" borderId="9" xfId="1" applyFont="1" applyFill="1" applyBorder="1" applyAlignment="1">
      <alignment horizontal="center" vertical="center" shrinkToFit="1"/>
    </xf>
    <xf numFmtId="0" fontId="17" fillId="0" borderId="16" xfId="1" applyFont="1" applyFill="1" applyBorder="1" applyAlignment="1">
      <alignment horizontal="center" vertical="center" shrinkToFit="1"/>
    </xf>
    <xf numFmtId="49" fontId="1" fillId="0" borderId="3" xfId="1" applyNumberFormat="1" applyFont="1" applyFill="1" applyBorder="1" applyAlignment="1">
      <alignment horizontal="center" vertical="center" textRotation="255"/>
    </xf>
    <xf numFmtId="49" fontId="1" fillId="0" borderId="5" xfId="1" applyNumberFormat="1" applyFont="1" applyFill="1" applyBorder="1" applyAlignment="1">
      <alignment horizontal="center" vertical="center" textRotation="255"/>
    </xf>
    <xf numFmtId="49" fontId="1" fillId="0" borderId="38" xfId="1" applyNumberFormat="1" applyFont="1" applyFill="1" applyBorder="1" applyAlignment="1">
      <alignment horizontal="center" vertical="center" textRotation="255"/>
    </xf>
    <xf numFmtId="49" fontId="1" fillId="0" borderId="2" xfId="1" applyNumberFormat="1" applyFont="1" applyFill="1" applyBorder="1" applyAlignment="1">
      <alignment horizontal="center" vertical="center" textRotation="255"/>
    </xf>
    <xf numFmtId="49" fontId="1" fillId="0" borderId="0" xfId="1" applyNumberFormat="1" applyFont="1" applyFill="1" applyBorder="1" applyAlignment="1">
      <alignment horizontal="center" vertical="center" textRotation="255"/>
    </xf>
    <xf numFmtId="49" fontId="1" fillId="0" borderId="21" xfId="1" applyNumberFormat="1" applyFont="1" applyFill="1" applyBorder="1" applyAlignment="1">
      <alignment horizontal="center" vertical="center" textRotation="255"/>
    </xf>
    <xf numFmtId="49" fontId="1" fillId="0" borderId="6" xfId="1" applyNumberFormat="1" applyFont="1" applyFill="1" applyBorder="1" applyAlignment="1">
      <alignment horizontal="center" vertical="center" textRotation="255"/>
    </xf>
    <xf numFmtId="49" fontId="1" fillId="0" borderId="7" xfId="1" applyNumberFormat="1" applyFont="1" applyFill="1" applyBorder="1" applyAlignment="1">
      <alignment horizontal="center" vertical="center" textRotation="255"/>
    </xf>
    <xf numFmtId="49" fontId="1" fillId="0" borderId="42" xfId="1" applyNumberFormat="1" applyFont="1" applyFill="1" applyBorder="1" applyAlignment="1">
      <alignment horizontal="center" vertical="center" textRotation="255"/>
    </xf>
    <xf numFmtId="0" fontId="16" fillId="0" borderId="2" xfId="1" applyFont="1" applyFill="1" applyBorder="1" applyAlignment="1">
      <alignment horizontal="center" vertical="center"/>
    </xf>
    <xf numFmtId="0" fontId="16" fillId="0" borderId="6" xfId="1" applyFont="1" applyFill="1" applyBorder="1" applyAlignment="1">
      <alignment horizontal="center" vertical="center"/>
    </xf>
    <xf numFmtId="0" fontId="16" fillId="0" borderId="7" xfId="1" applyFont="1" applyFill="1" applyBorder="1" applyAlignment="1">
      <alignment horizontal="center" vertical="center"/>
    </xf>
    <xf numFmtId="0" fontId="16" fillId="0" borderId="42" xfId="1" applyFont="1" applyFill="1" applyBorder="1" applyAlignment="1">
      <alignment horizontal="center" vertical="center"/>
    </xf>
    <xf numFmtId="176" fontId="10" fillId="0" borderId="17" xfId="1" quotePrefix="1" applyNumberFormat="1" applyFont="1" applyFill="1" applyBorder="1" applyAlignment="1">
      <alignment horizontal="center" vertical="center"/>
    </xf>
    <xf numFmtId="176" fontId="10" fillId="0" borderId="18" xfId="1" applyNumberFormat="1" applyFont="1" applyFill="1" applyBorder="1" applyAlignment="1">
      <alignment horizontal="center" vertical="center"/>
    </xf>
    <xf numFmtId="176" fontId="10" fillId="0" borderId="35" xfId="1" applyNumberFormat="1" applyFont="1" applyFill="1" applyBorder="1" applyAlignment="1">
      <alignment horizontal="center" vertical="center"/>
    </xf>
    <xf numFmtId="176" fontId="10" fillId="0" borderId="20" xfId="1" applyNumberFormat="1" applyFont="1" applyFill="1" applyBorder="1" applyAlignment="1">
      <alignment horizontal="center" vertical="center"/>
    </xf>
    <xf numFmtId="176" fontId="10" fillId="0" borderId="0" xfId="1" applyNumberFormat="1" applyFont="1" applyFill="1" applyBorder="1" applyAlignment="1">
      <alignment horizontal="center" vertical="center"/>
    </xf>
    <xf numFmtId="176" fontId="10" fillId="0" borderId="1" xfId="1" applyNumberFormat="1" applyFont="1" applyFill="1" applyBorder="1" applyAlignment="1">
      <alignment horizontal="center" vertical="center"/>
    </xf>
    <xf numFmtId="176" fontId="10" fillId="0" borderId="15" xfId="1" applyNumberFormat="1" applyFont="1" applyFill="1" applyBorder="1" applyAlignment="1">
      <alignment horizontal="center" vertical="center"/>
    </xf>
    <xf numFmtId="176" fontId="10" fillId="0" borderId="9" xfId="1" applyNumberFormat="1" applyFont="1" applyFill="1" applyBorder="1" applyAlignment="1">
      <alignment horizontal="center" vertical="center"/>
    </xf>
    <xf numFmtId="176" fontId="10" fillId="0" borderId="36" xfId="1" applyNumberFormat="1" applyFont="1" applyFill="1" applyBorder="1" applyAlignment="1">
      <alignment horizontal="center" vertical="center"/>
    </xf>
    <xf numFmtId="0" fontId="15" fillId="0" borderId="13" xfId="1" applyFont="1" applyFill="1" applyBorder="1" applyAlignment="1">
      <alignment horizontal="distributed" vertical="center" justifyLastLine="1"/>
    </xf>
    <xf numFmtId="0" fontId="15" fillId="0" borderId="23" xfId="1" applyFont="1" applyFill="1" applyBorder="1" applyAlignment="1">
      <alignment horizontal="distributed" vertical="center" justifyLastLine="1"/>
    </xf>
    <xf numFmtId="0" fontId="1" fillId="0" borderId="24" xfId="1" applyFont="1" applyFill="1" applyBorder="1" applyAlignment="1">
      <alignment horizontal="distributed" vertical="center" justifyLastLine="1"/>
    </xf>
    <xf numFmtId="0" fontId="19" fillId="0" borderId="13" xfId="1" applyFont="1" applyFill="1" applyBorder="1" applyAlignment="1">
      <alignment horizontal="center" vertical="center"/>
    </xf>
    <xf numFmtId="0" fontId="19" fillId="0" borderId="23" xfId="1" applyFont="1" applyFill="1" applyBorder="1" applyAlignment="1">
      <alignment horizontal="center" vertical="center"/>
    </xf>
    <xf numFmtId="0" fontId="3" fillId="0" borderId="24" xfId="1" applyFont="1" applyFill="1" applyBorder="1" applyAlignment="1">
      <alignment horizontal="center" vertical="center"/>
    </xf>
    <xf numFmtId="176" fontId="26" fillId="0" borderId="13" xfId="1" quotePrefix="1" applyNumberFormat="1" applyFont="1" applyFill="1" applyBorder="1" applyAlignment="1">
      <alignment horizontal="center"/>
    </xf>
    <xf numFmtId="176" fontId="26" fillId="0" borderId="13" xfId="1" applyNumberFormat="1" applyFont="1" applyFill="1" applyBorder="1" applyAlignment="1">
      <alignment horizontal="center"/>
    </xf>
    <xf numFmtId="176" fontId="26" fillId="0" borderId="31" xfId="1" applyNumberFormat="1" applyFont="1" applyFill="1" applyBorder="1" applyAlignment="1">
      <alignment horizontal="center"/>
    </xf>
    <xf numFmtId="176" fontId="26" fillId="0" borderId="23" xfId="1" applyNumberFormat="1" applyFont="1" applyFill="1" applyBorder="1" applyAlignment="1">
      <alignment horizontal="center"/>
    </xf>
    <xf numFmtId="176" fontId="26" fillId="0" borderId="30" xfId="1" applyNumberFormat="1" applyFont="1" applyFill="1" applyBorder="1" applyAlignment="1">
      <alignment horizontal="center"/>
    </xf>
    <xf numFmtId="0" fontId="1" fillId="0" borderId="24" xfId="1" applyFont="1" applyFill="1" applyBorder="1" applyAlignment="1">
      <alignment horizontal="center"/>
    </xf>
    <xf numFmtId="0" fontId="1" fillId="0" borderId="27" xfId="1" applyFont="1" applyFill="1" applyBorder="1" applyAlignment="1">
      <alignment horizontal="center"/>
    </xf>
    <xf numFmtId="0" fontId="19" fillId="0" borderId="17" xfId="1" applyFont="1" applyFill="1" applyBorder="1" applyAlignment="1">
      <alignment horizontal="right" vertical="top"/>
    </xf>
    <xf numFmtId="0" fontId="19" fillId="0" borderId="18" xfId="1" applyFont="1" applyFill="1" applyBorder="1" applyAlignment="1">
      <alignment horizontal="right" vertical="top"/>
    </xf>
    <xf numFmtId="0" fontId="19" fillId="0" borderId="35" xfId="1" applyFont="1" applyFill="1" applyBorder="1" applyAlignment="1">
      <alignment horizontal="right" vertical="top"/>
    </xf>
    <xf numFmtId="0" fontId="19" fillId="0" borderId="20" xfId="1" applyFont="1" applyFill="1" applyBorder="1" applyAlignment="1">
      <alignment horizontal="right" vertical="top"/>
    </xf>
    <xf numFmtId="0" fontId="19" fillId="0" borderId="0" xfId="1" applyFont="1" applyFill="1" applyBorder="1" applyAlignment="1">
      <alignment horizontal="right" vertical="top"/>
    </xf>
    <xf numFmtId="0" fontId="19" fillId="0" borderId="1" xfId="1" applyFont="1" applyFill="1" applyBorder="1" applyAlignment="1">
      <alignment horizontal="right" vertical="top"/>
    </xf>
    <xf numFmtId="0" fontId="19" fillId="0" borderId="15" xfId="1" applyFont="1" applyFill="1" applyBorder="1" applyAlignment="1">
      <alignment horizontal="right" vertical="top"/>
    </xf>
    <xf numFmtId="0" fontId="19" fillId="0" borderId="9" xfId="1" applyFont="1" applyFill="1" applyBorder="1" applyAlignment="1">
      <alignment horizontal="right" vertical="top"/>
    </xf>
    <xf numFmtId="0" fontId="19" fillId="0" borderId="36" xfId="1" applyFont="1" applyFill="1" applyBorder="1" applyAlignment="1">
      <alignment horizontal="right" vertical="top"/>
    </xf>
    <xf numFmtId="0" fontId="1" fillId="0" borderId="37" xfId="1" applyFont="1" applyFill="1" applyBorder="1" applyAlignment="1">
      <alignment horizontal="center"/>
    </xf>
    <xf numFmtId="0" fontId="1" fillId="0" borderId="5" xfId="1" applyFont="1" applyFill="1" applyBorder="1" applyAlignment="1">
      <alignment horizontal="center"/>
    </xf>
    <xf numFmtId="0" fontId="1" fillId="0" borderId="4" xfId="1" applyFont="1" applyFill="1" applyBorder="1" applyAlignment="1">
      <alignment horizontal="center"/>
    </xf>
    <xf numFmtId="0" fontId="16" fillId="0" borderId="17" xfId="1" applyFont="1" applyFill="1" applyBorder="1" applyAlignment="1">
      <alignment horizontal="center"/>
    </xf>
    <xf numFmtId="0" fontId="16" fillId="0" borderId="18" xfId="1" applyFont="1" applyFill="1" applyBorder="1" applyAlignment="1">
      <alignment horizontal="center"/>
    </xf>
    <xf numFmtId="0" fontId="16" fillId="0" borderId="35" xfId="1" applyFont="1" applyFill="1" applyBorder="1" applyAlignment="1">
      <alignment horizontal="center"/>
    </xf>
    <xf numFmtId="0" fontId="16" fillId="0" borderId="20" xfId="1" applyFont="1" applyFill="1" applyBorder="1" applyAlignment="1">
      <alignment horizontal="center"/>
    </xf>
    <xf numFmtId="0" fontId="16" fillId="0" borderId="0" xfId="1" applyFont="1" applyFill="1" applyBorder="1" applyAlignment="1">
      <alignment horizontal="center"/>
    </xf>
    <xf numFmtId="0" fontId="16" fillId="0" borderId="1" xfId="1" applyFont="1" applyFill="1" applyBorder="1" applyAlignment="1">
      <alignment horizontal="center"/>
    </xf>
    <xf numFmtId="0" fontId="16" fillId="0" borderId="32" xfId="1" applyFont="1" applyFill="1" applyBorder="1" applyAlignment="1">
      <alignment horizontal="center"/>
    </xf>
    <xf numFmtId="0" fontId="16" fillId="0" borderId="7" xfId="1" applyFont="1" applyFill="1" applyBorder="1" applyAlignment="1">
      <alignment horizontal="center"/>
    </xf>
    <xf numFmtId="0" fontId="16" fillId="0" borderId="8" xfId="1" applyFont="1" applyFill="1" applyBorder="1" applyAlignment="1">
      <alignment horizontal="center"/>
    </xf>
    <xf numFmtId="0" fontId="13" fillId="0" borderId="29" xfId="1" applyFont="1" applyFill="1" applyBorder="1" applyAlignment="1">
      <alignment horizontal="center" vertical="center"/>
    </xf>
    <xf numFmtId="0" fontId="17" fillId="0" borderId="44" xfId="1" applyFont="1" applyFill="1" applyBorder="1" applyAlignment="1">
      <alignment horizontal="center" vertical="center"/>
    </xf>
    <xf numFmtId="0" fontId="17" fillId="0" borderId="2" xfId="1" applyFont="1" applyFill="1" applyBorder="1" applyAlignment="1">
      <alignment horizontal="center" vertical="center"/>
    </xf>
    <xf numFmtId="0" fontId="13" fillId="0" borderId="17" xfId="1" applyFont="1" applyFill="1" applyBorder="1" applyAlignment="1">
      <alignment horizontal="center" vertical="center"/>
    </xf>
    <xf numFmtId="0" fontId="13" fillId="0" borderId="18" xfId="1" applyFont="1" applyFill="1" applyBorder="1" applyAlignment="1">
      <alignment horizontal="center" vertical="center"/>
    </xf>
    <xf numFmtId="0" fontId="13" fillId="0" borderId="19" xfId="1" applyFont="1" applyFill="1" applyBorder="1" applyAlignment="1">
      <alignment horizontal="center" vertical="center"/>
    </xf>
    <xf numFmtId="0" fontId="17" fillId="0" borderId="2" xfId="1" applyFont="1" applyFill="1" applyBorder="1" applyAlignment="1">
      <alignment horizontal="left" vertical="top"/>
    </xf>
    <xf numFmtId="0" fontId="17" fillId="0" borderId="0" xfId="1" applyFont="1" applyFill="1" applyBorder="1" applyAlignment="1">
      <alignment horizontal="left" vertical="top"/>
    </xf>
    <xf numFmtId="0" fontId="17" fillId="0" borderId="21" xfId="1" applyFont="1" applyFill="1" applyBorder="1" applyAlignment="1">
      <alignment horizontal="left" vertical="top"/>
    </xf>
    <xf numFmtId="0" fontId="17" fillId="0" borderId="29" xfId="1" applyFont="1" applyFill="1" applyBorder="1" applyAlignment="1">
      <alignment horizontal="left" vertical="top"/>
    </xf>
    <xf numFmtId="0" fontId="17" fillId="0" borderId="9" xfId="1" applyFont="1" applyFill="1" applyBorder="1" applyAlignment="1">
      <alignment horizontal="left" vertical="top"/>
    </xf>
    <xf numFmtId="0" fontId="17" fillId="0" borderId="16" xfId="1" applyFont="1" applyFill="1" applyBorder="1" applyAlignment="1">
      <alignment horizontal="left" vertical="top"/>
    </xf>
    <xf numFmtId="0" fontId="16" fillId="0" borderId="19" xfId="1" applyFont="1" applyFill="1" applyBorder="1" applyAlignment="1">
      <alignment horizontal="center"/>
    </xf>
    <xf numFmtId="0" fontId="16" fillId="0" borderId="21" xfId="1" applyFont="1" applyFill="1" applyBorder="1" applyAlignment="1">
      <alignment horizontal="center"/>
    </xf>
    <xf numFmtId="0" fontId="16" fillId="0" borderId="15" xfId="1" applyFont="1" applyFill="1" applyBorder="1" applyAlignment="1">
      <alignment horizontal="center"/>
    </xf>
    <xf numFmtId="0" fontId="16" fillId="0" borderId="9" xfId="1" applyFont="1" applyFill="1" applyBorder="1" applyAlignment="1">
      <alignment horizontal="center"/>
    </xf>
    <xf numFmtId="0" fontId="16" fillId="0" borderId="16" xfId="1" applyFont="1" applyFill="1" applyBorder="1" applyAlignment="1">
      <alignment horizontal="center"/>
    </xf>
    <xf numFmtId="0" fontId="4" fillId="0" borderId="22" xfId="1" applyFont="1" applyFill="1" applyBorder="1" applyAlignment="1">
      <alignment horizontal="center" vertical="center"/>
    </xf>
    <xf numFmtId="0" fontId="42" fillId="0" borderId="18" xfId="0" applyFont="1" applyBorder="1" applyAlignment="1">
      <alignment horizontal="center" vertical="center"/>
    </xf>
    <xf numFmtId="0" fontId="42" fillId="0" borderId="19" xfId="0" applyFont="1" applyBorder="1" applyAlignment="1">
      <alignment horizontal="center" vertical="center"/>
    </xf>
    <xf numFmtId="0" fontId="42" fillId="0" borderId="20" xfId="0" applyFont="1" applyBorder="1" applyAlignment="1">
      <alignment horizontal="center" vertical="center"/>
    </xf>
    <xf numFmtId="0" fontId="42" fillId="0" borderId="0" xfId="0" applyFont="1" applyBorder="1" applyAlignment="1">
      <alignment horizontal="center" vertical="center"/>
    </xf>
    <xf numFmtId="0" fontId="42" fillId="0" borderId="21" xfId="0" applyFont="1" applyBorder="1" applyAlignment="1">
      <alignment horizontal="center" vertical="center"/>
    </xf>
    <xf numFmtId="0" fontId="42" fillId="0" borderId="15" xfId="0" applyFont="1" applyBorder="1" applyAlignment="1">
      <alignment horizontal="center" vertical="center"/>
    </xf>
    <xf numFmtId="0" fontId="42" fillId="0" borderId="9" xfId="0" applyFont="1" applyBorder="1" applyAlignment="1">
      <alignment horizontal="center" vertical="center"/>
    </xf>
    <xf numFmtId="0" fontId="42" fillId="0" borderId="16" xfId="0" applyFont="1" applyBorder="1" applyAlignment="1">
      <alignment horizontal="center" vertical="center"/>
    </xf>
    <xf numFmtId="0" fontId="13" fillId="0" borderId="18" xfId="0" applyFont="1" applyBorder="1" applyAlignment="1">
      <alignment horizontal="center" vertical="center"/>
    </xf>
    <xf numFmtId="0" fontId="13" fillId="0" borderId="19" xfId="0" applyFont="1" applyBorder="1" applyAlignment="1">
      <alignment horizontal="center" vertical="center"/>
    </xf>
    <xf numFmtId="0" fontId="13" fillId="0" borderId="20" xfId="0" applyFont="1" applyBorder="1" applyAlignment="1">
      <alignment horizontal="center" vertical="center"/>
    </xf>
    <xf numFmtId="0" fontId="13" fillId="0" borderId="0" xfId="0" applyFont="1" applyBorder="1" applyAlignment="1">
      <alignment horizontal="center" vertical="center"/>
    </xf>
    <xf numFmtId="0" fontId="13" fillId="0" borderId="21" xfId="0" applyFont="1" applyBorder="1" applyAlignment="1">
      <alignment horizontal="center" vertical="center"/>
    </xf>
    <xf numFmtId="0" fontId="13" fillId="0" borderId="15" xfId="0" applyFont="1" applyBorder="1" applyAlignment="1">
      <alignment horizontal="center" vertical="center"/>
    </xf>
    <xf numFmtId="0" fontId="13" fillId="0" borderId="9" xfId="0" applyFont="1" applyBorder="1" applyAlignment="1">
      <alignment horizontal="center" vertical="center"/>
    </xf>
    <xf numFmtId="0" fontId="13" fillId="0" borderId="16" xfId="0" applyFont="1" applyBorder="1" applyAlignment="1">
      <alignment horizontal="center" vertical="center"/>
    </xf>
    <xf numFmtId="0" fontId="22" fillId="0" borderId="17" xfId="1" applyFont="1" applyFill="1" applyBorder="1" applyAlignment="1">
      <alignment horizontal="left" vertical="center"/>
    </xf>
    <xf numFmtId="0" fontId="0" fillId="0" borderId="18" xfId="0" applyBorder="1" applyAlignment="1">
      <alignment vertical="center"/>
    </xf>
    <xf numFmtId="0" fontId="0" fillId="0" borderId="19" xfId="0" applyBorder="1" applyAlignment="1">
      <alignment vertical="center"/>
    </xf>
    <xf numFmtId="0" fontId="0" fillId="0" borderId="20" xfId="0" applyBorder="1" applyAlignment="1">
      <alignment vertical="center"/>
    </xf>
    <xf numFmtId="0" fontId="0" fillId="0" borderId="0" xfId="0" applyBorder="1" applyAlignment="1">
      <alignment vertical="center"/>
    </xf>
    <xf numFmtId="0" fontId="0" fillId="0" borderId="21" xfId="0" applyBorder="1" applyAlignment="1">
      <alignment vertical="center"/>
    </xf>
    <xf numFmtId="0" fontId="22" fillId="0" borderId="20" xfId="1" applyFont="1" applyFill="1" applyBorder="1" applyAlignment="1">
      <alignment horizontal="left" vertical="center"/>
    </xf>
    <xf numFmtId="0" fontId="0" fillId="0" borderId="15" xfId="0" applyBorder="1" applyAlignment="1">
      <alignment vertical="center"/>
    </xf>
    <xf numFmtId="0" fontId="0" fillId="0" borderId="9" xfId="0" applyBorder="1" applyAlignment="1">
      <alignment vertical="center"/>
    </xf>
    <xf numFmtId="0" fontId="0" fillId="0" borderId="16" xfId="0" applyBorder="1" applyAlignment="1">
      <alignment vertical="center"/>
    </xf>
    <xf numFmtId="0" fontId="22" fillId="0" borderId="17" xfId="1" applyFont="1" applyFill="1" applyBorder="1" applyAlignment="1">
      <alignment horizontal="center" vertical="center"/>
    </xf>
    <xf numFmtId="0" fontId="22" fillId="0" borderId="18" xfId="1" applyFont="1" applyFill="1" applyBorder="1" applyAlignment="1">
      <alignment horizontal="center" vertical="center"/>
    </xf>
    <xf numFmtId="0" fontId="22" fillId="0" borderId="35" xfId="1" applyFont="1" applyFill="1" applyBorder="1" applyAlignment="1">
      <alignment horizontal="center" vertical="center"/>
    </xf>
    <xf numFmtId="0" fontId="22" fillId="0" borderId="20" xfId="1" applyFont="1" applyFill="1" applyBorder="1" applyAlignment="1">
      <alignment horizontal="center" vertical="center"/>
    </xf>
    <xf numFmtId="0" fontId="22" fillId="0" borderId="0" xfId="1" applyFont="1" applyFill="1" applyBorder="1" applyAlignment="1">
      <alignment horizontal="center" vertical="center"/>
    </xf>
    <xf numFmtId="0" fontId="22" fillId="0" borderId="1" xfId="1" applyFont="1" applyFill="1" applyBorder="1" applyAlignment="1">
      <alignment horizontal="center" vertical="center"/>
    </xf>
    <xf numFmtId="0" fontId="22" fillId="0" borderId="15" xfId="1" applyFont="1" applyFill="1" applyBorder="1" applyAlignment="1">
      <alignment horizontal="center" vertical="center"/>
    </xf>
    <xf numFmtId="0" fontId="22" fillId="0" borderId="9" xfId="1" applyFont="1" applyFill="1" applyBorder="1" applyAlignment="1">
      <alignment horizontal="center" vertical="center"/>
    </xf>
    <xf numFmtId="0" fontId="22" fillId="0" borderId="36" xfId="1" applyFont="1" applyFill="1" applyBorder="1" applyAlignment="1">
      <alignment horizontal="center" vertical="center"/>
    </xf>
    <xf numFmtId="0" fontId="13" fillId="0" borderId="2" xfId="1" applyFont="1" applyFill="1" applyBorder="1" applyAlignment="1">
      <alignment horizontal="left" vertical="center"/>
    </xf>
    <xf numFmtId="0" fontId="13" fillId="0" borderId="21" xfId="1" applyFont="1" applyFill="1" applyBorder="1" applyAlignment="1">
      <alignment horizontal="left" vertical="center"/>
    </xf>
    <xf numFmtId="0" fontId="13" fillId="0" borderId="29" xfId="1" applyFont="1" applyFill="1" applyBorder="1" applyAlignment="1">
      <alignment horizontal="left" vertical="center"/>
    </xf>
    <xf numFmtId="0" fontId="13" fillId="0" borderId="9" xfId="1" applyFont="1" applyFill="1" applyBorder="1" applyAlignment="1">
      <alignment horizontal="left" vertical="center"/>
    </xf>
    <xf numFmtId="0" fontId="13" fillId="0" borderId="16" xfId="1" applyFont="1" applyFill="1" applyBorder="1" applyAlignment="1">
      <alignment horizontal="left" vertical="center"/>
    </xf>
    <xf numFmtId="0" fontId="6" fillId="0" borderId="20" xfId="1" applyFont="1" applyFill="1" applyBorder="1" applyAlignment="1">
      <alignment horizontal="center" vertical="top"/>
    </xf>
    <xf numFmtId="0" fontId="6" fillId="0" borderId="0" xfId="1" applyFont="1" applyFill="1" applyBorder="1" applyAlignment="1">
      <alignment horizontal="center" vertical="top"/>
    </xf>
    <xf numFmtId="0" fontId="6" fillId="0" borderId="21" xfId="1" applyFont="1" applyFill="1" applyBorder="1" applyAlignment="1">
      <alignment horizontal="center" vertical="top"/>
    </xf>
    <xf numFmtId="0" fontId="6" fillId="0" borderId="15" xfId="1" applyFont="1" applyFill="1" applyBorder="1" applyAlignment="1">
      <alignment horizontal="center" vertical="top"/>
    </xf>
    <xf numFmtId="0" fontId="6" fillId="0" borderId="9" xfId="1" applyFont="1" applyFill="1" applyBorder="1" applyAlignment="1">
      <alignment horizontal="center" vertical="top"/>
    </xf>
    <xf numFmtId="0" fontId="6" fillId="0" borderId="16" xfId="1" applyFont="1" applyFill="1" applyBorder="1" applyAlignment="1">
      <alignment horizontal="center" vertical="top"/>
    </xf>
    <xf numFmtId="0" fontId="17" fillId="0" borderId="44" xfId="1" applyFont="1" applyFill="1" applyBorder="1" applyAlignment="1">
      <alignment horizontal="left" vertical="center"/>
    </xf>
    <xf numFmtId="0" fontId="17" fillId="0" borderId="18" xfId="1" applyFont="1" applyFill="1" applyBorder="1" applyAlignment="1">
      <alignment horizontal="left" vertical="center"/>
    </xf>
    <xf numFmtId="0" fontId="17" fillId="0" borderId="2" xfId="1" applyFont="1" applyFill="1" applyBorder="1" applyAlignment="1">
      <alignment horizontal="left" vertical="center"/>
    </xf>
    <xf numFmtId="0" fontId="17" fillId="0" borderId="0" xfId="1" applyFont="1" applyFill="1" applyBorder="1" applyAlignment="1">
      <alignment horizontal="left" vertical="center"/>
    </xf>
    <xf numFmtId="0" fontId="19" fillId="0" borderId="20" xfId="1" applyFont="1" applyFill="1" applyBorder="1" applyAlignment="1">
      <alignment horizontal="left" vertical="center"/>
    </xf>
    <xf numFmtId="0" fontId="19" fillId="0" borderId="15" xfId="1" applyFont="1" applyFill="1" applyBorder="1" applyAlignment="1">
      <alignment horizontal="left" vertical="center"/>
    </xf>
    <xf numFmtId="0" fontId="19" fillId="0" borderId="9" xfId="1" applyFont="1" applyFill="1" applyBorder="1" applyAlignment="1">
      <alignment horizontal="left" vertical="center"/>
    </xf>
    <xf numFmtId="0" fontId="1" fillId="0" borderId="18" xfId="1" applyFont="1" applyFill="1" applyBorder="1" applyAlignment="1">
      <alignment horizontal="right" vertical="top"/>
    </xf>
    <xf numFmtId="0" fontId="1" fillId="0" borderId="35" xfId="1" applyFont="1" applyFill="1" applyBorder="1" applyAlignment="1">
      <alignment horizontal="right" vertical="top"/>
    </xf>
    <xf numFmtId="0" fontId="1" fillId="0" borderId="20" xfId="1" applyFont="1" applyFill="1" applyBorder="1" applyAlignment="1">
      <alignment horizontal="right" vertical="top"/>
    </xf>
    <xf numFmtId="0" fontId="1" fillId="0" borderId="0" xfId="1" applyFont="1" applyFill="1" applyAlignment="1">
      <alignment horizontal="right" vertical="top"/>
    </xf>
    <xf numFmtId="0" fontId="1" fillId="0" borderId="1" xfId="1" applyFont="1" applyFill="1" applyBorder="1" applyAlignment="1">
      <alignment horizontal="right" vertical="top"/>
    </xf>
    <xf numFmtId="0" fontId="1" fillId="0" borderId="15" xfId="1" applyFont="1" applyFill="1" applyBorder="1" applyAlignment="1">
      <alignment horizontal="right" vertical="top"/>
    </xf>
    <xf numFmtId="0" fontId="1" fillId="0" borderId="9" xfId="1" applyFont="1" applyFill="1" applyBorder="1" applyAlignment="1">
      <alignment horizontal="right" vertical="top"/>
    </xf>
    <xf numFmtId="0" fontId="1" fillId="0" borderId="36" xfId="1" applyFont="1" applyFill="1" applyBorder="1" applyAlignment="1">
      <alignment horizontal="right" vertical="top"/>
    </xf>
    <xf numFmtId="0" fontId="13" fillId="0" borderId="44" xfId="1" applyFont="1" applyFill="1" applyBorder="1" applyAlignment="1">
      <alignment horizontal="left"/>
    </xf>
    <xf numFmtId="0" fontId="13" fillId="0" borderId="18" xfId="1" applyFont="1" applyFill="1" applyBorder="1" applyAlignment="1">
      <alignment horizontal="left"/>
    </xf>
    <xf numFmtId="0" fontId="13" fillId="0" borderId="19" xfId="1" applyFont="1" applyFill="1" applyBorder="1" applyAlignment="1">
      <alignment horizontal="left"/>
    </xf>
    <xf numFmtId="0" fontId="13" fillId="0" borderId="2" xfId="1" applyFont="1" applyFill="1" applyBorder="1" applyAlignment="1">
      <alignment horizontal="left"/>
    </xf>
    <xf numFmtId="0" fontId="13" fillId="0" borderId="0" xfId="1" applyFont="1" applyFill="1" applyBorder="1" applyAlignment="1">
      <alignment horizontal="left"/>
    </xf>
    <xf numFmtId="0" fontId="13" fillId="0" borderId="21" xfId="1" applyFont="1" applyFill="1" applyBorder="1" applyAlignment="1">
      <alignment horizontal="left"/>
    </xf>
    <xf numFmtId="0" fontId="16" fillId="0" borderId="22" xfId="1" applyFont="1" applyFill="1" applyBorder="1" applyAlignment="1">
      <alignment horizontal="distributed" vertical="center" justifyLastLine="1"/>
    </xf>
    <xf numFmtId="0" fontId="16" fillId="0" borderId="10" xfId="1" applyFont="1" applyFill="1" applyBorder="1" applyAlignment="1">
      <alignment horizontal="distributed" vertical="center" justifyLastLine="1"/>
    </xf>
    <xf numFmtId="0" fontId="16" fillId="0" borderId="13" xfId="1" applyFont="1" applyFill="1" applyBorder="1" applyAlignment="1">
      <alignment horizontal="distributed" vertical="center" justifyLastLine="1"/>
    </xf>
    <xf numFmtId="0" fontId="16" fillId="0" borderId="17" xfId="1" applyFont="1" applyFill="1" applyBorder="1" applyAlignment="1">
      <alignment horizontal="distributed" vertical="center" justifyLastLine="1"/>
    </xf>
    <xf numFmtId="0" fontId="17" fillId="0" borderId="2" xfId="1" applyFont="1" applyFill="1" applyBorder="1" applyAlignment="1">
      <alignment horizontal="center" vertical="center" wrapText="1"/>
    </xf>
    <xf numFmtId="0" fontId="17" fillId="0" borderId="0" xfId="1" applyFont="1" applyFill="1" applyBorder="1" applyAlignment="1">
      <alignment horizontal="center" vertical="center" wrapText="1"/>
    </xf>
    <xf numFmtId="0" fontId="17" fillId="0" borderId="21" xfId="1" applyFont="1" applyFill="1" applyBorder="1" applyAlignment="1">
      <alignment horizontal="center" vertical="center" wrapText="1"/>
    </xf>
    <xf numFmtId="0" fontId="16" fillId="0" borderId="12" xfId="1" applyFont="1" applyFill="1" applyBorder="1" applyAlignment="1">
      <alignment horizontal="distributed" vertical="center" justifyLastLine="1"/>
    </xf>
    <xf numFmtId="0" fontId="13" fillId="0" borderId="44" xfId="1" applyFont="1" applyFill="1" applyBorder="1" applyAlignment="1">
      <alignment horizontal="left" vertical="center"/>
    </xf>
    <xf numFmtId="0" fontId="13" fillId="0" borderId="18" xfId="1" applyFont="1" applyFill="1" applyBorder="1" applyAlignment="1">
      <alignment horizontal="left" vertical="center"/>
    </xf>
    <xf numFmtId="0" fontId="13" fillId="0" borderId="19" xfId="1" applyFont="1" applyFill="1" applyBorder="1" applyAlignment="1">
      <alignment horizontal="left" vertical="center"/>
    </xf>
    <xf numFmtId="0" fontId="5" fillId="0" borderId="17" xfId="1" applyFont="1" applyFill="1" applyBorder="1" applyAlignment="1">
      <alignment horizontal="center" vertical="center"/>
    </xf>
    <xf numFmtId="0" fontId="5" fillId="0" borderId="18" xfId="1" applyFont="1" applyFill="1" applyBorder="1" applyAlignment="1">
      <alignment horizontal="center" vertical="center"/>
    </xf>
    <xf numFmtId="0" fontId="5" fillId="0" borderId="19" xfId="1" applyFont="1" applyFill="1" applyBorder="1" applyAlignment="1">
      <alignment horizontal="center" vertical="center"/>
    </xf>
    <xf numFmtId="0" fontId="5" fillId="0" borderId="20" xfId="1" applyFont="1" applyFill="1" applyBorder="1" applyAlignment="1">
      <alignment horizontal="center" vertical="center"/>
    </xf>
    <xf numFmtId="0" fontId="5" fillId="0" borderId="0" xfId="1" applyFont="1" applyFill="1" applyBorder="1" applyAlignment="1">
      <alignment horizontal="center" vertical="center"/>
    </xf>
    <xf numFmtId="0" fontId="5" fillId="0" borderId="21" xfId="1" applyFont="1" applyFill="1" applyBorder="1" applyAlignment="1">
      <alignment horizontal="center" vertical="center"/>
    </xf>
    <xf numFmtId="0" fontId="17" fillId="0" borderId="20" xfId="1" applyFont="1" applyFill="1" applyBorder="1" applyAlignment="1">
      <alignment horizontal="left" vertical="center"/>
    </xf>
    <xf numFmtId="0" fontId="17" fillId="0" borderId="1" xfId="1" applyFont="1" applyFill="1" applyBorder="1" applyAlignment="1">
      <alignment horizontal="left" vertical="center"/>
    </xf>
    <xf numFmtId="0" fontId="16" fillId="0" borderId="14" xfId="1" applyFont="1" applyFill="1" applyBorder="1" applyAlignment="1">
      <alignment horizontal="distributed" vertical="center" justifyLastLine="1"/>
    </xf>
    <xf numFmtId="0" fontId="6" fillId="0" borderId="20" xfId="1" applyFont="1" applyFill="1" applyBorder="1" applyAlignment="1">
      <alignment horizontal="center"/>
    </xf>
    <xf numFmtId="0" fontId="6" fillId="0" borderId="0" xfId="1" applyFont="1" applyFill="1" applyBorder="1" applyAlignment="1">
      <alignment horizontal="center"/>
    </xf>
    <xf numFmtId="0" fontId="6" fillId="0" borderId="21" xfId="1" applyFont="1" applyFill="1" applyBorder="1" applyAlignment="1">
      <alignment horizontal="center"/>
    </xf>
    <xf numFmtId="0" fontId="13" fillId="0" borderId="20" xfId="1" applyFont="1" applyFill="1" applyBorder="1" applyAlignment="1">
      <alignment horizontal="left" vertical="top"/>
    </xf>
    <xf numFmtId="0" fontId="13" fillId="0" borderId="0" xfId="1" applyFont="1" applyFill="1" applyBorder="1" applyAlignment="1">
      <alignment horizontal="left" vertical="top"/>
    </xf>
    <xf numFmtId="0" fontId="13" fillId="0" borderId="1" xfId="1" applyFont="1" applyFill="1" applyBorder="1" applyAlignment="1">
      <alignment horizontal="left" vertical="top"/>
    </xf>
    <xf numFmtId="0" fontId="13" fillId="0" borderId="15" xfId="1" applyFont="1" applyFill="1" applyBorder="1" applyAlignment="1">
      <alignment horizontal="left" vertical="top"/>
    </xf>
    <xf numFmtId="0" fontId="13" fillId="0" borderId="9" xfId="1" applyFont="1" applyFill="1" applyBorder="1" applyAlignment="1">
      <alignment horizontal="left" vertical="top"/>
    </xf>
    <xf numFmtId="0" fontId="13" fillId="0" borderId="36" xfId="1" applyFont="1" applyFill="1" applyBorder="1" applyAlignment="1">
      <alignment horizontal="left" vertical="top"/>
    </xf>
    <xf numFmtId="0" fontId="17" fillId="0" borderId="2" xfId="1" applyFont="1" applyFill="1" applyBorder="1" applyAlignment="1">
      <alignment horizontal="left" vertical="center" wrapText="1"/>
    </xf>
    <xf numFmtId="0" fontId="17" fillId="0" borderId="0" xfId="1" applyFont="1" applyFill="1" applyBorder="1" applyAlignment="1">
      <alignment horizontal="left" vertical="center" wrapText="1"/>
    </xf>
    <xf numFmtId="0" fontId="17" fillId="0" borderId="21" xfId="1" applyFont="1" applyFill="1" applyBorder="1" applyAlignment="1">
      <alignment horizontal="left" vertical="center" wrapText="1"/>
    </xf>
    <xf numFmtId="0" fontId="1" fillId="0" borderId="5" xfId="1" applyFont="1" applyFill="1" applyBorder="1" applyAlignment="1">
      <alignment horizontal="center" vertical="center" textRotation="255"/>
    </xf>
    <xf numFmtId="0" fontId="1" fillId="0" borderId="38" xfId="1" applyFont="1" applyFill="1" applyBorder="1" applyAlignment="1">
      <alignment horizontal="center" vertical="center" textRotation="255"/>
    </xf>
    <xf numFmtId="0" fontId="1" fillId="0" borderId="2" xfId="1" applyFont="1" applyFill="1" applyBorder="1" applyAlignment="1">
      <alignment horizontal="center" vertical="center" textRotation="255"/>
    </xf>
    <xf numFmtId="0" fontId="1" fillId="0" borderId="0" xfId="1" applyFont="1" applyFill="1" applyAlignment="1">
      <alignment horizontal="center" vertical="center" textRotation="255"/>
    </xf>
    <xf numFmtId="0" fontId="1" fillId="0" borderId="21" xfId="1" applyFont="1" applyFill="1" applyBorder="1" applyAlignment="1">
      <alignment horizontal="center" vertical="center" textRotation="255"/>
    </xf>
    <xf numFmtId="0" fontId="1" fillId="0" borderId="6" xfId="1" applyFont="1" applyFill="1" applyBorder="1" applyAlignment="1">
      <alignment horizontal="center" vertical="center" textRotation="255"/>
    </xf>
    <xf numFmtId="0" fontId="1" fillId="0" borderId="7" xfId="1" applyFont="1" applyFill="1" applyBorder="1" applyAlignment="1">
      <alignment horizontal="center" vertical="center" textRotation="255"/>
    </xf>
    <xf numFmtId="0" fontId="1" fillId="0" borderId="42" xfId="1" applyFont="1" applyFill="1" applyBorder="1" applyAlignment="1">
      <alignment horizontal="center" vertical="center" textRotation="255"/>
    </xf>
    <xf numFmtId="0" fontId="16" fillId="0" borderId="45" xfId="1" applyFont="1" applyFill="1" applyBorder="1" applyAlignment="1">
      <alignment horizontal="distributed" vertical="center" justifyLastLine="1"/>
    </xf>
    <xf numFmtId="0" fontId="16" fillId="0" borderId="39" xfId="1" applyFont="1" applyFill="1" applyBorder="1" applyAlignment="1">
      <alignment horizontal="distributed" vertical="center" justifyLastLine="1"/>
    </xf>
    <xf numFmtId="0" fontId="16" fillId="0" borderId="46" xfId="1" applyFont="1" applyFill="1" applyBorder="1" applyAlignment="1">
      <alignment horizontal="distributed" vertical="center" justifyLastLine="1"/>
    </xf>
    <xf numFmtId="0" fontId="17" fillId="0" borderId="20" xfId="1" applyFont="1" applyFill="1" applyBorder="1" applyAlignment="1">
      <alignment horizontal="center"/>
    </xf>
    <xf numFmtId="0" fontId="17" fillId="0" borderId="21" xfId="1" applyFont="1" applyFill="1" applyBorder="1" applyAlignment="1">
      <alignment horizontal="center"/>
    </xf>
    <xf numFmtId="0" fontId="4" fillId="0" borderId="12" xfId="1" applyFont="1" applyFill="1" applyBorder="1" applyAlignment="1">
      <alignment horizontal="center" vertical="center"/>
    </xf>
    <xf numFmtId="0" fontId="4" fillId="0" borderId="10" xfId="1" applyFont="1" applyFill="1" applyBorder="1" applyAlignment="1">
      <alignment horizontal="center" vertical="center"/>
    </xf>
    <xf numFmtId="0" fontId="17" fillId="0" borderId="15" xfId="1" applyFont="1" applyFill="1" applyBorder="1" applyAlignment="1">
      <alignment horizontal="center"/>
    </xf>
    <xf numFmtId="0" fontId="17" fillId="0" borderId="16" xfId="1" applyFont="1" applyFill="1" applyBorder="1" applyAlignment="1">
      <alignment horizontal="center"/>
    </xf>
    <xf numFmtId="0" fontId="17" fillId="0" borderId="29" xfId="1" applyFont="1" applyFill="1" applyBorder="1" applyAlignment="1">
      <alignment horizontal="center" vertical="center" wrapText="1"/>
    </xf>
    <xf numFmtId="0" fontId="17" fillId="0" borderId="9" xfId="1" applyFont="1" applyFill="1" applyBorder="1" applyAlignment="1">
      <alignment horizontal="center" vertical="center" wrapText="1"/>
    </xf>
    <xf numFmtId="0" fontId="17" fillId="0" borderId="16" xfId="1" applyFont="1" applyFill="1" applyBorder="1" applyAlignment="1">
      <alignment horizontal="center" vertical="center" wrapText="1"/>
    </xf>
    <xf numFmtId="0" fontId="13" fillId="0" borderId="17" xfId="1" applyFont="1" applyFill="1" applyBorder="1" applyAlignment="1">
      <alignment horizontal="center" vertical="top"/>
    </xf>
    <xf numFmtId="0" fontId="13" fillId="0" borderId="18" xfId="1" applyFont="1" applyFill="1" applyBorder="1" applyAlignment="1">
      <alignment horizontal="center" vertical="top"/>
    </xf>
    <xf numFmtId="0" fontId="13" fillId="0" borderId="20" xfId="1" applyFont="1" applyFill="1" applyBorder="1" applyAlignment="1">
      <alignment horizontal="center" vertical="top"/>
    </xf>
    <xf numFmtId="0" fontId="13" fillId="0" borderId="0" xfId="1" applyFont="1" applyFill="1" applyBorder="1" applyAlignment="1">
      <alignment horizontal="center" vertical="top"/>
    </xf>
    <xf numFmtId="0" fontId="13" fillId="0" borderId="15" xfId="1" applyFont="1" applyFill="1" applyBorder="1" applyAlignment="1">
      <alignment horizontal="center" vertical="top"/>
    </xf>
    <xf numFmtId="0" fontId="13" fillId="0" borderId="9" xfId="1" applyFont="1" applyFill="1" applyBorder="1" applyAlignment="1">
      <alignment horizontal="center" vertical="top"/>
    </xf>
    <xf numFmtId="0" fontId="16" fillId="0" borderId="14" xfId="1" applyFont="1" applyFill="1" applyBorder="1" applyAlignment="1">
      <alignment horizontal="center" vertical="center"/>
    </xf>
    <xf numFmtId="0" fontId="16" fillId="0" borderId="22" xfId="1" applyFont="1" applyFill="1" applyBorder="1" applyAlignment="1">
      <alignment horizontal="center" vertical="center"/>
    </xf>
    <xf numFmtId="0" fontId="16" fillId="0" borderId="13" xfId="1" applyFont="1" applyFill="1" applyBorder="1" applyAlignment="1">
      <alignment horizontal="center" vertical="center"/>
    </xf>
    <xf numFmtId="0" fontId="16" fillId="0" borderId="15" xfId="1" applyFont="1" applyFill="1" applyBorder="1" applyAlignment="1">
      <alignment horizontal="distributed" vertical="center" justifyLastLine="1"/>
    </xf>
    <xf numFmtId="0" fontId="13" fillId="0" borderId="19" xfId="1" applyFont="1" applyFill="1" applyBorder="1" applyAlignment="1">
      <alignment horizontal="center" vertical="top"/>
    </xf>
    <xf numFmtId="0" fontId="13" fillId="0" borderId="21" xfId="1" applyFont="1" applyFill="1" applyBorder="1" applyAlignment="1">
      <alignment horizontal="center" vertical="top"/>
    </xf>
    <xf numFmtId="0" fontId="13" fillId="0" borderId="16" xfId="1" applyFont="1" applyFill="1" applyBorder="1" applyAlignment="1">
      <alignment horizontal="center" vertical="top"/>
    </xf>
    <xf numFmtId="0" fontId="17" fillId="0" borderId="17" xfId="1" applyFont="1" applyFill="1" applyBorder="1" applyAlignment="1">
      <alignment horizontal="center"/>
    </xf>
    <xf numFmtId="0" fontId="17" fillId="0" borderId="19" xfId="1" applyFont="1" applyFill="1" applyBorder="1" applyAlignment="1">
      <alignment horizontal="center"/>
    </xf>
    <xf numFmtId="0" fontId="1" fillId="0" borderId="17" xfId="1" applyFont="1" applyFill="1" applyBorder="1" applyAlignment="1">
      <alignment horizontal="center" vertical="top"/>
    </xf>
    <xf numFmtId="0" fontId="1" fillId="0" borderId="18" xfId="1" applyFont="1" applyFill="1" applyBorder="1" applyAlignment="1">
      <alignment horizontal="center" vertical="top"/>
    </xf>
    <xf numFmtId="0" fontId="1" fillId="0" borderId="35" xfId="1" applyFont="1" applyFill="1" applyBorder="1" applyAlignment="1">
      <alignment horizontal="center" vertical="top"/>
    </xf>
    <xf numFmtId="0" fontId="1" fillId="0" borderId="20" xfId="1" applyFont="1" applyFill="1" applyBorder="1" applyAlignment="1">
      <alignment horizontal="center" vertical="top"/>
    </xf>
    <xf numFmtId="0" fontId="1" fillId="0" borderId="0" xfId="1" applyFont="1" applyFill="1" applyBorder="1" applyAlignment="1">
      <alignment horizontal="center" vertical="top"/>
    </xf>
    <xf numFmtId="0" fontId="1" fillId="0" borderId="1" xfId="1" applyFont="1" applyFill="1" applyBorder="1" applyAlignment="1">
      <alignment horizontal="center" vertical="top"/>
    </xf>
    <xf numFmtId="0" fontId="1" fillId="0" borderId="15" xfId="1" applyFont="1" applyFill="1" applyBorder="1" applyAlignment="1">
      <alignment horizontal="center" vertical="top"/>
    </xf>
    <xf numFmtId="0" fontId="1" fillId="0" borderId="9" xfId="1" applyFont="1" applyFill="1" applyBorder="1" applyAlignment="1">
      <alignment horizontal="center" vertical="top"/>
    </xf>
    <xf numFmtId="0" fontId="1" fillId="0" borderId="36" xfId="1" applyFont="1" applyFill="1" applyBorder="1" applyAlignment="1">
      <alignment horizontal="center" vertical="top"/>
    </xf>
    <xf numFmtId="0" fontId="17" fillId="0" borderId="44" xfId="1" applyFont="1" applyFill="1" applyBorder="1" applyAlignment="1">
      <alignment horizontal="left"/>
    </xf>
    <xf numFmtId="0" fontId="17" fillId="0" borderId="18" xfId="1" applyFont="1" applyFill="1" applyBorder="1" applyAlignment="1">
      <alignment horizontal="left"/>
    </xf>
    <xf numFmtId="0" fontId="17" fillId="0" borderId="19" xfId="1" applyFont="1" applyFill="1" applyBorder="1" applyAlignment="1">
      <alignment horizontal="left"/>
    </xf>
    <xf numFmtId="0" fontId="17" fillId="0" borderId="2" xfId="1" applyFont="1" applyFill="1" applyBorder="1" applyAlignment="1">
      <alignment horizontal="left"/>
    </xf>
    <xf numFmtId="0" fontId="17" fillId="0" borderId="0" xfId="1" applyFont="1" applyFill="1" applyBorder="1" applyAlignment="1">
      <alignment horizontal="left"/>
    </xf>
    <xf numFmtId="0" fontId="17" fillId="0" borderId="21" xfId="1" applyFont="1" applyFill="1" applyBorder="1" applyAlignment="1">
      <alignment horizontal="left"/>
    </xf>
    <xf numFmtId="0" fontId="13" fillId="0" borderId="35" xfId="1" applyFont="1" applyFill="1" applyBorder="1" applyAlignment="1">
      <alignment horizontal="center" vertical="center"/>
    </xf>
    <xf numFmtId="0" fontId="13" fillId="0" borderId="1" xfId="1" applyFont="1" applyFill="1" applyBorder="1" applyAlignment="1">
      <alignment horizontal="center" vertical="center"/>
    </xf>
    <xf numFmtId="0" fontId="13" fillId="0" borderId="36" xfId="1" applyFont="1" applyFill="1" applyBorder="1" applyAlignment="1">
      <alignment horizontal="center" vertical="center"/>
    </xf>
    <xf numFmtId="0" fontId="16" fillId="0" borderId="18" xfId="1" applyFont="1" applyFill="1" applyBorder="1" applyAlignment="1">
      <alignment horizontal="distributed" vertical="center" justifyLastLine="1"/>
    </xf>
    <xf numFmtId="0" fontId="16" fillId="0" borderId="19" xfId="1" applyFont="1" applyFill="1" applyBorder="1" applyAlignment="1">
      <alignment horizontal="distributed" vertical="center" justifyLastLine="1"/>
    </xf>
    <xf numFmtId="0" fontId="16" fillId="0" borderId="20" xfId="1" applyFont="1" applyFill="1" applyBorder="1" applyAlignment="1">
      <alignment horizontal="distributed" vertical="center" justifyLastLine="1"/>
    </xf>
    <xf numFmtId="0" fontId="16" fillId="0" borderId="0" xfId="1" applyFont="1" applyFill="1" applyBorder="1" applyAlignment="1">
      <alignment horizontal="distributed" vertical="center" justifyLastLine="1"/>
    </xf>
    <xf numFmtId="0" fontId="16" fillId="0" borderId="21" xfId="1" applyFont="1" applyFill="1" applyBorder="1" applyAlignment="1">
      <alignment horizontal="distributed" vertical="center" justifyLastLine="1"/>
    </xf>
    <xf numFmtId="0" fontId="16" fillId="0" borderId="9" xfId="1" applyFont="1" applyFill="1" applyBorder="1" applyAlignment="1">
      <alignment horizontal="distributed" vertical="center" justifyLastLine="1"/>
    </xf>
    <xf numFmtId="0" fontId="16" fillId="0" borderId="16" xfId="1" applyFont="1" applyFill="1" applyBorder="1" applyAlignment="1">
      <alignment horizontal="distributed" vertical="center" justifyLastLine="1"/>
    </xf>
    <xf numFmtId="0" fontId="23" fillId="0" borderId="0" xfId="1" applyFont="1" applyFill="1" applyBorder="1" applyAlignment="1">
      <alignment horizontal="left" vertical="center"/>
    </xf>
    <xf numFmtId="0" fontId="17" fillId="0" borderId="3" xfId="1" applyFont="1" applyFill="1" applyBorder="1" applyAlignment="1">
      <alignment horizontal="left" vertical="center"/>
    </xf>
    <xf numFmtId="0" fontId="17" fillId="0" borderId="5" xfId="1" applyFont="1" applyFill="1" applyBorder="1" applyAlignment="1">
      <alignment horizontal="left" vertical="center"/>
    </xf>
    <xf numFmtId="0" fontId="17" fillId="0" borderId="38" xfId="1" applyFont="1" applyFill="1" applyBorder="1" applyAlignment="1">
      <alignment horizontal="left" vertical="center"/>
    </xf>
    <xf numFmtId="0" fontId="17" fillId="0" borderId="21" xfId="1" applyFont="1" applyFill="1" applyBorder="1" applyAlignment="1">
      <alignment horizontal="left" vertical="center"/>
    </xf>
    <xf numFmtId="0" fontId="17" fillId="0" borderId="37" xfId="1" applyFont="1" applyFill="1" applyBorder="1" applyAlignment="1">
      <alignment horizontal="center" vertical="center"/>
    </xf>
    <xf numFmtId="0" fontId="17" fillId="0" borderId="38" xfId="1" applyFont="1" applyFill="1" applyBorder="1" applyAlignment="1">
      <alignment horizontal="center" vertical="center"/>
    </xf>
    <xf numFmtId="0" fontId="17" fillId="0" borderId="4" xfId="1" applyFont="1" applyFill="1" applyBorder="1" applyAlignment="1">
      <alignment horizontal="center" vertical="center"/>
    </xf>
    <xf numFmtId="0" fontId="16" fillId="0" borderId="37" xfId="1" applyFont="1" applyFill="1" applyBorder="1" applyAlignment="1">
      <alignment horizontal="distributed" vertical="center" justifyLastLine="1"/>
    </xf>
    <xf numFmtId="0" fontId="16" fillId="0" borderId="5" xfId="1" applyFont="1" applyFill="1" applyBorder="1" applyAlignment="1">
      <alignment horizontal="distributed" vertical="center" justifyLastLine="1"/>
    </xf>
    <xf numFmtId="0" fontId="16" fillId="0" borderId="38" xfId="1" applyFont="1" applyFill="1" applyBorder="1" applyAlignment="1">
      <alignment horizontal="distributed" vertical="center" justifyLastLine="1"/>
    </xf>
    <xf numFmtId="0" fontId="19" fillId="0" borderId="17" xfId="1" applyFont="1" applyFill="1" applyBorder="1" applyAlignment="1">
      <alignment horizontal="center" vertical="center" shrinkToFit="1"/>
    </xf>
    <xf numFmtId="0" fontId="19" fillId="0" borderId="18" xfId="1" applyFont="1" applyFill="1" applyBorder="1" applyAlignment="1">
      <alignment horizontal="center" vertical="center" shrinkToFit="1"/>
    </xf>
    <xf numFmtId="0" fontId="19" fillId="0" borderId="19" xfId="1" applyFont="1" applyFill="1" applyBorder="1" applyAlignment="1">
      <alignment horizontal="center" vertical="center" shrinkToFit="1"/>
    </xf>
    <xf numFmtId="0" fontId="19" fillId="0" borderId="20" xfId="1" applyFont="1" applyFill="1" applyBorder="1" applyAlignment="1">
      <alignment horizontal="center" vertical="center" shrinkToFit="1"/>
    </xf>
    <xf numFmtId="0" fontId="19" fillId="0" borderId="0" xfId="1" applyFont="1" applyFill="1" applyBorder="1" applyAlignment="1">
      <alignment horizontal="center" vertical="center" shrinkToFit="1"/>
    </xf>
    <xf numFmtId="0" fontId="19" fillId="0" borderId="21" xfId="1" applyFont="1" applyFill="1" applyBorder="1" applyAlignment="1">
      <alignment horizontal="center" vertical="center" shrinkToFit="1"/>
    </xf>
    <xf numFmtId="0" fontId="19" fillId="0" borderId="15" xfId="1" applyFont="1" applyFill="1" applyBorder="1" applyAlignment="1">
      <alignment horizontal="center" vertical="center" shrinkToFit="1"/>
    </xf>
    <xf numFmtId="0" fontId="19" fillId="0" borderId="9" xfId="1" applyFont="1" applyFill="1" applyBorder="1" applyAlignment="1">
      <alignment horizontal="center" vertical="center" shrinkToFit="1"/>
    </xf>
    <xf numFmtId="0" fontId="19" fillId="0" borderId="16" xfId="1" applyFont="1" applyFill="1" applyBorder="1" applyAlignment="1">
      <alignment horizontal="center" vertical="center" shrinkToFit="1"/>
    </xf>
    <xf numFmtId="0" fontId="19" fillId="0" borderId="35" xfId="1" applyFont="1" applyFill="1" applyBorder="1" applyAlignment="1">
      <alignment horizontal="center" vertical="center" shrinkToFit="1"/>
    </xf>
    <xf numFmtId="0" fontId="19" fillId="0" borderId="1" xfId="1" applyFont="1" applyFill="1" applyBorder="1" applyAlignment="1">
      <alignment horizontal="center" vertical="center" shrinkToFit="1"/>
    </xf>
    <xf numFmtId="0" fontId="19" fillId="0" borderId="36" xfId="1" applyFont="1" applyFill="1" applyBorder="1" applyAlignment="1">
      <alignment horizontal="center" vertical="center" shrinkToFit="1"/>
    </xf>
    <xf numFmtId="0" fontId="19" fillId="0" borderId="19" xfId="1" applyFont="1" applyFill="1" applyBorder="1" applyAlignment="1">
      <alignment horizontal="right" vertical="top"/>
    </xf>
    <xf numFmtId="0" fontId="19" fillId="0" borderId="21" xfId="1" applyFont="1" applyFill="1" applyBorder="1" applyAlignment="1">
      <alignment horizontal="right" vertical="top"/>
    </xf>
    <xf numFmtId="0" fontId="19" fillId="0" borderId="16" xfId="1" applyFont="1" applyFill="1" applyBorder="1" applyAlignment="1">
      <alignment horizontal="right" vertical="top"/>
    </xf>
    <xf numFmtId="0" fontId="19" fillId="0" borderId="37" xfId="1" applyFont="1" applyFill="1" applyBorder="1" applyAlignment="1">
      <alignment horizontal="right" vertical="top"/>
    </xf>
    <xf numFmtId="0" fontId="19" fillId="0" borderId="5" xfId="1" applyFont="1" applyFill="1" applyBorder="1" applyAlignment="1">
      <alignment horizontal="right" vertical="top"/>
    </xf>
    <xf numFmtId="0" fontId="19" fillId="0" borderId="4" xfId="1" applyFont="1" applyFill="1" applyBorder="1" applyAlignment="1">
      <alignment horizontal="right" vertical="top"/>
    </xf>
    <xf numFmtId="0" fontId="16" fillId="0" borderId="36" xfId="1" applyFont="1" applyFill="1" applyBorder="1" applyAlignment="1">
      <alignment horizontal="center"/>
    </xf>
    <xf numFmtId="0" fontId="19" fillId="0" borderId="32" xfId="1" applyFont="1" applyFill="1" applyBorder="1" applyAlignment="1">
      <alignment horizontal="center" vertical="center"/>
    </xf>
    <xf numFmtId="0" fontId="19" fillId="0" borderId="7" xfId="1" applyFont="1" applyFill="1" applyBorder="1" applyAlignment="1">
      <alignment horizontal="center" vertical="center"/>
    </xf>
    <xf numFmtId="0" fontId="19" fillId="0" borderId="42" xfId="1" applyFont="1" applyFill="1" applyBorder="1" applyAlignment="1">
      <alignment horizontal="center" vertical="center"/>
    </xf>
    <xf numFmtId="0" fontId="18" fillId="0" borderId="20" xfId="1" applyFont="1" applyFill="1" applyBorder="1" applyAlignment="1">
      <alignment horizontal="left" vertical="center"/>
    </xf>
    <xf numFmtId="0" fontId="18" fillId="0" borderId="0" xfId="1" applyFont="1" applyFill="1" applyBorder="1" applyAlignment="1">
      <alignment horizontal="left" vertical="center"/>
    </xf>
    <xf numFmtId="0" fontId="13" fillId="0" borderId="44" xfId="1" applyFont="1" applyFill="1" applyBorder="1" applyAlignment="1">
      <alignment horizontal="center" vertical="center"/>
    </xf>
    <xf numFmtId="0" fontId="16" fillId="0" borderId="32" xfId="1" applyFont="1" applyFill="1" applyBorder="1" applyAlignment="1">
      <alignment horizontal="center" vertical="center"/>
    </xf>
    <xf numFmtId="0" fontId="16" fillId="0" borderId="17" xfId="1" applyFont="1" applyFill="1" applyBorder="1" applyAlignment="1">
      <alignment horizontal="right" vertical="center"/>
    </xf>
    <xf numFmtId="0" fontId="16" fillId="0" borderId="18" xfId="1" applyFont="1" applyFill="1" applyBorder="1" applyAlignment="1">
      <alignment horizontal="right" vertical="center"/>
    </xf>
    <xf numFmtId="0" fontId="16" fillId="0" borderId="20" xfId="1" applyFont="1" applyFill="1" applyBorder="1" applyAlignment="1">
      <alignment horizontal="right" vertical="center"/>
    </xf>
    <xf numFmtId="0" fontId="16" fillId="0" borderId="0" xfId="1" applyFont="1" applyFill="1" applyBorder="1" applyAlignment="1">
      <alignment horizontal="right" vertical="center"/>
    </xf>
    <xf numFmtId="0" fontId="16" fillId="0" borderId="32" xfId="1" applyFont="1" applyFill="1" applyBorder="1" applyAlignment="1">
      <alignment horizontal="right" vertical="center"/>
    </xf>
    <xf numFmtId="0" fontId="16" fillId="0" borderId="7" xfId="1" applyFont="1" applyFill="1" applyBorder="1" applyAlignment="1">
      <alignment horizontal="right" vertical="center"/>
    </xf>
    <xf numFmtId="0" fontId="16" fillId="0" borderId="42" xfId="1" applyFont="1" applyFill="1" applyBorder="1" applyAlignment="1">
      <alignment horizontal="center"/>
    </xf>
    <xf numFmtId="0" fontId="30" fillId="0" borderId="0" xfId="1" applyFont="1" applyFill="1" applyBorder="1" applyAlignment="1">
      <alignment horizontal="center" vertical="center"/>
    </xf>
    <xf numFmtId="0" fontId="30" fillId="0" borderId="7" xfId="1" applyFont="1" applyFill="1" applyBorder="1" applyAlignment="1">
      <alignment horizontal="center" vertical="center"/>
    </xf>
    <xf numFmtId="0" fontId="27" fillId="0" borderId="0" xfId="1" applyFont="1" applyFill="1" applyAlignment="1">
      <alignment horizontal="center" vertical="top" textRotation="255"/>
    </xf>
    <xf numFmtId="0" fontId="26" fillId="0" borderId="0" xfId="1" applyFont="1" applyFill="1" applyAlignment="1">
      <alignment horizontal="center" vertical="center"/>
    </xf>
    <xf numFmtId="0" fontId="28" fillId="0" borderId="0" xfId="1" applyFont="1" applyFill="1" applyAlignment="1">
      <alignment horizontal="distributed" vertical="center"/>
    </xf>
    <xf numFmtId="0" fontId="26" fillId="0" borderId="0" xfId="1" applyFont="1" applyFill="1" applyAlignment="1">
      <alignment horizontal="left" vertical="center"/>
    </xf>
    <xf numFmtId="0" fontId="29" fillId="0" borderId="0" xfId="1" applyFont="1" applyFill="1" applyAlignment="1">
      <alignment vertical="top" textRotation="255"/>
    </xf>
    <xf numFmtId="0" fontId="23" fillId="0" borderId="0" xfId="1" applyFont="1" applyFill="1" applyAlignment="1">
      <alignment vertical="top" textRotation="255"/>
    </xf>
    <xf numFmtId="0" fontId="17" fillId="0" borderId="3" xfId="1" applyFont="1" applyFill="1" applyBorder="1" applyAlignment="1">
      <alignment horizontal="center" vertical="center"/>
    </xf>
    <xf numFmtId="0" fontId="17" fillId="0" borderId="29" xfId="1" applyFont="1" applyFill="1" applyBorder="1" applyAlignment="1">
      <alignment horizontal="center" vertical="center"/>
    </xf>
    <xf numFmtId="0" fontId="26" fillId="0" borderId="20" xfId="1" applyFont="1" applyFill="1" applyBorder="1" applyAlignment="1">
      <alignment horizontal="center"/>
    </xf>
    <xf numFmtId="0" fontId="26" fillId="0" borderId="0" xfId="1" applyFont="1" applyFill="1" applyBorder="1" applyAlignment="1">
      <alignment horizontal="center"/>
    </xf>
    <xf numFmtId="0" fontId="26" fillId="0" borderId="1" xfId="1" applyFont="1" applyFill="1" applyBorder="1" applyAlignment="1">
      <alignment horizontal="center"/>
    </xf>
    <xf numFmtId="0" fontId="16" fillId="0" borderId="0" xfId="1" applyFont="1" applyFill="1" applyBorder="1" applyAlignment="1">
      <alignment horizontal="right"/>
    </xf>
    <xf numFmtId="0" fontId="16" fillId="0" borderId="17" xfId="1" applyFont="1" applyFill="1" applyBorder="1" applyAlignment="1">
      <alignment horizontal="left" vertical="center"/>
    </xf>
    <xf numFmtId="0" fontId="16" fillId="0" borderId="18" xfId="1" applyFont="1" applyFill="1" applyBorder="1" applyAlignment="1">
      <alignment horizontal="left" vertical="center"/>
    </xf>
    <xf numFmtId="0" fontId="16" fillId="0" borderId="35" xfId="1" applyFont="1" applyFill="1" applyBorder="1" applyAlignment="1">
      <alignment horizontal="left" vertical="center"/>
    </xf>
    <xf numFmtId="0" fontId="16" fillId="0" borderId="20" xfId="1" applyFont="1" applyFill="1" applyBorder="1" applyAlignment="1">
      <alignment horizontal="left" vertical="center"/>
    </xf>
    <xf numFmtId="0" fontId="16" fillId="0" borderId="0" xfId="1" applyFont="1" applyFill="1" applyBorder="1" applyAlignment="1">
      <alignment horizontal="left" vertical="center"/>
    </xf>
    <xf numFmtId="0" fontId="16" fillId="0" borderId="1" xfId="1" applyFont="1" applyFill="1" applyBorder="1" applyAlignment="1">
      <alignment horizontal="left" vertical="center"/>
    </xf>
    <xf numFmtId="0" fontId="16" fillId="0" borderId="15" xfId="1" applyFont="1" applyFill="1" applyBorder="1" applyAlignment="1">
      <alignment horizontal="left" vertical="center"/>
    </xf>
    <xf numFmtId="0" fontId="16" fillId="0" borderId="9" xfId="1" applyFont="1" applyFill="1" applyBorder="1" applyAlignment="1">
      <alignment horizontal="left" vertical="center"/>
    </xf>
    <xf numFmtId="0" fontId="16" fillId="0" borderId="36" xfId="1" applyFont="1" applyFill="1" applyBorder="1" applyAlignment="1">
      <alignment horizontal="left" vertical="center"/>
    </xf>
    <xf numFmtId="0" fontId="19" fillId="0" borderId="44" xfId="1" applyFont="1" applyFill="1" applyBorder="1" applyAlignment="1">
      <alignment horizontal="center"/>
    </xf>
    <xf numFmtId="0" fontId="19" fillId="0" borderId="18" xfId="1" applyFont="1" applyFill="1" applyBorder="1" applyAlignment="1">
      <alignment horizontal="center"/>
    </xf>
    <xf numFmtId="0" fontId="19" fillId="0" borderId="19" xfId="1" applyFont="1" applyFill="1" applyBorder="1" applyAlignment="1">
      <alignment horizontal="center"/>
    </xf>
    <xf numFmtId="0" fontId="19" fillId="0" borderId="2" xfId="1" applyFont="1" applyFill="1" applyBorder="1" applyAlignment="1">
      <alignment horizontal="center"/>
    </xf>
    <xf numFmtId="0" fontId="19" fillId="0" borderId="0" xfId="1" applyFont="1" applyFill="1" applyBorder="1" applyAlignment="1">
      <alignment horizontal="center"/>
    </xf>
    <xf numFmtId="0" fontId="19" fillId="0" borderId="21" xfId="1" applyFont="1" applyFill="1" applyBorder="1" applyAlignment="1">
      <alignment horizontal="center"/>
    </xf>
    <xf numFmtId="0" fontId="19" fillId="0" borderId="6" xfId="1" applyFont="1" applyFill="1" applyBorder="1" applyAlignment="1">
      <alignment horizontal="center"/>
    </xf>
    <xf numFmtId="0" fontId="19" fillId="0" borderId="7" xfId="1" applyFont="1" applyFill="1" applyBorder="1" applyAlignment="1">
      <alignment horizontal="center"/>
    </xf>
    <xf numFmtId="0" fontId="19" fillId="0" borderId="42" xfId="1" applyFont="1" applyFill="1" applyBorder="1" applyAlignment="1">
      <alignment horizontal="center"/>
    </xf>
    <xf numFmtId="0" fontId="23" fillId="0" borderId="0" xfId="7" applyFont="1" applyAlignment="1">
      <alignment horizontal="left"/>
    </xf>
    <xf numFmtId="0" fontId="1" fillId="0" borderId="0" xfId="7" applyFont="1" applyAlignment="1">
      <alignment horizontal="left"/>
    </xf>
    <xf numFmtId="0" fontId="35" fillId="0" borderId="0" xfId="7" applyFont="1" applyAlignment="1">
      <alignment horizontal="center"/>
    </xf>
    <xf numFmtId="0" fontId="34" fillId="0" borderId="0" xfId="7" applyFont="1" applyAlignment="1">
      <alignment horizontal="center"/>
    </xf>
    <xf numFmtId="0" fontId="34" fillId="0" borderId="7" xfId="7" applyFont="1" applyBorder="1" applyAlignment="1">
      <alignment horizontal="center"/>
    </xf>
    <xf numFmtId="0" fontId="13" fillId="0" borderId="0" xfId="7" applyFont="1" applyAlignment="1">
      <alignment horizontal="left" vertical="center" wrapText="1"/>
    </xf>
    <xf numFmtId="0" fontId="13" fillId="0" borderId="7" xfId="7" applyFont="1" applyBorder="1" applyAlignment="1">
      <alignment horizontal="left" vertical="center" wrapText="1"/>
    </xf>
    <xf numFmtId="0" fontId="37" fillId="0" borderId="0" xfId="7" applyFont="1" applyAlignment="1">
      <alignment horizontal="center"/>
    </xf>
    <xf numFmtId="0" fontId="16" fillId="0" borderId="0" xfId="7" applyFont="1" applyAlignment="1">
      <alignment horizontal="center"/>
    </xf>
    <xf numFmtId="0" fontId="16" fillId="0" borderId="7" xfId="7" applyFont="1" applyBorder="1" applyAlignment="1">
      <alignment horizontal="center"/>
    </xf>
    <xf numFmtId="0" fontId="23" fillId="0" borderId="0" xfId="7" applyFont="1" applyBorder="1" applyAlignment="1">
      <alignment horizontal="left" vertical="center"/>
    </xf>
    <xf numFmtId="0" fontId="23" fillId="0" borderId="7" xfId="7" applyFont="1" applyBorder="1" applyAlignment="1">
      <alignment horizontal="left" vertical="center"/>
    </xf>
    <xf numFmtId="0" fontId="17" fillId="0" borderId="37" xfId="7" applyFont="1" applyBorder="1" applyAlignment="1">
      <alignment horizontal="center" vertical="center"/>
    </xf>
    <xf numFmtId="0" fontId="17" fillId="0" borderId="5" xfId="7" applyFont="1" applyBorder="1" applyAlignment="1">
      <alignment horizontal="center" vertical="center"/>
    </xf>
    <xf numFmtId="0" fontId="17" fillId="0" borderId="38" xfId="7" applyFont="1" applyBorder="1" applyAlignment="1">
      <alignment horizontal="center" vertical="center"/>
    </xf>
    <xf numFmtId="0" fontId="17" fillId="0" borderId="20" xfId="7" applyFont="1" applyBorder="1" applyAlignment="1">
      <alignment horizontal="center" vertical="center"/>
    </xf>
    <xf numFmtId="0" fontId="17" fillId="0" borderId="0" xfId="7" applyFont="1" applyBorder="1" applyAlignment="1">
      <alignment horizontal="center" vertical="center"/>
    </xf>
    <xf numFmtId="0" fontId="17" fillId="0" borderId="21" xfId="7" applyFont="1" applyBorder="1" applyAlignment="1">
      <alignment horizontal="center" vertical="center"/>
    </xf>
    <xf numFmtId="0" fontId="17" fillId="0" borderId="15" xfId="7" applyFont="1" applyBorder="1" applyAlignment="1">
      <alignment horizontal="center" vertical="center"/>
    </xf>
    <xf numFmtId="0" fontId="17" fillId="0" borderId="9" xfId="7" applyFont="1" applyBorder="1" applyAlignment="1">
      <alignment horizontal="center" vertical="center"/>
    </xf>
    <xf numFmtId="0" fontId="17" fillId="0" borderId="16" xfId="7" applyFont="1" applyBorder="1" applyAlignment="1">
      <alignment horizontal="center" vertical="center"/>
    </xf>
    <xf numFmtId="0" fontId="13" fillId="0" borderId="37" xfId="7" applyFont="1" applyBorder="1" applyAlignment="1">
      <alignment horizontal="center" vertical="center" shrinkToFit="1"/>
    </xf>
    <xf numFmtId="0" fontId="13" fillId="0" borderId="5" xfId="7" applyFont="1" applyBorder="1" applyAlignment="1">
      <alignment horizontal="center" vertical="center" shrinkToFit="1"/>
    </xf>
    <xf numFmtId="0" fontId="13" fillId="0" borderId="4" xfId="7" applyFont="1" applyBorder="1" applyAlignment="1">
      <alignment horizontal="center" vertical="center" shrinkToFit="1"/>
    </xf>
    <xf numFmtId="0" fontId="13" fillId="0" borderId="20" xfId="7" applyFont="1" applyBorder="1" applyAlignment="1">
      <alignment horizontal="center" vertical="center" shrinkToFit="1"/>
    </xf>
    <xf numFmtId="0" fontId="13" fillId="0" borderId="0" xfId="7" applyFont="1" applyBorder="1" applyAlignment="1">
      <alignment horizontal="center" vertical="center" shrinkToFit="1"/>
    </xf>
    <xf numFmtId="0" fontId="13" fillId="0" borderId="1" xfId="7" applyFont="1" applyBorder="1" applyAlignment="1">
      <alignment horizontal="center" vertical="center" shrinkToFit="1"/>
    </xf>
    <xf numFmtId="0" fontId="13" fillId="0" borderId="15" xfId="7" applyFont="1" applyBorder="1" applyAlignment="1">
      <alignment horizontal="center" vertical="center" shrinkToFit="1"/>
    </xf>
    <xf numFmtId="0" fontId="13" fillId="0" borderId="9" xfId="7" applyFont="1" applyBorder="1" applyAlignment="1">
      <alignment horizontal="center" vertical="center" shrinkToFit="1"/>
    </xf>
    <xf numFmtId="0" fontId="13" fillId="0" borderId="36" xfId="7" applyFont="1" applyBorder="1" applyAlignment="1">
      <alignment horizontal="center" vertical="center" shrinkToFit="1"/>
    </xf>
    <xf numFmtId="0" fontId="17" fillId="0" borderId="44" xfId="7" applyFont="1" applyBorder="1" applyAlignment="1">
      <alignment horizontal="center"/>
    </xf>
    <xf numFmtId="0" fontId="17" fillId="0" borderId="19" xfId="7" applyFont="1" applyBorder="1" applyAlignment="1">
      <alignment horizontal="center"/>
    </xf>
    <xf numFmtId="0" fontId="17" fillId="0" borderId="2" xfId="7" applyFont="1" applyBorder="1" applyAlignment="1">
      <alignment horizontal="center"/>
    </xf>
    <xf numFmtId="0" fontId="17" fillId="0" borderId="21" xfId="7" applyFont="1" applyBorder="1" applyAlignment="1">
      <alignment horizontal="center"/>
    </xf>
    <xf numFmtId="0" fontId="17" fillId="0" borderId="29" xfId="7" applyFont="1" applyBorder="1" applyAlignment="1">
      <alignment horizontal="center"/>
    </xf>
    <xf numFmtId="0" fontId="17" fillId="0" borderId="16" xfId="7" applyFont="1" applyBorder="1" applyAlignment="1">
      <alignment horizontal="center"/>
    </xf>
    <xf numFmtId="0" fontId="19" fillId="0" borderId="17" xfId="7" applyFont="1" applyBorder="1" applyAlignment="1">
      <alignment horizontal="right" vertical="top"/>
    </xf>
    <xf numFmtId="0" fontId="19" fillId="0" borderId="18" xfId="7" applyFont="1" applyBorder="1" applyAlignment="1">
      <alignment horizontal="right" vertical="top"/>
    </xf>
    <xf numFmtId="0" fontId="19" fillId="0" borderId="19" xfId="7" applyFont="1" applyBorder="1" applyAlignment="1">
      <alignment horizontal="right" vertical="top"/>
    </xf>
    <xf numFmtId="0" fontId="19" fillId="0" borderId="20" xfId="7" applyFont="1" applyBorder="1" applyAlignment="1">
      <alignment horizontal="right" vertical="top"/>
    </xf>
    <xf numFmtId="0" fontId="19" fillId="0" borderId="0" xfId="7" applyFont="1" applyBorder="1" applyAlignment="1">
      <alignment horizontal="right" vertical="top"/>
    </xf>
    <xf numFmtId="0" fontId="19" fillId="0" borderId="21" xfId="7" applyFont="1" applyBorder="1" applyAlignment="1">
      <alignment horizontal="right" vertical="top"/>
    </xf>
    <xf numFmtId="0" fontId="19" fillId="0" borderId="15" xfId="7" applyFont="1" applyBorder="1" applyAlignment="1">
      <alignment horizontal="right" vertical="top"/>
    </xf>
    <xf numFmtId="0" fontId="19" fillId="0" borderId="9" xfId="7" applyFont="1" applyBorder="1" applyAlignment="1">
      <alignment horizontal="right" vertical="top"/>
    </xf>
    <xf numFmtId="0" fontId="19" fillId="0" borderId="16" xfId="7" applyFont="1" applyBorder="1" applyAlignment="1">
      <alignment horizontal="right" vertical="top"/>
    </xf>
    <xf numFmtId="0" fontId="13" fillId="0" borderId="17" xfId="7" applyFont="1" applyBorder="1" applyAlignment="1">
      <alignment horizontal="center"/>
    </xf>
    <xf numFmtId="0" fontId="13" fillId="0" borderId="18" xfId="7" applyFont="1" applyBorder="1" applyAlignment="1">
      <alignment horizontal="center"/>
    </xf>
    <xf numFmtId="0" fontId="13" fillId="0" borderId="19" xfId="7" applyFont="1" applyBorder="1" applyAlignment="1">
      <alignment horizontal="center"/>
    </xf>
    <xf numFmtId="0" fontId="13" fillId="0" borderId="20" xfId="7" applyFont="1" applyBorder="1" applyAlignment="1">
      <alignment horizontal="center"/>
    </xf>
    <xf numFmtId="0" fontId="13" fillId="0" borderId="0" xfId="7" applyFont="1" applyBorder="1" applyAlignment="1">
      <alignment horizontal="center"/>
    </xf>
    <xf numFmtId="0" fontId="13" fillId="0" borderId="21" xfId="7" applyFont="1" applyBorder="1" applyAlignment="1">
      <alignment horizontal="center"/>
    </xf>
    <xf numFmtId="0" fontId="13" fillId="0" borderId="15" xfId="7" applyFont="1" applyBorder="1" applyAlignment="1">
      <alignment horizontal="center"/>
    </xf>
    <xf numFmtId="0" fontId="13" fillId="0" borderId="9" xfId="7" applyFont="1" applyBorder="1" applyAlignment="1">
      <alignment horizontal="center"/>
    </xf>
    <xf numFmtId="0" fontId="13" fillId="0" borderId="16" xfId="7" applyFont="1" applyBorder="1" applyAlignment="1">
      <alignment horizontal="center"/>
    </xf>
    <xf numFmtId="0" fontId="19" fillId="0" borderId="35" xfId="7" applyFont="1" applyBorder="1" applyAlignment="1">
      <alignment horizontal="right" vertical="top"/>
    </xf>
    <xf numFmtId="0" fontId="19" fillId="0" borderId="1" xfId="7" applyFont="1" applyBorder="1" applyAlignment="1">
      <alignment horizontal="right" vertical="top"/>
    </xf>
    <xf numFmtId="0" fontId="19" fillId="0" borderId="36" xfId="7" applyFont="1" applyBorder="1" applyAlignment="1">
      <alignment horizontal="right" vertical="top"/>
    </xf>
    <xf numFmtId="0" fontId="15" fillId="0" borderId="3" xfId="7" applyFont="1" applyBorder="1" applyAlignment="1">
      <alignment horizontal="center" vertical="center"/>
    </xf>
    <xf numFmtId="0" fontId="15" fillId="0" borderId="38" xfId="7" applyFont="1" applyBorder="1" applyAlignment="1">
      <alignment horizontal="center" vertical="center"/>
    </xf>
    <xf numFmtId="0" fontId="15" fillId="0" borderId="2" xfId="7" applyFont="1" applyBorder="1" applyAlignment="1">
      <alignment horizontal="center" vertical="center"/>
    </xf>
    <xf numFmtId="0" fontId="15" fillId="0" borderId="21" xfId="7" applyFont="1" applyBorder="1" applyAlignment="1">
      <alignment horizontal="center" vertical="center"/>
    </xf>
    <xf numFmtId="0" fontId="15" fillId="0" borderId="29" xfId="7" applyFont="1" applyBorder="1" applyAlignment="1">
      <alignment horizontal="center" vertical="center"/>
    </xf>
    <xf numFmtId="0" fontId="15" fillId="0" borderId="16" xfId="7" applyFont="1" applyBorder="1" applyAlignment="1">
      <alignment horizontal="center" vertical="center"/>
    </xf>
    <xf numFmtId="0" fontId="15" fillId="0" borderId="37" xfId="7" applyFont="1" applyBorder="1" applyAlignment="1">
      <alignment horizontal="distributed" vertical="center" justifyLastLine="1"/>
    </xf>
    <xf numFmtId="0" fontId="15" fillId="0" borderId="5" xfId="7" applyFont="1" applyBorder="1" applyAlignment="1">
      <alignment horizontal="distributed" vertical="center" justifyLastLine="1"/>
    </xf>
    <xf numFmtId="0" fontId="15" fillId="0" borderId="38" xfId="7" applyFont="1" applyBorder="1" applyAlignment="1">
      <alignment horizontal="distributed" vertical="center" justifyLastLine="1"/>
    </xf>
    <xf numFmtId="0" fontId="15" fillId="0" borderId="20" xfId="7" applyFont="1" applyBorder="1" applyAlignment="1">
      <alignment horizontal="distributed" vertical="center" justifyLastLine="1"/>
    </xf>
    <xf numFmtId="0" fontId="15" fillId="0" borderId="0" xfId="7" applyFont="1" applyBorder="1" applyAlignment="1">
      <alignment horizontal="distributed" vertical="center" justifyLastLine="1"/>
    </xf>
    <xf numFmtId="0" fontId="15" fillId="0" borderId="21" xfId="7" applyFont="1" applyBorder="1" applyAlignment="1">
      <alignment horizontal="distributed" vertical="center" justifyLastLine="1"/>
    </xf>
    <xf numFmtId="0" fontId="15" fillId="0" borderId="15" xfId="7" applyFont="1" applyBorder="1" applyAlignment="1">
      <alignment horizontal="distributed" vertical="center" justifyLastLine="1"/>
    </xf>
    <xf numFmtId="0" fontId="15" fillId="0" borderId="9" xfId="7" applyFont="1" applyBorder="1" applyAlignment="1">
      <alignment horizontal="distributed" vertical="center" justifyLastLine="1"/>
    </xf>
    <xf numFmtId="0" fontId="15" fillId="0" borderId="16" xfId="7" applyFont="1" applyBorder="1" applyAlignment="1">
      <alignment horizontal="distributed" vertical="center" justifyLastLine="1"/>
    </xf>
    <xf numFmtId="0" fontId="13" fillId="0" borderId="37" xfId="7" applyFont="1" applyBorder="1" applyAlignment="1">
      <alignment horizontal="center" vertical="center" wrapText="1"/>
    </xf>
    <xf numFmtId="0" fontId="13" fillId="0" borderId="5" xfId="7" applyFont="1" applyBorder="1" applyAlignment="1">
      <alignment horizontal="center" vertical="center" wrapText="1"/>
    </xf>
    <xf numFmtId="0" fontId="13" fillId="0" borderId="38" xfId="7" applyFont="1" applyBorder="1" applyAlignment="1">
      <alignment horizontal="center" vertical="center" wrapText="1"/>
    </xf>
    <xf numFmtId="0" fontId="13" fillId="0" borderId="20" xfId="7" applyFont="1" applyBorder="1" applyAlignment="1">
      <alignment horizontal="center" vertical="center" wrapText="1"/>
    </xf>
    <xf numFmtId="0" fontId="13" fillId="0" borderId="0" xfId="7" applyFont="1" applyBorder="1" applyAlignment="1">
      <alignment horizontal="center" vertical="center" wrapText="1"/>
    </xf>
    <xf numFmtId="0" fontId="13" fillId="0" borderId="21" xfId="7" applyFont="1" applyBorder="1" applyAlignment="1">
      <alignment horizontal="center" vertical="center" wrapText="1"/>
    </xf>
    <xf numFmtId="0" fontId="13" fillId="0" borderId="15" xfId="7" applyFont="1" applyBorder="1" applyAlignment="1">
      <alignment horizontal="center" vertical="center" wrapText="1"/>
    </xf>
    <xf numFmtId="0" fontId="13" fillId="0" borderId="9" xfId="7" applyFont="1" applyBorder="1" applyAlignment="1">
      <alignment horizontal="center" vertical="center" wrapText="1"/>
    </xf>
    <xf numFmtId="0" fontId="13" fillId="0" borderId="16" xfId="7" applyFont="1" applyBorder="1" applyAlignment="1">
      <alignment horizontal="center" vertical="center" wrapText="1"/>
    </xf>
    <xf numFmtId="0" fontId="15" fillId="0" borderId="4" xfId="7" applyFont="1" applyBorder="1" applyAlignment="1">
      <alignment horizontal="distributed" vertical="center" justifyLastLine="1"/>
    </xf>
    <xf numFmtId="0" fontId="15" fillId="0" borderId="1" xfId="7" applyFont="1" applyBorder="1" applyAlignment="1">
      <alignment horizontal="distributed" vertical="center" justifyLastLine="1"/>
    </xf>
    <xf numFmtId="0" fontId="15" fillId="0" borderId="36" xfId="7" applyFont="1" applyBorder="1" applyAlignment="1">
      <alignment horizontal="distributed" vertical="center" justifyLastLine="1"/>
    </xf>
    <xf numFmtId="0" fontId="13" fillId="0" borderId="3" xfId="7" applyFont="1" applyBorder="1" applyAlignment="1">
      <alignment horizontal="center" vertical="center"/>
    </xf>
    <xf numFmtId="0" fontId="13" fillId="0" borderId="5" xfId="7" applyFont="1" applyBorder="1" applyAlignment="1">
      <alignment horizontal="center" vertical="center"/>
    </xf>
    <xf numFmtId="0" fontId="13" fillId="0" borderId="38" xfId="7" applyFont="1" applyBorder="1" applyAlignment="1">
      <alignment horizontal="center" vertical="center"/>
    </xf>
    <xf numFmtId="0" fontId="13" fillId="0" borderId="2" xfId="7" applyFont="1" applyBorder="1" applyAlignment="1">
      <alignment horizontal="center" vertical="center"/>
    </xf>
    <xf numFmtId="0" fontId="13" fillId="0" borderId="0" xfId="7" applyFont="1" applyBorder="1" applyAlignment="1">
      <alignment horizontal="center" vertical="center"/>
    </xf>
    <xf numFmtId="0" fontId="13" fillId="0" borderId="21" xfId="7" applyFont="1" applyBorder="1" applyAlignment="1">
      <alignment horizontal="center" vertical="center"/>
    </xf>
    <xf numFmtId="0" fontId="13" fillId="0" borderId="29" xfId="7" applyFont="1" applyBorder="1" applyAlignment="1">
      <alignment horizontal="center" vertical="center"/>
    </xf>
    <xf numFmtId="0" fontId="13" fillId="0" borderId="9" xfId="7" applyFont="1" applyBorder="1" applyAlignment="1">
      <alignment horizontal="center" vertical="center"/>
    </xf>
    <xf numFmtId="0" fontId="13" fillId="0" borderId="16" xfId="7" applyFont="1" applyBorder="1" applyAlignment="1">
      <alignment horizontal="center" vertical="center"/>
    </xf>
    <xf numFmtId="0" fontId="5" fillId="0" borderId="37" xfId="7" applyFont="1" applyBorder="1" applyAlignment="1">
      <alignment horizontal="center" vertical="center"/>
    </xf>
    <xf numFmtId="0" fontId="5" fillId="0" borderId="5" xfId="7" applyFont="1" applyBorder="1" applyAlignment="1">
      <alignment horizontal="center" vertical="center"/>
    </xf>
    <xf numFmtId="0" fontId="5" fillId="0" borderId="38" xfId="7" applyFont="1" applyBorder="1" applyAlignment="1">
      <alignment horizontal="center" vertical="center"/>
    </xf>
    <xf numFmtId="0" fontId="5" fillId="0" borderId="20" xfId="7" applyFont="1" applyBorder="1" applyAlignment="1">
      <alignment horizontal="center" vertical="center"/>
    </xf>
    <xf numFmtId="0" fontId="5" fillId="0" borderId="0" xfId="7" applyFont="1" applyBorder="1" applyAlignment="1">
      <alignment horizontal="center" vertical="center"/>
    </xf>
    <xf numFmtId="0" fontId="5" fillId="0" borderId="21" xfId="7" applyFont="1" applyBorder="1" applyAlignment="1">
      <alignment horizontal="center" vertical="center"/>
    </xf>
    <xf numFmtId="0" fontId="5" fillId="0" borderId="15" xfId="7" applyFont="1" applyBorder="1" applyAlignment="1">
      <alignment horizontal="center" vertical="center"/>
    </xf>
    <xf numFmtId="0" fontId="5" fillId="0" borderId="9" xfId="7" applyFont="1" applyBorder="1" applyAlignment="1">
      <alignment horizontal="center" vertical="center"/>
    </xf>
    <xf numFmtId="0" fontId="5" fillId="0" borderId="16" xfId="7" applyFont="1" applyBorder="1" applyAlignment="1">
      <alignment horizontal="center" vertical="center"/>
    </xf>
    <xf numFmtId="0" fontId="16" fillId="0" borderId="17" xfId="7" applyFont="1" applyBorder="1" applyAlignment="1">
      <alignment horizontal="center"/>
    </xf>
    <xf numFmtId="0" fontId="16" fillId="0" borderId="18" xfId="7" applyFont="1" applyBorder="1" applyAlignment="1">
      <alignment horizontal="center"/>
    </xf>
    <xf numFmtId="0" fontId="16" fillId="0" borderId="19" xfId="7" applyFont="1" applyBorder="1" applyAlignment="1">
      <alignment horizontal="center"/>
    </xf>
    <xf numFmtId="0" fontId="16" fillId="0" borderId="20" xfId="7" applyFont="1" applyBorder="1" applyAlignment="1">
      <alignment horizontal="center"/>
    </xf>
    <xf numFmtId="0" fontId="16" fillId="0" borderId="0" xfId="7" applyFont="1" applyBorder="1" applyAlignment="1">
      <alignment horizontal="center"/>
    </xf>
    <xf numFmtId="0" fontId="16" fillId="0" borderId="21" xfId="7" applyFont="1" applyBorder="1" applyAlignment="1">
      <alignment horizontal="center"/>
    </xf>
    <xf numFmtId="0" fontId="16" fillId="0" borderId="15" xfId="7" applyFont="1" applyBorder="1" applyAlignment="1">
      <alignment horizontal="center"/>
    </xf>
    <xf numFmtId="0" fontId="16" fillId="0" borderId="9" xfId="7" applyFont="1" applyBorder="1" applyAlignment="1">
      <alignment horizontal="center"/>
    </xf>
    <xf numFmtId="0" fontId="16" fillId="0" borderId="16" xfId="7" applyFont="1" applyBorder="1" applyAlignment="1">
      <alignment horizontal="center"/>
    </xf>
    <xf numFmtId="0" fontId="13" fillId="0" borderId="35" xfId="7" applyFont="1" applyBorder="1" applyAlignment="1">
      <alignment horizontal="center"/>
    </xf>
    <xf numFmtId="0" fontId="13" fillId="0" borderId="1" xfId="7" applyFont="1" applyBorder="1" applyAlignment="1">
      <alignment horizontal="center"/>
    </xf>
    <xf numFmtId="0" fontId="13" fillId="0" borderId="36" xfId="7" applyFont="1" applyBorder="1" applyAlignment="1">
      <alignment horizontal="center"/>
    </xf>
    <xf numFmtId="0" fontId="13" fillId="0" borderId="3" xfId="7" applyFont="1" applyBorder="1" applyAlignment="1">
      <alignment horizontal="center" vertical="center" wrapText="1"/>
    </xf>
    <xf numFmtId="0" fontId="13" fillId="0" borderId="2" xfId="7" applyFont="1" applyBorder="1" applyAlignment="1">
      <alignment horizontal="center" vertical="center" wrapText="1"/>
    </xf>
    <xf numFmtId="0" fontId="13" fillId="0" borderId="29" xfId="7" applyFont="1" applyBorder="1" applyAlignment="1">
      <alignment horizontal="center" vertical="center" wrapText="1"/>
    </xf>
    <xf numFmtId="0" fontId="17" fillId="0" borderId="37" xfId="7" applyFont="1" applyBorder="1" applyAlignment="1">
      <alignment horizontal="center" vertical="center" wrapText="1"/>
    </xf>
    <xf numFmtId="0" fontId="17" fillId="0" borderId="5" xfId="7" applyFont="1" applyBorder="1" applyAlignment="1">
      <alignment horizontal="center" vertical="center" wrapText="1"/>
    </xf>
    <xf numFmtId="0" fontId="17" fillId="0" borderId="38" xfId="7" applyFont="1" applyBorder="1" applyAlignment="1">
      <alignment horizontal="center" vertical="center" wrapText="1"/>
    </xf>
    <xf numFmtId="0" fontId="17" fillId="0" borderId="20" xfId="7" applyFont="1" applyBorder="1" applyAlignment="1">
      <alignment horizontal="center" vertical="center" wrapText="1"/>
    </xf>
    <xf numFmtId="0" fontId="17" fillId="0" borderId="0" xfId="7" applyFont="1" applyBorder="1" applyAlignment="1">
      <alignment horizontal="center" vertical="center" wrapText="1"/>
    </xf>
    <xf numFmtId="0" fontId="17" fillId="0" borderId="21" xfId="7" applyFont="1" applyBorder="1" applyAlignment="1">
      <alignment horizontal="center" vertical="center" wrapText="1"/>
    </xf>
    <xf numFmtId="0" fontId="17" fillId="0" borderId="15" xfId="7" applyFont="1" applyBorder="1" applyAlignment="1">
      <alignment horizontal="center" vertical="center" wrapText="1"/>
    </xf>
    <xf numFmtId="0" fontId="17" fillId="0" borderId="9" xfId="7" applyFont="1" applyBorder="1" applyAlignment="1">
      <alignment horizontal="center" vertical="center" wrapText="1"/>
    </xf>
    <xf numFmtId="0" fontId="17" fillId="0" borderId="16" xfId="7" applyFont="1" applyBorder="1" applyAlignment="1">
      <alignment horizontal="center" vertical="center" wrapText="1"/>
    </xf>
    <xf numFmtId="0" fontId="17" fillId="0" borderId="4" xfId="7" applyFont="1" applyBorder="1" applyAlignment="1">
      <alignment horizontal="center" vertical="center"/>
    </xf>
    <xf numFmtId="0" fontId="17" fillId="0" borderId="1" xfId="7" applyFont="1" applyBorder="1" applyAlignment="1">
      <alignment horizontal="center" vertical="center"/>
    </xf>
    <xf numFmtId="0" fontId="1" fillId="0" borderId="17" xfId="7" applyFont="1" applyBorder="1" applyAlignment="1">
      <alignment horizontal="center" vertical="center"/>
    </xf>
    <xf numFmtId="0" fontId="1" fillId="0" borderId="18" xfId="7" applyFont="1" applyBorder="1" applyAlignment="1">
      <alignment horizontal="center" vertical="center"/>
    </xf>
    <xf numFmtId="0" fontId="1" fillId="0" borderId="19" xfId="7" applyFont="1" applyBorder="1" applyAlignment="1">
      <alignment horizontal="center" vertical="center"/>
    </xf>
    <xf numFmtId="0" fontId="1" fillId="0" borderId="20" xfId="7" applyFont="1" applyBorder="1" applyAlignment="1">
      <alignment horizontal="center" vertical="center"/>
    </xf>
    <xf numFmtId="0" fontId="1" fillId="0" borderId="0" xfId="7" applyFont="1" applyBorder="1" applyAlignment="1">
      <alignment horizontal="center" vertical="center"/>
    </xf>
    <xf numFmtId="0" fontId="1" fillId="0" borderId="21" xfId="7" applyFont="1" applyBorder="1" applyAlignment="1">
      <alignment horizontal="center" vertical="center"/>
    </xf>
    <xf numFmtId="0" fontId="1" fillId="0" borderId="15" xfId="7" applyFont="1" applyBorder="1" applyAlignment="1">
      <alignment horizontal="center" vertical="center"/>
    </xf>
    <xf numFmtId="0" fontId="1" fillId="0" borderId="9" xfId="7" applyFont="1" applyBorder="1" applyAlignment="1">
      <alignment horizontal="center" vertical="center"/>
    </xf>
    <xf numFmtId="0" fontId="1" fillId="0" borderId="16" xfId="7" applyFont="1" applyBorder="1" applyAlignment="1">
      <alignment horizontal="center" vertical="center"/>
    </xf>
    <xf numFmtId="0" fontId="1" fillId="0" borderId="32" xfId="7" applyFont="1" applyBorder="1" applyAlignment="1">
      <alignment horizontal="center" vertical="center"/>
    </xf>
    <xf numFmtId="0" fontId="1" fillId="0" borderId="7" xfId="7" applyFont="1" applyBorder="1" applyAlignment="1">
      <alignment horizontal="center" vertical="center"/>
    </xf>
    <xf numFmtId="0" fontId="1" fillId="0" borderId="42" xfId="7" applyFont="1" applyBorder="1" applyAlignment="1">
      <alignment horizontal="center" vertical="center"/>
    </xf>
    <xf numFmtId="0" fontId="15" fillId="0" borderId="44" xfId="7" applyFont="1" applyBorder="1" applyAlignment="1">
      <alignment horizontal="distributed" vertical="center" justifyLastLine="1"/>
    </xf>
    <xf numFmtId="0" fontId="15" fillId="0" borderId="18" xfId="7" applyFont="1" applyBorder="1" applyAlignment="1">
      <alignment horizontal="distributed" vertical="center" justifyLastLine="1"/>
    </xf>
    <xf numFmtId="0" fontId="15" fillId="0" borderId="19" xfId="7" applyFont="1" applyBorder="1" applyAlignment="1">
      <alignment horizontal="distributed" vertical="center" justifyLastLine="1"/>
    </xf>
    <xf numFmtId="0" fontId="15" fillId="0" borderId="2" xfId="7" applyFont="1" applyBorder="1" applyAlignment="1">
      <alignment horizontal="distributed" vertical="center" justifyLastLine="1"/>
    </xf>
    <xf numFmtId="0" fontId="15" fillId="0" borderId="29" xfId="7" applyFont="1" applyBorder="1" applyAlignment="1">
      <alignment horizontal="distributed" vertical="center" justifyLastLine="1"/>
    </xf>
    <xf numFmtId="0" fontId="13" fillId="0" borderId="44" xfId="7" applyFont="1" applyBorder="1" applyAlignment="1">
      <alignment horizontal="distributed" vertical="center" justifyLastLine="1" shrinkToFit="1"/>
    </xf>
    <xf numFmtId="0" fontId="13" fillId="0" borderId="18" xfId="7" applyFont="1" applyBorder="1" applyAlignment="1">
      <alignment horizontal="distributed" vertical="center" justifyLastLine="1" shrinkToFit="1"/>
    </xf>
    <xf numFmtId="0" fontId="13" fillId="0" borderId="19" xfId="7" applyFont="1" applyBorder="1" applyAlignment="1">
      <alignment horizontal="distributed" vertical="center" justifyLastLine="1" shrinkToFit="1"/>
    </xf>
    <xf numFmtId="0" fontId="13" fillId="0" borderId="2" xfId="7" applyFont="1" applyBorder="1" applyAlignment="1">
      <alignment horizontal="distributed" vertical="center" justifyLastLine="1" shrinkToFit="1"/>
    </xf>
    <xf numFmtId="0" fontId="13" fillId="0" borderId="0" xfId="7" applyFont="1" applyBorder="1" applyAlignment="1">
      <alignment horizontal="distributed" vertical="center" justifyLastLine="1" shrinkToFit="1"/>
    </xf>
    <xf numFmtId="0" fontId="13" fillId="0" borderId="21" xfId="7" applyFont="1" applyBorder="1" applyAlignment="1">
      <alignment horizontal="distributed" vertical="center" justifyLastLine="1" shrinkToFit="1"/>
    </xf>
    <xf numFmtId="0" fontId="13" fillId="0" borderId="29" xfId="7" applyFont="1" applyBorder="1" applyAlignment="1">
      <alignment horizontal="distributed" vertical="center" justifyLastLine="1" shrinkToFit="1"/>
    </xf>
    <xf numFmtId="0" fontId="13" fillId="0" borderId="9" xfId="7" applyFont="1" applyBorder="1" applyAlignment="1">
      <alignment horizontal="distributed" vertical="center" justifyLastLine="1" shrinkToFit="1"/>
    </xf>
    <xf numFmtId="0" fontId="13" fillId="0" borderId="16" xfId="7" applyFont="1" applyBorder="1" applyAlignment="1">
      <alignment horizontal="distributed" vertical="center" justifyLastLine="1" shrinkToFit="1"/>
    </xf>
    <xf numFmtId="0" fontId="15" fillId="0" borderId="17" xfId="7" applyFont="1" applyBorder="1" applyAlignment="1">
      <alignment horizontal="center"/>
    </xf>
    <xf numFmtId="0" fontId="15" fillId="0" borderId="18" xfId="7" applyFont="1" applyBorder="1" applyAlignment="1">
      <alignment horizontal="center"/>
    </xf>
    <xf numFmtId="0" fontId="15" fillId="0" borderId="35" xfId="7" applyFont="1" applyBorder="1" applyAlignment="1">
      <alignment horizontal="center"/>
    </xf>
    <xf numFmtId="0" fontId="15" fillId="0" borderId="20" xfId="7" applyFont="1" applyBorder="1" applyAlignment="1">
      <alignment horizontal="center"/>
    </xf>
    <xf numFmtId="0" fontId="15" fillId="0" borderId="0" xfId="7" applyFont="1" applyBorder="1" applyAlignment="1">
      <alignment horizontal="center"/>
    </xf>
    <xf numFmtId="0" fontId="15" fillId="0" borderId="1" xfId="7" applyFont="1" applyBorder="1" applyAlignment="1">
      <alignment horizontal="center"/>
    </xf>
    <xf numFmtId="0" fontId="15" fillId="0" borderId="15" xfId="7" applyFont="1" applyBorder="1" applyAlignment="1">
      <alignment horizontal="center"/>
    </xf>
    <xf numFmtId="0" fontId="15" fillId="0" borderId="9" xfId="7" applyFont="1" applyBorder="1" applyAlignment="1">
      <alignment horizontal="center"/>
    </xf>
    <xf numFmtId="0" fontId="15" fillId="0" borderId="36" xfId="7" applyFont="1" applyBorder="1" applyAlignment="1">
      <alignment horizontal="center"/>
    </xf>
    <xf numFmtId="0" fontId="16" fillId="0" borderId="44" xfId="7" applyFont="1" applyBorder="1" applyAlignment="1">
      <alignment vertical="center"/>
    </xf>
    <xf numFmtId="0" fontId="1" fillId="0" borderId="18" xfId="7" applyFont="1" applyBorder="1"/>
    <xf numFmtId="0" fontId="1" fillId="0" borderId="19" xfId="7" applyFont="1" applyBorder="1"/>
    <xf numFmtId="0" fontId="1" fillId="0" borderId="2" xfId="7" applyFont="1" applyBorder="1"/>
    <xf numFmtId="0" fontId="1" fillId="0" borderId="0" xfId="7" applyFont="1"/>
    <xf numFmtId="0" fontId="1" fillId="0" borderId="21" xfId="7" applyFont="1" applyBorder="1"/>
    <xf numFmtId="0" fontId="1" fillId="0" borderId="29" xfId="7" applyFont="1" applyBorder="1"/>
    <xf numFmtId="0" fontId="1" fillId="0" borderId="9" xfId="7" applyFont="1" applyBorder="1"/>
    <xf numFmtId="0" fontId="1" fillId="0" borderId="16" xfId="7" applyFont="1" applyBorder="1"/>
    <xf numFmtId="0" fontId="16" fillId="0" borderId="17" xfId="7" applyFont="1" applyBorder="1" applyAlignment="1">
      <alignment vertical="center"/>
    </xf>
    <xf numFmtId="0" fontId="1" fillId="0" borderId="20" xfId="7" applyFont="1" applyBorder="1"/>
    <xf numFmtId="0" fontId="1" fillId="0" borderId="15" xfId="7" applyFont="1" applyBorder="1"/>
    <xf numFmtId="0" fontId="1" fillId="0" borderId="35" xfId="7" applyFont="1" applyBorder="1"/>
    <xf numFmtId="0" fontId="1" fillId="0" borderId="1" xfId="7" applyFont="1" applyBorder="1"/>
    <xf numFmtId="0" fontId="1" fillId="0" borderId="36" xfId="7" applyFont="1" applyBorder="1"/>
    <xf numFmtId="0" fontId="13" fillId="0" borderId="44" xfId="7" applyFont="1" applyBorder="1" applyAlignment="1">
      <alignment horizontal="center" vertical="center" wrapText="1"/>
    </xf>
    <xf numFmtId="0" fontId="13" fillId="0" borderId="18" xfId="7" applyFont="1" applyBorder="1" applyAlignment="1">
      <alignment horizontal="center" vertical="center"/>
    </xf>
    <xf numFmtId="0" fontId="13" fillId="0" borderId="19" xfId="7" applyFont="1" applyBorder="1" applyAlignment="1">
      <alignment horizontal="center" vertical="center"/>
    </xf>
    <xf numFmtId="0" fontId="13" fillId="0" borderId="6" xfId="7" applyFont="1" applyBorder="1" applyAlignment="1">
      <alignment horizontal="center" vertical="center"/>
    </xf>
    <xf numFmtId="0" fontId="13" fillId="0" borderId="7" xfId="7" applyFont="1" applyBorder="1" applyAlignment="1">
      <alignment horizontal="center" vertical="center"/>
    </xf>
    <xf numFmtId="0" fontId="13" fillId="0" borderId="42" xfId="7" applyFont="1" applyBorder="1" applyAlignment="1">
      <alignment horizontal="center" vertical="center"/>
    </xf>
    <xf numFmtId="0" fontId="19" fillId="0" borderId="17" xfId="7" applyFont="1" applyBorder="1" applyAlignment="1">
      <alignment horizontal="center"/>
    </xf>
    <xf numFmtId="0" fontId="19" fillId="0" borderId="18" xfId="7" applyFont="1" applyBorder="1" applyAlignment="1">
      <alignment horizontal="center"/>
    </xf>
    <xf numFmtId="0" fontId="19" fillId="0" borderId="35" xfId="7" applyFont="1" applyBorder="1" applyAlignment="1">
      <alignment horizontal="center"/>
    </xf>
    <xf numFmtId="0" fontId="19" fillId="0" borderId="20" xfId="7" applyFont="1" applyBorder="1" applyAlignment="1">
      <alignment horizontal="center"/>
    </xf>
    <xf numFmtId="0" fontId="19" fillId="0" borderId="0" xfId="7" applyFont="1" applyBorder="1" applyAlignment="1">
      <alignment horizontal="center"/>
    </xf>
    <xf numFmtId="0" fontId="19" fillId="0" borderId="1" xfId="7" applyFont="1" applyBorder="1" applyAlignment="1">
      <alignment horizontal="center"/>
    </xf>
    <xf numFmtId="0" fontId="19" fillId="0" borderId="15" xfId="7" applyFont="1" applyBorder="1" applyAlignment="1">
      <alignment horizontal="center"/>
    </xf>
    <xf numFmtId="0" fontId="19" fillId="0" borderId="9" xfId="7" applyFont="1" applyBorder="1" applyAlignment="1">
      <alignment horizontal="center"/>
    </xf>
    <xf numFmtId="0" fontId="19" fillId="0" borderId="36" xfId="7" applyFont="1" applyBorder="1" applyAlignment="1">
      <alignment horizontal="center"/>
    </xf>
    <xf numFmtId="0" fontId="13" fillId="0" borderId="40" xfId="7" applyFont="1" applyBorder="1" applyAlignment="1">
      <alignment horizontal="center" vertical="center"/>
    </xf>
    <xf numFmtId="0" fontId="13" fillId="0" borderId="39" xfId="7" applyFont="1" applyBorder="1" applyAlignment="1">
      <alignment horizontal="center" vertical="center"/>
    </xf>
    <xf numFmtId="0" fontId="13" fillId="0" borderId="34" xfId="7" applyFont="1" applyBorder="1" applyAlignment="1">
      <alignment horizontal="center" vertical="center"/>
    </xf>
    <xf numFmtId="0" fontId="13" fillId="0" borderId="22" xfId="7" applyFont="1" applyBorder="1" applyAlignment="1">
      <alignment horizontal="center" vertical="center"/>
    </xf>
    <xf numFmtId="0" fontId="17" fillId="0" borderId="39" xfId="7" applyFont="1" applyBorder="1" applyAlignment="1">
      <alignment horizontal="center" vertical="center" wrapText="1"/>
    </xf>
    <xf numFmtId="0" fontId="17" fillId="0" borderId="22" xfId="7" applyFont="1" applyBorder="1" applyAlignment="1">
      <alignment horizontal="center" vertical="center" wrapText="1"/>
    </xf>
    <xf numFmtId="0" fontId="5" fillId="0" borderId="39" xfId="7" applyFont="1" applyBorder="1" applyAlignment="1">
      <alignment horizontal="center" vertical="center"/>
    </xf>
    <xf numFmtId="0" fontId="5" fillId="0" borderId="22" xfId="7" applyFont="1" applyBorder="1" applyAlignment="1">
      <alignment horizontal="center" vertical="center"/>
    </xf>
    <xf numFmtId="0" fontId="17" fillId="0" borderId="39" xfId="7" applyFont="1" applyBorder="1" applyAlignment="1">
      <alignment horizontal="center" vertical="center"/>
    </xf>
    <xf numFmtId="0" fontId="17" fillId="0" borderId="43" xfId="7" applyFont="1" applyBorder="1" applyAlignment="1">
      <alignment horizontal="center" vertical="center"/>
    </xf>
    <xf numFmtId="0" fontId="17" fillId="0" borderId="22" xfId="7" applyFont="1" applyBorder="1" applyAlignment="1">
      <alignment horizontal="center" vertical="center"/>
    </xf>
    <xf numFmtId="0" fontId="17" fillId="0" borderId="41" xfId="7" applyFont="1" applyBorder="1" applyAlignment="1">
      <alignment horizontal="center" vertical="center"/>
    </xf>
    <xf numFmtId="0" fontId="15" fillId="0" borderId="6" xfId="7" applyFont="1" applyBorder="1" applyAlignment="1">
      <alignment horizontal="distributed" vertical="center" justifyLastLine="1"/>
    </xf>
    <xf numFmtId="0" fontId="15" fillId="0" borderId="7" xfId="7" applyFont="1" applyBorder="1" applyAlignment="1">
      <alignment horizontal="distributed" vertical="center" justifyLastLine="1"/>
    </xf>
    <xf numFmtId="0" fontId="15" fillId="0" borderId="42" xfId="7" applyFont="1" applyBorder="1" applyAlignment="1">
      <alignment horizontal="distributed" vertical="center" justifyLastLine="1"/>
    </xf>
    <xf numFmtId="0" fontId="15" fillId="0" borderId="17" xfId="7" applyFont="1" applyBorder="1" applyAlignment="1">
      <alignment horizontal="left" vertical="center"/>
    </xf>
    <xf numFmtId="0" fontId="15" fillId="0" borderId="18" xfId="7" applyFont="1" applyBorder="1" applyAlignment="1">
      <alignment horizontal="left" vertical="center"/>
    </xf>
    <xf numFmtId="0" fontId="15" fillId="0" borderId="35" xfId="7" applyFont="1" applyBorder="1" applyAlignment="1">
      <alignment horizontal="left" vertical="center"/>
    </xf>
    <xf numFmtId="0" fontId="15" fillId="0" borderId="20" xfId="7" applyFont="1" applyBorder="1" applyAlignment="1">
      <alignment horizontal="left" vertical="center"/>
    </xf>
    <xf numFmtId="0" fontId="15" fillId="0" borderId="0" xfId="7" applyFont="1" applyBorder="1" applyAlignment="1">
      <alignment horizontal="left" vertical="center"/>
    </xf>
    <xf numFmtId="0" fontId="15" fillId="0" borderId="1" xfId="7" applyFont="1" applyBorder="1" applyAlignment="1">
      <alignment horizontal="left" vertical="center"/>
    </xf>
    <xf numFmtId="0" fontId="15" fillId="0" borderId="32" xfId="7" applyFont="1" applyBorder="1" applyAlignment="1">
      <alignment horizontal="left" vertical="center"/>
    </xf>
    <xf numFmtId="0" fontId="15" fillId="0" borderId="7" xfId="7" applyFont="1" applyBorder="1" applyAlignment="1">
      <alignment horizontal="left" vertical="center"/>
    </xf>
    <xf numFmtId="0" fontId="15" fillId="0" borderId="8" xfId="7" applyFont="1" applyBorder="1" applyAlignment="1">
      <alignment horizontal="left" vertical="center"/>
    </xf>
    <xf numFmtId="0" fontId="1" fillId="0" borderId="6" xfId="7" applyFont="1" applyBorder="1"/>
    <xf numFmtId="0" fontId="1" fillId="0" borderId="7" xfId="7" applyFont="1" applyBorder="1"/>
    <xf numFmtId="0" fontId="1" fillId="0" borderId="42" xfId="7" applyFont="1" applyBorder="1"/>
    <xf numFmtId="0" fontId="1" fillId="0" borderId="32" xfId="7" applyFont="1" applyBorder="1"/>
    <xf numFmtId="0" fontId="1" fillId="0" borderId="8" xfId="7" applyFont="1" applyBorder="1"/>
    <xf numFmtId="0" fontId="13" fillId="0" borderId="34" xfId="7" applyFont="1" applyBorder="1" applyAlignment="1">
      <alignment horizontal="distributed" vertical="center" justifyLastLine="1"/>
    </xf>
    <xf numFmtId="0" fontId="13" fillId="0" borderId="22" xfId="7" applyFont="1" applyBorder="1" applyAlignment="1">
      <alignment horizontal="distributed" vertical="center" justifyLastLine="1"/>
    </xf>
    <xf numFmtId="0" fontId="17" fillId="0" borderId="22" xfId="7" applyFont="1" applyBorder="1" applyAlignment="1">
      <alignment horizontal="distributed" vertical="center" justifyLastLine="1"/>
    </xf>
    <xf numFmtId="0" fontId="19" fillId="0" borderId="22" xfId="7" applyFont="1" applyBorder="1" applyAlignment="1">
      <alignment horizontal="right" vertical="top"/>
    </xf>
    <xf numFmtId="0" fontId="13" fillId="0" borderId="10" xfId="7" applyFont="1" applyBorder="1" applyAlignment="1">
      <alignment horizontal="left" vertical="top"/>
    </xf>
    <xf numFmtId="0" fontId="13" fillId="0" borderId="11" xfId="7" applyFont="1" applyBorder="1" applyAlignment="1">
      <alignment horizontal="left" vertical="top"/>
    </xf>
    <xf numFmtId="0" fontId="19" fillId="0" borderId="40" xfId="7" applyFont="1" applyBorder="1" applyAlignment="1">
      <alignment horizontal="center" vertical="center"/>
    </xf>
    <xf numFmtId="0" fontId="19" fillId="0" borderId="39" xfId="7" applyFont="1" applyBorder="1" applyAlignment="1">
      <alignment horizontal="center" vertical="center"/>
    </xf>
    <xf numFmtId="0" fontId="19" fillId="0" borderId="34" xfId="7" applyFont="1" applyBorder="1" applyAlignment="1">
      <alignment horizontal="center" vertical="center"/>
    </xf>
    <xf numFmtId="0" fontId="19" fillId="0" borderId="22" xfId="7" applyFont="1" applyBorder="1" applyAlignment="1">
      <alignment horizontal="center" vertical="center"/>
    </xf>
    <xf numFmtId="0" fontId="17" fillId="0" borderId="39" xfId="7" applyFont="1" applyBorder="1" applyAlignment="1">
      <alignment horizontal="center" vertical="center" shrinkToFit="1"/>
    </xf>
    <xf numFmtId="0" fontId="17" fillId="0" borderId="22" xfId="7" applyFont="1" applyBorder="1" applyAlignment="1">
      <alignment horizontal="center" vertical="center" shrinkToFit="1"/>
    </xf>
    <xf numFmtId="0" fontId="17" fillId="0" borderId="37" xfId="7" applyFont="1" applyBorder="1" applyAlignment="1">
      <alignment horizontal="center" vertical="center" shrinkToFit="1"/>
    </xf>
    <xf numFmtId="0" fontId="17" fillId="0" borderId="5" xfId="7" applyFont="1" applyBorder="1" applyAlignment="1">
      <alignment horizontal="center" vertical="center" shrinkToFit="1"/>
    </xf>
    <xf numFmtId="0" fontId="17" fillId="0" borderId="38" xfId="7" applyFont="1" applyBorder="1" applyAlignment="1">
      <alignment horizontal="center" vertical="center" shrinkToFit="1"/>
    </xf>
    <xf numFmtId="0" fontId="17" fillId="0" borderId="20" xfId="7" applyFont="1" applyBorder="1" applyAlignment="1">
      <alignment horizontal="center" vertical="center" shrinkToFit="1"/>
    </xf>
    <xf numFmtId="0" fontId="17" fillId="0" borderId="0" xfId="7" applyFont="1" applyBorder="1" applyAlignment="1">
      <alignment horizontal="center" vertical="center" shrinkToFit="1"/>
    </xf>
    <xf numFmtId="0" fontId="17" fillId="0" borderId="21" xfId="7" applyFont="1" applyBorder="1" applyAlignment="1">
      <alignment horizontal="center" vertical="center" shrinkToFit="1"/>
    </xf>
    <xf numFmtId="0" fontId="17" fillId="0" borderId="15" xfId="7" applyFont="1" applyBorder="1" applyAlignment="1">
      <alignment horizontal="center" vertical="center" shrinkToFit="1"/>
    </xf>
    <xf numFmtId="0" fontId="17" fillId="0" borderId="9" xfId="7" applyFont="1" applyBorder="1" applyAlignment="1">
      <alignment horizontal="center" vertical="center" shrinkToFit="1"/>
    </xf>
    <xf numFmtId="0" fontId="17" fillId="0" borderId="16" xfId="7" applyFont="1" applyBorder="1" applyAlignment="1">
      <alignment horizontal="center" vertical="center" shrinkToFit="1"/>
    </xf>
    <xf numFmtId="0" fontId="17" fillId="0" borderId="26" xfId="7" applyFont="1" applyBorder="1" applyAlignment="1">
      <alignment horizontal="center" vertical="center" shrinkToFit="1"/>
    </xf>
    <xf numFmtId="0" fontId="17" fillId="0" borderId="23" xfId="7" applyFont="1" applyBorder="1" applyAlignment="1">
      <alignment horizontal="center" vertical="center" shrinkToFit="1"/>
    </xf>
    <xf numFmtId="0" fontId="17" fillId="0" borderId="14" xfId="7" applyFont="1" applyBorder="1" applyAlignment="1">
      <alignment horizontal="center" vertical="center" shrinkToFit="1"/>
    </xf>
    <xf numFmtId="0" fontId="19" fillId="0" borderId="11" xfId="7" applyFont="1" applyBorder="1" applyAlignment="1">
      <alignment horizontal="right" vertical="top"/>
    </xf>
    <xf numFmtId="0" fontId="19" fillId="0" borderId="60" xfId="7" applyFont="1" applyBorder="1" applyAlignment="1">
      <alignment horizontal="right" vertical="top"/>
    </xf>
    <xf numFmtId="0" fontId="19" fillId="0" borderId="17" xfId="7" applyFont="1" applyBorder="1" applyAlignment="1">
      <alignment horizontal="center" vertical="top"/>
    </xf>
    <xf numFmtId="0" fontId="19" fillId="0" borderId="18" xfId="7" applyFont="1" applyBorder="1" applyAlignment="1">
      <alignment horizontal="center" vertical="top"/>
    </xf>
    <xf numFmtId="0" fontId="19" fillId="0" borderId="19" xfId="7" applyFont="1" applyBorder="1" applyAlignment="1">
      <alignment horizontal="center" vertical="top"/>
    </xf>
    <xf numFmtId="0" fontId="19" fillId="0" borderId="20" xfId="7" applyFont="1" applyBorder="1" applyAlignment="1">
      <alignment horizontal="center" vertical="top"/>
    </xf>
    <xf numFmtId="0" fontId="19" fillId="0" borderId="0" xfId="7" applyFont="1" applyBorder="1" applyAlignment="1">
      <alignment horizontal="center" vertical="top"/>
    </xf>
    <xf numFmtId="0" fontId="19" fillId="0" borderId="21" xfId="7" applyFont="1" applyBorder="1" applyAlignment="1">
      <alignment horizontal="center" vertical="top"/>
    </xf>
    <xf numFmtId="0" fontId="19" fillId="0" borderId="15" xfId="7" applyFont="1" applyBorder="1" applyAlignment="1">
      <alignment horizontal="center" vertical="top"/>
    </xf>
    <xf numFmtId="0" fontId="19" fillId="0" borderId="9" xfId="7" applyFont="1" applyBorder="1" applyAlignment="1">
      <alignment horizontal="center" vertical="top"/>
    </xf>
    <xf numFmtId="0" fontId="19" fillId="0" borderId="16" xfId="7" applyFont="1" applyBorder="1" applyAlignment="1">
      <alignment horizontal="center" vertical="top"/>
    </xf>
    <xf numFmtId="0" fontId="19" fillId="0" borderId="22" xfId="7" applyFont="1" applyBorder="1" applyAlignment="1">
      <alignment horizontal="center" vertical="top"/>
    </xf>
    <xf numFmtId="0" fontId="13" fillId="0" borderId="11" xfId="7" applyFont="1" applyBorder="1" applyAlignment="1">
      <alignment horizontal="center" vertical="center"/>
    </xf>
    <xf numFmtId="0" fontId="13" fillId="0" borderId="60" xfId="7" applyFont="1" applyBorder="1" applyAlignment="1">
      <alignment horizontal="center" vertical="center"/>
    </xf>
    <xf numFmtId="0" fontId="13" fillId="0" borderId="20" xfId="7" applyFont="1" applyBorder="1" applyAlignment="1">
      <alignment horizontal="center" vertical="center"/>
    </xf>
    <xf numFmtId="0" fontId="13" fillId="0" borderId="15" xfId="7" applyFont="1" applyBorder="1" applyAlignment="1">
      <alignment horizontal="center" vertical="center"/>
    </xf>
    <xf numFmtId="0" fontId="13" fillId="0" borderId="1" xfId="7" applyFont="1" applyBorder="1" applyAlignment="1">
      <alignment horizontal="center" vertical="center"/>
    </xf>
    <xf numFmtId="0" fontId="13" fillId="0" borderId="36" xfId="7" applyFont="1" applyBorder="1" applyAlignment="1">
      <alignment horizontal="center" vertical="center"/>
    </xf>
    <xf numFmtId="0" fontId="18" fillId="0" borderId="5" xfId="7" applyFont="1" applyBorder="1" applyAlignment="1">
      <alignment vertical="center" wrapText="1"/>
    </xf>
    <xf numFmtId="0" fontId="18" fillId="0" borderId="4" xfId="7" applyFont="1" applyBorder="1" applyAlignment="1">
      <alignment vertical="center" wrapText="1"/>
    </xf>
    <xf numFmtId="0" fontId="18" fillId="0" borderId="0" xfId="7" applyFont="1" applyBorder="1" applyAlignment="1">
      <alignment vertical="center" wrapText="1"/>
    </xf>
    <xf numFmtId="0" fontId="18" fillId="0" borderId="1" xfId="7" applyFont="1" applyBorder="1" applyAlignment="1">
      <alignment vertical="center" wrapText="1"/>
    </xf>
    <xf numFmtId="0" fontId="13" fillId="0" borderId="2" xfId="7" applyFont="1" applyBorder="1" applyAlignment="1">
      <alignment horizontal="center" vertical="center" shrinkToFit="1"/>
    </xf>
    <xf numFmtId="0" fontId="13" fillId="0" borderId="21" xfId="7" applyFont="1" applyBorder="1" applyAlignment="1">
      <alignment horizontal="center" vertical="center" shrinkToFit="1"/>
    </xf>
    <xf numFmtId="0" fontId="13" fillId="0" borderId="6" xfId="7" applyFont="1" applyBorder="1" applyAlignment="1">
      <alignment horizontal="center" vertical="center" shrinkToFit="1"/>
    </xf>
    <xf numFmtId="0" fontId="13" fillId="0" borderId="7" xfId="7" applyFont="1" applyBorder="1" applyAlignment="1">
      <alignment horizontal="center" vertical="center" shrinkToFit="1"/>
    </xf>
    <xf numFmtId="0" fontId="13" fillId="0" borderId="42" xfId="7" applyFont="1" applyBorder="1" applyAlignment="1">
      <alignment horizontal="center" vertical="center" shrinkToFit="1"/>
    </xf>
    <xf numFmtId="0" fontId="19" fillId="0" borderId="7" xfId="7" applyFont="1" applyBorder="1" applyAlignment="1">
      <alignment horizontal="center"/>
    </xf>
    <xf numFmtId="0" fontId="19" fillId="0" borderId="8" xfId="7" applyFont="1" applyBorder="1" applyAlignment="1">
      <alignment horizontal="center"/>
    </xf>
    <xf numFmtId="0" fontId="18" fillId="0" borderId="0" xfId="7" applyFont="1" applyBorder="1" applyAlignment="1">
      <alignment horizontal="left" vertical="center" wrapText="1"/>
    </xf>
    <xf numFmtId="0" fontId="17" fillId="0" borderId="34" xfId="7" applyFont="1" applyBorder="1" applyAlignment="1">
      <alignment horizontal="distributed" vertical="center" justifyLastLine="1"/>
    </xf>
    <xf numFmtId="0" fontId="17" fillId="0" borderId="33" xfId="7" applyFont="1" applyBorder="1" applyAlignment="1">
      <alignment horizontal="distributed" vertical="center" justifyLastLine="1"/>
    </xf>
    <xf numFmtId="0" fontId="17" fillId="0" borderId="25" xfId="7" applyFont="1" applyBorder="1" applyAlignment="1">
      <alignment horizontal="distributed" vertical="center" justifyLastLine="1"/>
    </xf>
    <xf numFmtId="0" fontId="13" fillId="0" borderId="22" xfId="7" applyFont="1" applyBorder="1" applyAlignment="1">
      <alignment horizontal="center"/>
    </xf>
    <xf numFmtId="0" fontId="13" fillId="0" borderId="25" xfId="7" applyFont="1" applyBorder="1" applyAlignment="1">
      <alignment horizontal="center"/>
    </xf>
    <xf numFmtId="0" fontId="19" fillId="0" borderId="32" xfId="7" applyFont="1" applyBorder="1" applyAlignment="1">
      <alignment horizontal="center" vertical="top"/>
    </xf>
    <xf numFmtId="0" fontId="19" fillId="0" borderId="7" xfId="7" applyFont="1" applyBorder="1" applyAlignment="1">
      <alignment horizontal="center" vertical="top"/>
    </xf>
    <xf numFmtId="0" fontId="19" fillId="0" borderId="42" xfId="7" applyFont="1" applyBorder="1" applyAlignment="1">
      <alignment horizontal="center" vertical="top"/>
    </xf>
    <xf numFmtId="0" fontId="17" fillId="0" borderId="3" xfId="7" applyFont="1" applyBorder="1" applyAlignment="1">
      <alignment horizontal="center" vertical="center"/>
    </xf>
    <xf numFmtId="0" fontId="1" fillId="0" borderId="5" xfId="7" applyFont="1" applyBorder="1" applyAlignment="1"/>
    <xf numFmtId="0" fontId="1" fillId="0" borderId="2" xfId="7" applyFont="1" applyBorder="1" applyAlignment="1"/>
    <xf numFmtId="0" fontId="1" fillId="0" borderId="0" xfId="7" applyFont="1" applyAlignment="1"/>
    <xf numFmtId="0" fontId="1" fillId="0" borderId="29" xfId="7" applyFont="1" applyBorder="1" applyAlignment="1"/>
    <xf numFmtId="0" fontId="1" fillId="0" borderId="9" xfId="7" applyFont="1" applyBorder="1" applyAlignment="1"/>
    <xf numFmtId="0" fontId="5" fillId="0" borderId="59" xfId="7" applyFont="1" applyBorder="1" applyAlignment="1">
      <alignment horizontal="center" vertical="center"/>
    </xf>
    <xf numFmtId="0" fontId="5" fillId="0" borderId="58" xfId="7" applyFont="1" applyBorder="1" applyAlignment="1">
      <alignment horizontal="center" vertical="center"/>
    </xf>
    <xf numFmtId="0" fontId="7" fillId="0" borderId="59" xfId="7" applyFont="1" applyBorder="1" applyAlignment="1">
      <alignment horizontal="right" vertical="top"/>
    </xf>
    <xf numFmtId="0" fontId="7" fillId="0" borderId="58" xfId="7" applyFont="1" applyBorder="1" applyAlignment="1">
      <alignment horizontal="right" vertical="top"/>
    </xf>
    <xf numFmtId="0" fontId="1" fillId="0" borderId="18" xfId="7" applyFont="1" applyBorder="1" applyAlignment="1"/>
    <xf numFmtId="0" fontId="1" fillId="0" borderId="6" xfId="7" applyFont="1" applyBorder="1" applyAlignment="1"/>
    <xf numFmtId="0" fontId="1" fillId="0" borderId="7" xfId="7" applyFont="1" applyBorder="1" applyAlignment="1"/>
    <xf numFmtId="0" fontId="17" fillId="0" borderId="17" xfId="7" applyFont="1" applyBorder="1" applyAlignment="1">
      <alignment horizontal="center"/>
    </xf>
    <xf numFmtId="0" fontId="17" fillId="0" borderId="18" xfId="7" applyFont="1" applyBorder="1" applyAlignment="1">
      <alignment horizontal="center"/>
    </xf>
    <xf numFmtId="0" fontId="17" fillId="0" borderId="20" xfId="7" applyFont="1" applyBorder="1" applyAlignment="1">
      <alignment horizontal="center"/>
    </xf>
    <xf numFmtId="0" fontId="17" fillId="0" borderId="0" xfId="7" applyFont="1" applyBorder="1" applyAlignment="1">
      <alignment horizontal="center"/>
    </xf>
    <xf numFmtId="0" fontId="19" fillId="0" borderId="17" xfId="7" applyFont="1" applyBorder="1" applyAlignment="1">
      <alignment horizontal="center" vertical="center"/>
    </xf>
    <xf numFmtId="0" fontId="19" fillId="0" borderId="18" xfId="7" applyFont="1" applyBorder="1" applyAlignment="1">
      <alignment horizontal="center" vertical="center"/>
    </xf>
    <xf numFmtId="0" fontId="19" fillId="0" borderId="20" xfId="7" applyFont="1" applyBorder="1" applyAlignment="1">
      <alignment horizontal="center" vertical="center"/>
    </xf>
    <xf numFmtId="0" fontId="19" fillId="0" borderId="0" xfId="7" applyFont="1" applyBorder="1" applyAlignment="1">
      <alignment horizontal="center" vertical="center"/>
    </xf>
    <xf numFmtId="0" fontId="19" fillId="0" borderId="19" xfId="7" applyFont="1" applyBorder="1" applyAlignment="1">
      <alignment horizontal="center" vertical="center"/>
    </xf>
    <xf numFmtId="0" fontId="19" fillId="0" borderId="21" xfId="7" applyFont="1" applyBorder="1" applyAlignment="1">
      <alignment horizontal="center" vertical="center"/>
    </xf>
    <xf numFmtId="0" fontId="19" fillId="0" borderId="9" xfId="7" applyFont="1" applyBorder="1" applyAlignment="1">
      <alignment horizontal="center" vertical="center"/>
    </xf>
    <xf numFmtId="0" fontId="19" fillId="0" borderId="16" xfId="7" applyFont="1" applyBorder="1" applyAlignment="1">
      <alignment horizontal="center" vertical="center"/>
    </xf>
    <xf numFmtId="0" fontId="1" fillId="0" borderId="18" xfId="7" applyFont="1" applyBorder="1" applyAlignment="1">
      <alignment horizontal="right" vertical="top"/>
    </xf>
    <xf numFmtId="0" fontId="1" fillId="0" borderId="35" xfId="7" applyFont="1" applyBorder="1" applyAlignment="1">
      <alignment horizontal="right" vertical="top"/>
    </xf>
    <xf numFmtId="0" fontId="1" fillId="0" borderId="20" xfId="7" applyFont="1" applyBorder="1" applyAlignment="1">
      <alignment horizontal="right" vertical="top"/>
    </xf>
    <xf numFmtId="0" fontId="1" fillId="0" borderId="0" xfId="7" applyFont="1" applyAlignment="1">
      <alignment horizontal="right" vertical="top"/>
    </xf>
    <xf numFmtId="0" fontId="1" fillId="0" borderId="1" xfId="7" applyFont="1" applyBorder="1" applyAlignment="1">
      <alignment horizontal="right" vertical="top"/>
    </xf>
    <xf numFmtId="0" fontId="1" fillId="0" borderId="15" xfId="7" applyFont="1" applyBorder="1" applyAlignment="1">
      <alignment horizontal="right" vertical="top"/>
    </xf>
    <xf numFmtId="0" fontId="1" fillId="0" borderId="9" xfId="7" applyFont="1" applyBorder="1" applyAlignment="1">
      <alignment horizontal="right" vertical="top"/>
    </xf>
    <xf numFmtId="0" fontId="1" fillId="0" borderId="36" xfId="7" applyFont="1" applyBorder="1" applyAlignment="1">
      <alignment horizontal="right" vertical="top"/>
    </xf>
    <xf numFmtId="0" fontId="7" fillId="0" borderId="58" xfId="7" applyFont="1" applyBorder="1" applyAlignment="1">
      <alignment horizontal="center"/>
    </xf>
    <xf numFmtId="0" fontId="7" fillId="0" borderId="57" xfId="7" applyFont="1" applyBorder="1" applyAlignment="1">
      <alignment horizontal="center"/>
    </xf>
    <xf numFmtId="0" fontId="17" fillId="0" borderId="15" xfId="7" applyFont="1" applyBorder="1" applyAlignment="1">
      <alignment horizontal="center"/>
    </xf>
    <xf numFmtId="0" fontId="17" fillId="0" borderId="9" xfId="7" applyFont="1" applyBorder="1" applyAlignment="1">
      <alignment horizontal="center"/>
    </xf>
    <xf numFmtId="0" fontId="17" fillId="0" borderId="59" xfId="7" applyFont="1" applyBorder="1" applyAlignment="1">
      <alignment horizontal="center" vertical="center" wrapText="1"/>
    </xf>
    <xf numFmtId="0" fontId="17" fillId="0" borderId="58" xfId="7" applyFont="1" applyBorder="1" applyAlignment="1">
      <alignment horizontal="center" vertical="center" wrapText="1"/>
    </xf>
    <xf numFmtId="0" fontId="17" fillId="0" borderId="57" xfId="7" applyFont="1" applyBorder="1" applyAlignment="1">
      <alignment horizontal="center" vertical="center" wrapText="1"/>
    </xf>
    <xf numFmtId="0" fontId="7" fillId="0" borderId="59" xfId="7" applyFont="1" applyBorder="1" applyAlignment="1">
      <alignment horizontal="center"/>
    </xf>
    <xf numFmtId="0" fontId="11" fillId="0" borderId="58" xfId="7" applyFont="1" applyBorder="1" applyAlignment="1">
      <alignment horizontal="center" vertical="center" wrapText="1"/>
    </xf>
    <xf numFmtId="0" fontId="11" fillId="0" borderId="57" xfId="7" applyFont="1" applyBorder="1" applyAlignment="1">
      <alignment horizontal="center" vertical="center" wrapText="1"/>
    </xf>
    <xf numFmtId="0" fontId="19" fillId="0" borderId="15" xfId="7" applyFont="1" applyBorder="1" applyAlignment="1">
      <alignment horizontal="center" vertical="center"/>
    </xf>
    <xf numFmtId="0" fontId="17" fillId="0" borderId="44" xfId="7" applyFont="1" applyBorder="1" applyAlignment="1">
      <alignment horizontal="center" vertical="center"/>
    </xf>
    <xf numFmtId="0" fontId="17" fillId="0" borderId="18" xfId="7" applyFont="1" applyBorder="1" applyAlignment="1">
      <alignment horizontal="center" vertical="center"/>
    </xf>
    <xf numFmtId="0" fontId="17" fillId="0" borderId="19" xfId="7" applyFont="1" applyBorder="1" applyAlignment="1">
      <alignment horizontal="center" vertical="center"/>
    </xf>
    <xf numFmtId="0" fontId="17" fillId="0" borderId="2" xfId="7" applyFont="1" applyBorder="1" applyAlignment="1">
      <alignment horizontal="center" vertical="center"/>
    </xf>
    <xf numFmtId="0" fontId="17" fillId="0" borderId="29" xfId="7" applyFont="1" applyBorder="1" applyAlignment="1">
      <alignment horizontal="center" vertical="center"/>
    </xf>
    <xf numFmtId="0" fontId="17" fillId="0" borderId="17" xfId="7" applyFont="1" applyBorder="1" applyAlignment="1">
      <alignment horizontal="center" vertical="center"/>
    </xf>
    <xf numFmtId="0" fontId="1" fillId="0" borderId="18" xfId="7" applyFont="1" applyBorder="1" applyAlignment="1">
      <alignment horizontal="center"/>
    </xf>
    <xf numFmtId="0" fontId="1" fillId="0" borderId="35" xfId="7" applyFont="1" applyBorder="1" applyAlignment="1">
      <alignment horizontal="center"/>
    </xf>
    <xf numFmtId="0" fontId="1" fillId="0" borderId="20" xfId="7" applyFont="1" applyBorder="1" applyAlignment="1">
      <alignment horizontal="center"/>
    </xf>
    <xf numFmtId="0" fontId="1" fillId="0" borderId="0" xfId="7" applyFont="1" applyAlignment="1">
      <alignment horizontal="center"/>
    </xf>
    <xf numFmtId="0" fontId="1" fillId="0" borderId="1" xfId="7" applyFont="1" applyBorder="1" applyAlignment="1">
      <alignment horizontal="center"/>
    </xf>
    <xf numFmtId="0" fontId="1" fillId="0" borderId="15" xfId="7" applyFont="1" applyBorder="1" applyAlignment="1">
      <alignment horizontal="center"/>
    </xf>
    <xf numFmtId="0" fontId="1" fillId="0" borderId="9" xfId="7" applyFont="1" applyBorder="1" applyAlignment="1">
      <alignment horizontal="center"/>
    </xf>
    <xf numFmtId="0" fontId="1" fillId="0" borderId="36" xfId="7" applyFont="1" applyBorder="1" applyAlignment="1">
      <alignment horizontal="center"/>
    </xf>
    <xf numFmtId="0" fontId="8" fillId="0" borderId="0" xfId="7" applyFont="1" applyBorder="1" applyAlignment="1">
      <alignment horizontal="left" vertical="top" wrapText="1"/>
    </xf>
    <xf numFmtId="0" fontId="19" fillId="0" borderId="44" xfId="7" applyFont="1" applyBorder="1" applyAlignment="1">
      <alignment horizontal="center" vertical="center"/>
    </xf>
    <xf numFmtId="0" fontId="19" fillId="0" borderId="2" xfId="7" applyFont="1" applyBorder="1" applyAlignment="1">
      <alignment horizontal="center" vertical="center"/>
    </xf>
    <xf numFmtId="0" fontId="19" fillId="0" borderId="6" xfId="7" applyFont="1" applyBorder="1" applyAlignment="1">
      <alignment horizontal="center" vertical="center"/>
    </xf>
    <xf numFmtId="0" fontId="19" fillId="0" borderId="7" xfId="7" applyFont="1" applyBorder="1" applyAlignment="1">
      <alignment horizontal="center" vertical="center"/>
    </xf>
    <xf numFmtId="0" fontId="19" fillId="0" borderId="42" xfId="7" applyFont="1" applyBorder="1" applyAlignment="1">
      <alignment horizontal="center" vertical="center"/>
    </xf>
    <xf numFmtId="0" fontId="13" fillId="0" borderId="17" xfId="7" applyFont="1" applyBorder="1" applyAlignment="1">
      <alignment horizontal="center" vertical="center"/>
    </xf>
    <xf numFmtId="0" fontId="1" fillId="0" borderId="35" xfId="7" applyFont="1" applyBorder="1" applyAlignment="1">
      <alignment horizontal="center" vertical="center"/>
    </xf>
    <xf numFmtId="0" fontId="1" fillId="0" borderId="1" xfId="7" applyFont="1" applyBorder="1" applyAlignment="1">
      <alignment horizontal="center" vertical="center"/>
    </xf>
    <xf numFmtId="0" fontId="1" fillId="0" borderId="8" xfId="7" applyFont="1" applyBorder="1" applyAlignment="1">
      <alignment horizontal="center" vertical="center"/>
    </xf>
    <xf numFmtId="0" fontId="23" fillId="0" borderId="0" xfId="7" applyFont="1" applyAlignment="1">
      <alignment horizontal="left" vertical="center"/>
    </xf>
    <xf numFmtId="0" fontId="23" fillId="0" borderId="0" xfId="7" applyFont="1" applyBorder="1" applyAlignment="1">
      <alignment vertical="center"/>
    </xf>
    <xf numFmtId="0" fontId="23" fillId="0" borderId="7" xfId="7" applyFont="1" applyBorder="1" applyAlignment="1">
      <alignment vertical="center"/>
    </xf>
    <xf numFmtId="0" fontId="17" fillId="0" borderId="40" xfId="7" applyFont="1" applyBorder="1" applyAlignment="1">
      <alignment horizontal="center" vertical="center"/>
    </xf>
    <xf numFmtId="0" fontId="1" fillId="0" borderId="39" xfId="7" applyFont="1" applyBorder="1" applyAlignment="1">
      <alignment horizontal="center" vertical="center"/>
    </xf>
    <xf numFmtId="0" fontId="1" fillId="0" borderId="39" xfId="7" applyFont="1" applyBorder="1" applyAlignment="1"/>
    <xf numFmtId="0" fontId="1" fillId="0" borderId="34" xfId="7" applyFont="1" applyBorder="1" applyAlignment="1">
      <alignment horizontal="center" vertical="center"/>
    </xf>
    <xf numFmtId="0" fontId="1" fillId="0" borderId="22" xfId="7" applyFont="1" applyBorder="1" applyAlignment="1">
      <alignment horizontal="center" vertical="center"/>
    </xf>
    <xf numFmtId="0" fontId="1" fillId="0" borderId="22" xfId="7" applyFont="1" applyBorder="1" applyAlignment="1"/>
    <xf numFmtId="0" fontId="17" fillId="0" borderId="36" xfId="7" applyFont="1" applyBorder="1" applyAlignment="1">
      <alignment horizontal="center" vertical="center"/>
    </xf>
    <xf numFmtId="0" fontId="17" fillId="0" borderId="3" xfId="7" applyFont="1" applyBorder="1" applyAlignment="1">
      <alignment horizontal="distributed" vertical="center" wrapText="1"/>
    </xf>
    <xf numFmtId="0" fontId="17" fillId="0" borderId="5" xfId="7" applyFont="1" applyBorder="1" applyAlignment="1">
      <alignment horizontal="distributed" vertical="center" wrapText="1"/>
    </xf>
    <xf numFmtId="0" fontId="17" fillId="0" borderId="38" xfId="7" applyFont="1" applyBorder="1" applyAlignment="1">
      <alignment horizontal="distributed" vertical="center" wrapText="1"/>
    </xf>
    <xf numFmtId="0" fontId="17" fillId="0" borderId="2" xfId="7" applyFont="1" applyBorder="1" applyAlignment="1">
      <alignment horizontal="distributed" vertical="center" wrapText="1"/>
    </xf>
    <xf numFmtId="0" fontId="17" fillId="0" borderId="0" xfId="7" applyFont="1" applyBorder="1" applyAlignment="1">
      <alignment horizontal="distributed" vertical="center" wrapText="1"/>
    </xf>
    <xf numFmtId="0" fontId="17" fillId="0" borderId="21" xfId="7" applyFont="1" applyBorder="1" applyAlignment="1">
      <alignment horizontal="distributed" vertical="center" wrapText="1"/>
    </xf>
    <xf numFmtId="0" fontId="17" fillId="0" borderId="29" xfId="7" applyFont="1" applyBorder="1" applyAlignment="1">
      <alignment horizontal="distributed" vertical="center" wrapText="1"/>
    </xf>
    <xf numFmtId="0" fontId="17" fillId="0" borderId="9" xfId="7" applyFont="1" applyBorder="1" applyAlignment="1">
      <alignment horizontal="distributed" vertical="center" wrapText="1"/>
    </xf>
    <xf numFmtId="0" fontId="17" fillId="0" borderId="16" xfId="7" applyFont="1" applyBorder="1" applyAlignment="1">
      <alignment horizontal="distributed" vertical="center" wrapText="1"/>
    </xf>
    <xf numFmtId="0" fontId="19" fillId="0" borderId="37" xfId="7" applyFont="1" applyBorder="1" applyAlignment="1">
      <alignment horizontal="left" vertical="top" wrapText="1"/>
    </xf>
    <xf numFmtId="0" fontId="19" fillId="0" borderId="5" xfId="7" applyFont="1" applyBorder="1" applyAlignment="1">
      <alignment horizontal="left" vertical="top" wrapText="1"/>
    </xf>
    <xf numFmtId="0" fontId="19" fillId="0" borderId="38" xfId="7" applyFont="1" applyBorder="1" applyAlignment="1">
      <alignment horizontal="left" vertical="top" wrapText="1"/>
    </xf>
    <xf numFmtId="0" fontId="19" fillId="0" borderId="20" xfId="7" applyFont="1" applyBorder="1" applyAlignment="1">
      <alignment horizontal="left" vertical="top" wrapText="1"/>
    </xf>
    <xf numFmtId="0" fontId="19" fillId="0" borderId="0" xfId="7" applyFont="1" applyBorder="1" applyAlignment="1">
      <alignment horizontal="left" vertical="top" wrapText="1"/>
    </xf>
    <xf numFmtId="0" fontId="19" fillId="0" borderId="21" xfId="7" applyFont="1" applyBorder="1" applyAlignment="1">
      <alignment horizontal="left" vertical="top" wrapText="1"/>
    </xf>
    <xf numFmtId="0" fontId="19" fillId="0" borderId="15" xfId="7" applyFont="1" applyBorder="1" applyAlignment="1">
      <alignment horizontal="left" vertical="top" wrapText="1"/>
    </xf>
    <xf numFmtId="0" fontId="19" fillId="0" borderId="9" xfId="7" applyFont="1" applyBorder="1" applyAlignment="1">
      <alignment horizontal="left" vertical="top" wrapText="1"/>
    </xf>
    <xf numFmtId="0" fontId="19" fillId="0" borderId="16" xfId="7" applyFont="1" applyBorder="1" applyAlignment="1">
      <alignment horizontal="left" vertical="top" wrapText="1"/>
    </xf>
    <xf numFmtId="0" fontId="19" fillId="0" borderId="5" xfId="7" applyFont="1" applyBorder="1" applyAlignment="1">
      <alignment horizontal="right" vertical="top" wrapText="1"/>
    </xf>
    <xf numFmtId="0" fontId="19" fillId="0" borderId="4" xfId="7" applyFont="1" applyBorder="1" applyAlignment="1">
      <alignment horizontal="right" vertical="top" wrapText="1"/>
    </xf>
    <xf numFmtId="0" fontId="19" fillId="0" borderId="0" xfId="7" applyFont="1" applyBorder="1" applyAlignment="1">
      <alignment horizontal="right" vertical="top" wrapText="1"/>
    </xf>
    <xf numFmtId="0" fontId="19" fillId="0" borderId="1" xfId="7" applyFont="1" applyBorder="1" applyAlignment="1">
      <alignment horizontal="right" vertical="top" wrapText="1"/>
    </xf>
    <xf numFmtId="0" fontId="19" fillId="0" borderId="9" xfId="7" applyFont="1" applyBorder="1" applyAlignment="1">
      <alignment horizontal="right" vertical="top" wrapText="1"/>
    </xf>
    <xf numFmtId="0" fontId="19" fillId="0" borderId="36" xfId="7" applyFont="1" applyBorder="1" applyAlignment="1">
      <alignment horizontal="right" vertical="top" wrapText="1"/>
    </xf>
    <xf numFmtId="0" fontId="17" fillId="0" borderId="34" xfId="7" applyFont="1" applyBorder="1" applyAlignment="1">
      <alignment horizontal="center"/>
    </xf>
    <xf numFmtId="0" fontId="1" fillId="0" borderId="22" xfId="7" applyFont="1" applyBorder="1" applyAlignment="1">
      <alignment horizontal="center"/>
    </xf>
    <xf numFmtId="0" fontId="1" fillId="0" borderId="34" xfId="7" applyFont="1" applyBorder="1" applyAlignment="1">
      <alignment horizontal="center"/>
    </xf>
    <xf numFmtId="0" fontId="13" fillId="0" borderId="44" xfId="7" applyFont="1" applyBorder="1" applyAlignment="1">
      <alignment horizontal="distributed" vertical="center" wrapText="1"/>
    </xf>
    <xf numFmtId="0" fontId="13" fillId="0" borderId="18" xfId="7" applyFont="1" applyBorder="1" applyAlignment="1">
      <alignment horizontal="distributed" vertical="center" wrapText="1"/>
    </xf>
    <xf numFmtId="0" fontId="13" fillId="0" borderId="19" xfId="7" applyFont="1" applyBorder="1" applyAlignment="1">
      <alignment horizontal="distributed" vertical="center" wrapText="1"/>
    </xf>
    <xf numFmtId="0" fontId="13" fillId="0" borderId="2" xfId="7" applyFont="1" applyBorder="1" applyAlignment="1">
      <alignment horizontal="distributed" vertical="center" wrapText="1"/>
    </xf>
    <xf numFmtId="0" fontId="13" fillId="0" borderId="0" xfId="7" applyFont="1" applyBorder="1" applyAlignment="1">
      <alignment horizontal="distributed" vertical="center" wrapText="1"/>
    </xf>
    <xf numFmtId="0" fontId="13" fillId="0" borderId="21" xfId="7" applyFont="1" applyBorder="1" applyAlignment="1">
      <alignment horizontal="distributed" vertical="center" wrapText="1"/>
    </xf>
    <xf numFmtId="0" fontId="15" fillId="0" borderId="44" xfId="7" applyFont="1" applyBorder="1" applyAlignment="1">
      <alignment horizontal="center" vertical="center" shrinkToFit="1"/>
    </xf>
    <xf numFmtId="0" fontId="15" fillId="0" borderId="18" xfId="7" applyFont="1" applyBorder="1" applyAlignment="1">
      <alignment horizontal="center" vertical="center" shrinkToFit="1"/>
    </xf>
    <xf numFmtId="0" fontId="15" fillId="0" borderId="19" xfId="7" applyFont="1" applyBorder="1" applyAlignment="1">
      <alignment horizontal="center" vertical="center" shrinkToFit="1"/>
    </xf>
    <xf numFmtId="0" fontId="15" fillId="0" borderId="2" xfId="7" applyFont="1" applyBorder="1" applyAlignment="1">
      <alignment horizontal="center" vertical="center" shrinkToFit="1"/>
    </xf>
    <xf numFmtId="0" fontId="15" fillId="0" borderId="0" xfId="7" applyFont="1" applyBorder="1" applyAlignment="1">
      <alignment horizontal="center" vertical="center" shrinkToFit="1"/>
    </xf>
    <xf numFmtId="0" fontId="15" fillId="0" borderId="21" xfId="7" applyFont="1" applyBorder="1" applyAlignment="1">
      <alignment horizontal="center" vertical="center" shrinkToFit="1"/>
    </xf>
    <xf numFmtId="0" fontId="19" fillId="0" borderId="22" xfId="7" applyFont="1" applyBorder="1" applyAlignment="1">
      <alignment horizontal="left" vertical="top"/>
    </xf>
    <xf numFmtId="0" fontId="19" fillId="0" borderId="10" xfId="7" applyFont="1" applyBorder="1" applyAlignment="1">
      <alignment horizontal="left" vertical="top"/>
    </xf>
    <xf numFmtId="0" fontId="19" fillId="0" borderId="13" xfId="7" applyFont="1" applyBorder="1" applyAlignment="1">
      <alignment horizontal="left" vertical="top"/>
    </xf>
    <xf numFmtId="0" fontId="19" fillId="0" borderId="17" xfId="7" applyFont="1" applyBorder="1" applyAlignment="1">
      <alignment horizontal="left" vertical="top"/>
    </xf>
    <xf numFmtId="0" fontId="19" fillId="0" borderId="22" xfId="7" applyFont="1" applyBorder="1" applyAlignment="1">
      <alignment horizontal="center" vertical="top" shrinkToFit="1"/>
    </xf>
    <xf numFmtId="0" fontId="19" fillId="0" borderId="41" xfId="7" applyFont="1" applyBorder="1" applyAlignment="1">
      <alignment horizontal="center" vertical="top" shrinkToFit="1"/>
    </xf>
    <xf numFmtId="0" fontId="19" fillId="0" borderId="13" xfId="7" applyFont="1" applyBorder="1" applyAlignment="1">
      <alignment horizontal="center" vertical="top" shrinkToFit="1"/>
    </xf>
    <xf numFmtId="0" fontId="19" fillId="0" borderId="31" xfId="7" applyFont="1" applyBorder="1" applyAlignment="1">
      <alignment horizontal="center" vertical="top" shrinkToFit="1"/>
    </xf>
    <xf numFmtId="0" fontId="19" fillId="0" borderId="20" xfId="7" applyFont="1" applyBorder="1" applyAlignment="1">
      <alignment horizontal="center" vertical="top" wrapText="1"/>
    </xf>
    <xf numFmtId="0" fontId="19" fillId="0" borderId="0" xfId="7" applyFont="1" applyBorder="1" applyAlignment="1">
      <alignment horizontal="center" vertical="top" wrapText="1"/>
    </xf>
    <xf numFmtId="0" fontId="19" fillId="0" borderId="20" xfId="7" applyFont="1" applyBorder="1" applyAlignment="1">
      <alignment horizontal="right" vertical="top" wrapText="1"/>
    </xf>
    <xf numFmtId="0" fontId="17" fillId="0" borderId="44" xfId="7" applyFont="1" applyBorder="1" applyAlignment="1">
      <alignment horizontal="distributed" vertical="center" wrapText="1"/>
    </xf>
    <xf numFmtId="0" fontId="17" fillId="0" borderId="18" xfId="7" applyFont="1" applyBorder="1" applyAlignment="1">
      <alignment horizontal="distributed" vertical="center" wrapText="1"/>
    </xf>
    <xf numFmtId="0" fontId="17" fillId="0" borderId="19" xfId="7" applyFont="1" applyBorder="1" applyAlignment="1">
      <alignment horizontal="distributed" vertical="center" wrapText="1"/>
    </xf>
    <xf numFmtId="0" fontId="17" fillId="0" borderId="13" xfId="7" applyFont="1" applyBorder="1" applyAlignment="1">
      <alignment horizontal="center" vertical="center" wrapText="1"/>
    </xf>
    <xf numFmtId="0" fontId="17" fillId="0" borderId="23" xfId="7" applyFont="1" applyBorder="1" applyAlignment="1">
      <alignment horizontal="center" vertical="center" wrapText="1"/>
    </xf>
    <xf numFmtId="0" fontId="17" fillId="0" borderId="14" xfId="7" applyFont="1" applyBorder="1" applyAlignment="1">
      <alignment horizontal="center" vertical="center" wrapText="1"/>
    </xf>
    <xf numFmtId="0" fontId="17" fillId="0" borderId="6" xfId="7" applyFont="1" applyBorder="1" applyAlignment="1">
      <alignment horizontal="distributed" vertical="center" wrapText="1"/>
    </xf>
    <xf numFmtId="0" fontId="17" fillId="0" borderId="7" xfId="7" applyFont="1" applyBorder="1" applyAlignment="1">
      <alignment horizontal="distributed" vertical="center" wrapText="1"/>
    </xf>
    <xf numFmtId="0" fontId="17" fillId="0" borderId="42" xfId="7" applyFont="1" applyBorder="1" applyAlignment="1">
      <alignment horizontal="distributed" vertical="center" wrapText="1"/>
    </xf>
    <xf numFmtId="0" fontId="19" fillId="0" borderId="35" xfId="7" applyFont="1" applyBorder="1" applyAlignment="1">
      <alignment horizontal="center" vertical="top"/>
    </xf>
    <xf numFmtId="0" fontId="19" fillId="0" borderId="1" xfId="7" applyFont="1" applyBorder="1" applyAlignment="1">
      <alignment horizontal="center" vertical="top"/>
    </xf>
    <xf numFmtId="0" fontId="19" fillId="0" borderId="8" xfId="7" applyFont="1" applyBorder="1" applyAlignment="1">
      <alignment horizontal="center" vertical="top"/>
    </xf>
    <xf numFmtId="0" fontId="17" fillId="0" borderId="0" xfId="7" applyFont="1" applyAlignment="1">
      <alignment horizontal="center"/>
    </xf>
    <xf numFmtId="0" fontId="17" fillId="0" borderId="13" xfId="7" applyFont="1" applyBorder="1" applyAlignment="1">
      <alignment horizontal="right" vertical="center" wrapText="1"/>
    </xf>
    <xf numFmtId="0" fontId="17" fillId="0" borderId="31" xfId="7" applyFont="1" applyBorder="1" applyAlignment="1">
      <alignment horizontal="right" vertical="center" wrapText="1"/>
    </xf>
    <xf numFmtId="0" fontId="17" fillId="0" borderId="23" xfId="7" applyFont="1" applyBorder="1" applyAlignment="1">
      <alignment horizontal="right" vertical="center" wrapText="1"/>
    </xf>
    <xf numFmtId="0" fontId="17" fillId="0" borderId="30" xfId="7" applyFont="1" applyBorder="1" applyAlignment="1">
      <alignment horizontal="right" vertical="center" wrapText="1"/>
    </xf>
    <xf numFmtId="0" fontId="17" fillId="0" borderId="14" xfId="7" applyFont="1" applyBorder="1" applyAlignment="1">
      <alignment horizontal="right" vertical="center" wrapText="1"/>
    </xf>
    <xf numFmtId="0" fontId="17" fillId="0" borderId="28" xfId="7" applyFont="1" applyBorder="1" applyAlignment="1">
      <alignment horizontal="right" vertical="center" wrapText="1"/>
    </xf>
    <xf numFmtId="0" fontId="1" fillId="0" borderId="33" xfId="7" applyFont="1" applyBorder="1" applyAlignment="1">
      <alignment horizontal="center"/>
    </xf>
    <xf numFmtId="0" fontId="1" fillId="0" borderId="25" xfId="7" applyFont="1" applyBorder="1" applyAlignment="1">
      <alignment horizontal="center"/>
    </xf>
    <xf numFmtId="0" fontId="1" fillId="0" borderId="25" xfId="7" applyFont="1" applyBorder="1" applyAlignment="1"/>
    <xf numFmtId="0" fontId="17" fillId="0" borderId="44" xfId="7" applyFont="1" applyBorder="1" applyAlignment="1">
      <alignment horizontal="distributed" vertical="center" justifyLastLine="1" shrinkToFit="1"/>
    </xf>
    <xf numFmtId="0" fontId="17" fillId="0" borderId="18" xfId="7" applyFont="1" applyBorder="1" applyAlignment="1">
      <alignment horizontal="distributed" vertical="center" justifyLastLine="1" shrinkToFit="1"/>
    </xf>
    <xf numFmtId="0" fontId="17" fillId="0" borderId="35" xfId="7" applyFont="1" applyBorder="1" applyAlignment="1">
      <alignment horizontal="distributed" vertical="center" justifyLastLine="1" shrinkToFit="1"/>
    </xf>
    <xf numFmtId="0" fontId="17" fillId="0" borderId="2" xfId="7" applyFont="1" applyBorder="1" applyAlignment="1">
      <alignment horizontal="distributed" vertical="center" justifyLastLine="1" shrinkToFit="1"/>
    </xf>
    <xf numFmtId="0" fontId="17" fillId="0" borderId="0" xfId="7" applyFont="1" applyBorder="1" applyAlignment="1">
      <alignment horizontal="distributed" vertical="center" justifyLastLine="1" shrinkToFit="1"/>
    </xf>
    <xf numFmtId="0" fontId="17" fillId="0" borderId="1" xfId="7" applyFont="1" applyBorder="1" applyAlignment="1">
      <alignment horizontal="distributed" vertical="center" justifyLastLine="1" shrinkToFit="1"/>
    </xf>
    <xf numFmtId="0" fontId="17" fillId="0" borderId="6" xfId="7" applyFont="1" applyBorder="1" applyAlignment="1">
      <alignment horizontal="distributed" vertical="center" justifyLastLine="1" shrinkToFit="1"/>
    </xf>
    <xf numFmtId="0" fontId="17" fillId="0" borderId="7" xfId="7" applyFont="1" applyBorder="1" applyAlignment="1">
      <alignment horizontal="distributed" vertical="center" justifyLastLine="1" shrinkToFit="1"/>
    </xf>
    <xf numFmtId="0" fontId="17" fillId="0" borderId="8" xfId="7" applyFont="1" applyBorder="1" applyAlignment="1">
      <alignment horizontal="distributed" vertical="center" justifyLastLine="1" shrinkToFit="1"/>
    </xf>
    <xf numFmtId="0" fontId="33" fillId="0" borderId="0" xfId="7" applyFont="1" applyBorder="1" applyAlignment="1">
      <alignment horizontal="left" vertical="center" shrinkToFit="1"/>
    </xf>
    <xf numFmtId="0" fontId="13" fillId="0" borderId="0" xfId="7" applyFont="1" applyBorder="1" applyAlignment="1">
      <alignment horizontal="left" vertical="top" wrapText="1"/>
    </xf>
    <xf numFmtId="0" fontId="3" fillId="0" borderId="37" xfId="7" applyFont="1" applyBorder="1" applyAlignment="1">
      <alignment horizontal="right" vertical="top" wrapText="1"/>
    </xf>
    <xf numFmtId="0" fontId="3" fillId="0" borderId="5" xfId="7" applyFont="1" applyBorder="1" applyAlignment="1">
      <alignment horizontal="right" vertical="top" wrapText="1"/>
    </xf>
    <xf numFmtId="0" fontId="3" fillId="0" borderId="4" xfId="7" applyFont="1" applyBorder="1" applyAlignment="1">
      <alignment horizontal="right" vertical="top" wrapText="1"/>
    </xf>
    <xf numFmtId="0" fontId="3" fillId="0" borderId="20" xfId="7" applyFont="1" applyBorder="1" applyAlignment="1">
      <alignment horizontal="right" vertical="top" wrapText="1"/>
    </xf>
    <xf numFmtId="0" fontId="3" fillId="0" borderId="0" xfId="7" applyFont="1" applyBorder="1" applyAlignment="1">
      <alignment horizontal="right" vertical="top" wrapText="1"/>
    </xf>
    <xf numFmtId="0" fontId="3" fillId="0" borderId="1" xfId="7" applyFont="1" applyBorder="1" applyAlignment="1">
      <alignment horizontal="right" vertical="top" wrapText="1"/>
    </xf>
    <xf numFmtId="0" fontId="3" fillId="0" borderId="15" xfId="7" applyFont="1" applyBorder="1" applyAlignment="1">
      <alignment horizontal="right" vertical="top" wrapText="1"/>
    </xf>
    <xf numFmtId="0" fontId="3" fillId="0" borderId="9" xfId="7" applyFont="1" applyBorder="1" applyAlignment="1">
      <alignment horizontal="right" vertical="top" wrapText="1"/>
    </xf>
    <xf numFmtId="0" fontId="3" fillId="0" borderId="36" xfId="7" applyFont="1" applyBorder="1" applyAlignment="1">
      <alignment horizontal="right" vertical="top" wrapText="1"/>
    </xf>
    <xf numFmtId="0" fontId="41" fillId="0" borderId="5" xfId="7" applyFont="1" applyBorder="1" applyAlignment="1">
      <alignment horizontal="left" vertical="distributed" wrapText="1"/>
    </xf>
    <xf numFmtId="0" fontId="41" fillId="0" borderId="0" xfId="7" applyFont="1" applyBorder="1" applyAlignment="1">
      <alignment horizontal="left" vertical="distributed" wrapText="1"/>
    </xf>
    <xf numFmtId="0" fontId="19" fillId="0" borderId="61" xfId="7" applyFont="1" applyBorder="1" applyAlignment="1">
      <alignment horizontal="center" vertical="center"/>
    </xf>
    <xf numFmtId="0" fontId="19" fillId="0" borderId="48" xfId="7" applyFont="1" applyBorder="1" applyAlignment="1">
      <alignment horizontal="center" vertical="center"/>
    </xf>
    <xf numFmtId="0" fontId="19" fillId="0" borderId="49" xfId="7" applyFont="1" applyBorder="1" applyAlignment="1">
      <alignment horizontal="center" vertical="center"/>
    </xf>
    <xf numFmtId="0" fontId="19" fillId="0" borderId="63" xfId="7" applyFont="1" applyBorder="1" applyAlignment="1">
      <alignment horizontal="center" vertical="center"/>
    </xf>
    <xf numFmtId="0" fontId="19" fillId="0" borderId="51" xfId="7" applyFont="1" applyBorder="1" applyAlignment="1">
      <alignment horizontal="center" vertical="center"/>
    </xf>
    <xf numFmtId="0" fontId="19" fillId="0" borderId="65" xfId="7" applyFont="1" applyBorder="1" applyAlignment="1">
      <alignment horizontal="center" vertical="center"/>
    </xf>
    <xf numFmtId="0" fontId="19" fillId="0" borderId="53" xfId="7" applyFont="1" applyBorder="1" applyAlignment="1">
      <alignment horizontal="center" vertical="center"/>
    </xf>
    <xf numFmtId="0" fontId="19" fillId="0" borderId="54" xfId="7" applyFont="1" applyBorder="1" applyAlignment="1">
      <alignment horizontal="center" vertical="center"/>
    </xf>
    <xf numFmtId="0" fontId="21" fillId="0" borderId="0" xfId="7" applyFont="1" applyBorder="1" applyAlignment="1">
      <alignment horizontal="center" vertical="center"/>
    </xf>
    <xf numFmtId="0" fontId="17" fillId="0" borderId="47" xfId="7" applyFont="1" applyBorder="1" applyAlignment="1">
      <alignment horizontal="center"/>
    </xf>
    <xf numFmtId="0" fontId="17" fillId="0" borderId="48" xfId="7" applyFont="1" applyBorder="1" applyAlignment="1">
      <alignment horizontal="center"/>
    </xf>
    <xf numFmtId="0" fontId="17" fillId="0" borderId="50" xfId="7" applyFont="1" applyBorder="1" applyAlignment="1">
      <alignment horizontal="center"/>
    </xf>
    <xf numFmtId="0" fontId="17" fillId="0" borderId="61" xfId="7" applyFont="1" applyBorder="1" applyAlignment="1">
      <alignment horizontal="center"/>
    </xf>
    <xf numFmtId="0" fontId="17" fillId="0" borderId="62" xfId="7" applyFont="1" applyBorder="1" applyAlignment="1">
      <alignment horizontal="center"/>
    </xf>
    <xf numFmtId="0" fontId="17" fillId="0" borderId="63" xfId="7" applyFont="1" applyBorder="1" applyAlignment="1">
      <alignment horizontal="center"/>
    </xf>
    <xf numFmtId="0" fontId="17" fillId="0" borderId="64" xfId="7" applyFont="1" applyBorder="1" applyAlignment="1">
      <alignment horizontal="center"/>
    </xf>
    <xf numFmtId="0" fontId="17" fillId="0" borderId="52" xfId="7" applyFont="1" applyBorder="1" applyAlignment="1">
      <alignment horizontal="center"/>
    </xf>
    <xf numFmtId="0" fontId="17" fillId="0" borderId="53" xfId="7" applyFont="1" applyBorder="1" applyAlignment="1">
      <alignment horizontal="center"/>
    </xf>
    <xf numFmtId="0" fontId="41" fillId="0" borderId="48" xfId="7" applyFont="1" applyBorder="1" applyAlignment="1">
      <alignment horizontal="left" vertical="top" wrapText="1"/>
    </xf>
    <xf numFmtId="0" fontId="41" fillId="0" borderId="0" xfId="7" applyFont="1" applyBorder="1" applyAlignment="1">
      <alignment horizontal="left" vertical="top" wrapText="1"/>
    </xf>
    <xf numFmtId="0" fontId="38" fillId="0" borderId="0" xfId="7" applyFont="1" applyBorder="1" applyAlignment="1">
      <alignment vertical="center"/>
    </xf>
    <xf numFmtId="0" fontId="14" fillId="0" borderId="0" xfId="0" applyFont="1">
      <alignment vertical="center"/>
    </xf>
    <xf numFmtId="0" fontId="14" fillId="0" borderId="0" xfId="0" applyFont="1" applyBorder="1">
      <alignment vertical="center"/>
    </xf>
    <xf numFmtId="0" fontId="17" fillId="0" borderId="65" xfId="7" applyFont="1" applyBorder="1" applyAlignment="1">
      <alignment horizontal="center"/>
    </xf>
    <xf numFmtId="0" fontId="17" fillId="0" borderId="66" xfId="7" applyFont="1" applyBorder="1" applyAlignment="1">
      <alignment horizontal="center"/>
    </xf>
    <xf numFmtId="0" fontId="21" fillId="0" borderId="53" xfId="7" applyFont="1" applyBorder="1" applyAlignment="1">
      <alignment horizontal="center" vertical="center"/>
    </xf>
    <xf numFmtId="0" fontId="39" fillId="0" borderId="47" xfId="7" applyFont="1" applyBorder="1" applyAlignment="1">
      <alignment horizontal="center" vertical="center"/>
    </xf>
    <xf numFmtId="0" fontId="40" fillId="0" borderId="48" xfId="7" applyFont="1" applyBorder="1" applyAlignment="1">
      <alignment horizontal="center" vertical="center"/>
    </xf>
    <xf numFmtId="0" fontId="40" fillId="0" borderId="62" xfId="7" applyFont="1" applyBorder="1" applyAlignment="1">
      <alignment horizontal="center" vertical="center"/>
    </xf>
    <xf numFmtId="0" fontId="40" fillId="0" borderId="50" xfId="7" applyFont="1" applyBorder="1" applyAlignment="1">
      <alignment horizontal="center" vertical="center"/>
    </xf>
    <xf numFmtId="0" fontId="40" fillId="0" borderId="0" xfId="7" applyFont="1" applyBorder="1" applyAlignment="1">
      <alignment horizontal="center" vertical="center"/>
    </xf>
    <xf numFmtId="0" fontId="40" fillId="0" borderId="64" xfId="7" applyFont="1" applyBorder="1" applyAlignment="1">
      <alignment horizontal="center" vertical="center"/>
    </xf>
    <xf numFmtId="0" fontId="40" fillId="0" borderId="52" xfId="7" applyFont="1" applyBorder="1" applyAlignment="1">
      <alignment horizontal="center" vertical="center"/>
    </xf>
    <xf numFmtId="0" fontId="40" fillId="0" borderId="53" xfId="7" applyFont="1" applyBorder="1" applyAlignment="1">
      <alignment horizontal="center" vertical="center"/>
    </xf>
    <xf numFmtId="0" fontId="40" fillId="0" borderId="66" xfId="7" applyFont="1" applyBorder="1" applyAlignment="1">
      <alignment horizontal="center" vertical="center"/>
    </xf>
    <xf numFmtId="0" fontId="39" fillId="0" borderId="61" xfId="7" applyFont="1" applyBorder="1" applyAlignment="1">
      <alignment horizontal="center" vertical="center"/>
    </xf>
    <xf numFmtId="0" fontId="39" fillId="0" borderId="48" xfId="7" applyFont="1" applyBorder="1" applyAlignment="1">
      <alignment horizontal="center" vertical="center"/>
    </xf>
    <xf numFmtId="0" fontId="39" fillId="0" borderId="62" xfId="7" applyFont="1" applyBorder="1" applyAlignment="1">
      <alignment horizontal="center" vertical="center"/>
    </xf>
    <xf numFmtId="0" fontId="39" fillId="0" borderId="63" xfId="7" applyFont="1" applyBorder="1" applyAlignment="1">
      <alignment horizontal="center" vertical="center"/>
    </xf>
    <xf numFmtId="0" fontId="39" fillId="0" borderId="0" xfId="7" applyFont="1" applyBorder="1" applyAlignment="1">
      <alignment horizontal="center" vertical="center"/>
    </xf>
    <xf numFmtId="0" fontId="39" fillId="0" borderId="64" xfId="7" applyFont="1" applyBorder="1" applyAlignment="1">
      <alignment horizontal="center" vertical="center"/>
    </xf>
    <xf numFmtId="0" fontId="39" fillId="0" borderId="65" xfId="7" applyFont="1" applyBorder="1" applyAlignment="1">
      <alignment horizontal="center" vertical="center"/>
    </xf>
    <xf numFmtId="0" fontId="39" fillId="0" borderId="53" xfId="7" applyFont="1" applyBorder="1" applyAlignment="1">
      <alignment horizontal="center" vertical="center"/>
    </xf>
    <xf numFmtId="0" fontId="39" fillId="0" borderId="66" xfId="7" applyFont="1" applyBorder="1" applyAlignment="1">
      <alignment horizontal="center" vertical="center"/>
    </xf>
    <xf numFmtId="0" fontId="39" fillId="0" borderId="49" xfId="7" applyFont="1" applyBorder="1" applyAlignment="1">
      <alignment horizontal="center" vertical="center"/>
    </xf>
    <xf numFmtId="0" fontId="39" fillId="0" borderId="51" xfId="7" applyFont="1" applyBorder="1" applyAlignment="1">
      <alignment horizontal="center" vertical="center"/>
    </xf>
    <xf numFmtId="0" fontId="39" fillId="0" borderId="54" xfId="7" applyFont="1" applyBorder="1" applyAlignment="1">
      <alignment horizontal="center" vertical="center"/>
    </xf>
    <xf numFmtId="0" fontId="21" fillId="0" borderId="48" xfId="7" applyFont="1" applyBorder="1" applyAlignment="1">
      <alignment horizontal="center" vertical="center"/>
    </xf>
    <xf numFmtId="0" fontId="49" fillId="0" borderId="44" xfId="1" applyFont="1" applyFill="1" applyBorder="1" applyAlignment="1">
      <alignment horizontal="center" vertical="center" wrapText="1"/>
    </xf>
    <xf numFmtId="0" fontId="49" fillId="0" borderId="18" xfId="1" applyFont="1" applyFill="1" applyBorder="1" applyAlignment="1">
      <alignment horizontal="center" vertical="center" wrapText="1"/>
    </xf>
    <xf numFmtId="0" fontId="49" fillId="0" borderId="35" xfId="1" applyFont="1" applyFill="1" applyBorder="1" applyAlignment="1">
      <alignment horizontal="center" vertical="center" wrapText="1"/>
    </xf>
    <xf numFmtId="0" fontId="49" fillId="0" borderId="2" xfId="1" applyFont="1" applyFill="1" applyBorder="1" applyAlignment="1">
      <alignment horizontal="center" vertical="center" wrapText="1"/>
    </xf>
    <xf numFmtId="0" fontId="49" fillId="0" borderId="0" xfId="1" applyFont="1" applyFill="1" applyBorder="1" applyAlignment="1">
      <alignment horizontal="center" vertical="center" wrapText="1"/>
    </xf>
    <xf numFmtId="0" fontId="49" fillId="0" borderId="1" xfId="1" applyFont="1" applyFill="1" applyBorder="1" applyAlignment="1">
      <alignment horizontal="center" vertical="center" wrapText="1"/>
    </xf>
    <xf numFmtId="0" fontId="49" fillId="0" borderId="6" xfId="1" applyFont="1" applyFill="1" applyBorder="1" applyAlignment="1">
      <alignment horizontal="center" vertical="center" wrapText="1"/>
    </xf>
    <xf numFmtId="0" fontId="49" fillId="0" borderId="7" xfId="1" applyFont="1" applyFill="1" applyBorder="1" applyAlignment="1">
      <alignment horizontal="center" vertical="center" wrapText="1"/>
    </xf>
    <xf numFmtId="0" fontId="49" fillId="0" borderId="8" xfId="1" applyFont="1" applyFill="1" applyBorder="1" applyAlignment="1">
      <alignment horizontal="center" vertical="center" wrapText="1"/>
    </xf>
    <xf numFmtId="0" fontId="49" fillId="0" borderId="3" xfId="1" applyFont="1" applyFill="1" applyBorder="1" applyAlignment="1">
      <alignment vertical="center" wrapText="1"/>
    </xf>
    <xf numFmtId="0" fontId="49" fillId="0" borderId="5" xfId="1" applyFont="1" applyFill="1" applyBorder="1" applyAlignment="1">
      <alignment vertical="center" wrapText="1"/>
    </xf>
    <xf numFmtId="0" fontId="49" fillId="0" borderId="2" xfId="1" applyFont="1" applyFill="1" applyBorder="1" applyAlignment="1">
      <alignment vertical="center" wrapText="1"/>
    </xf>
    <xf numFmtId="0" fontId="49" fillId="0" borderId="0" xfId="1" applyFont="1" applyFill="1" applyBorder="1" applyAlignment="1">
      <alignment vertical="center" wrapText="1"/>
    </xf>
    <xf numFmtId="0" fontId="49" fillId="0" borderId="5" xfId="1" applyFont="1" applyFill="1" applyBorder="1" applyAlignment="1">
      <alignment vertical="center" shrinkToFit="1"/>
    </xf>
    <xf numFmtId="0" fontId="49" fillId="0" borderId="4" xfId="1" applyFont="1" applyFill="1" applyBorder="1" applyAlignment="1">
      <alignment vertical="center" shrinkToFit="1"/>
    </xf>
    <xf numFmtId="0" fontId="49" fillId="0" borderId="0" xfId="1" applyFont="1" applyFill="1" applyBorder="1" applyAlignment="1">
      <alignment vertical="center" shrinkToFit="1"/>
    </xf>
    <xf numFmtId="0" fontId="49" fillId="0" borderId="1" xfId="1" applyFont="1" applyFill="1" applyBorder="1" applyAlignment="1">
      <alignment vertical="center" shrinkToFit="1"/>
    </xf>
    <xf numFmtId="0" fontId="48" fillId="0" borderId="2" xfId="1" applyFont="1" applyFill="1" applyBorder="1" applyAlignment="1">
      <alignment horizontal="center" vertical="center" wrapText="1"/>
    </xf>
    <xf numFmtId="0" fontId="48" fillId="0" borderId="0" xfId="1" applyFont="1" applyFill="1" applyBorder="1" applyAlignment="1">
      <alignment horizontal="center" vertical="center" wrapText="1"/>
    </xf>
    <xf numFmtId="0" fontId="48" fillId="0" borderId="6" xfId="1" applyFont="1" applyFill="1" applyBorder="1" applyAlignment="1">
      <alignment horizontal="center" vertical="center" wrapText="1"/>
    </xf>
    <xf numFmtId="0" fontId="48" fillId="0" borderId="7" xfId="1" applyFont="1" applyFill="1" applyBorder="1" applyAlignment="1">
      <alignment horizontal="center" vertical="center" wrapText="1"/>
    </xf>
    <xf numFmtId="0" fontId="49" fillId="0" borderId="7" xfId="1" applyFont="1" applyFill="1" applyBorder="1" applyAlignment="1">
      <alignment vertical="center" shrinkToFit="1"/>
    </xf>
    <xf numFmtId="0" fontId="49" fillId="0" borderId="8" xfId="1" applyFont="1" applyFill="1" applyBorder="1" applyAlignment="1">
      <alignment vertical="center" shrinkToFit="1"/>
    </xf>
    <xf numFmtId="0" fontId="48" fillId="0" borderId="2" xfId="1" applyFont="1" applyFill="1" applyBorder="1" applyAlignment="1">
      <alignment horizontal="right" wrapText="1"/>
    </xf>
    <xf numFmtId="0" fontId="48" fillId="0" borderId="0" xfId="1" applyFont="1" applyFill="1" applyBorder="1" applyAlignment="1">
      <alignment horizontal="right" wrapText="1"/>
    </xf>
    <xf numFmtId="0" fontId="48" fillId="0" borderId="1" xfId="1" applyFont="1" applyFill="1" applyBorder="1" applyAlignment="1">
      <alignment horizontal="right" wrapText="1"/>
    </xf>
    <xf numFmtId="0" fontId="49" fillId="0" borderId="67" xfId="1" applyFont="1" applyFill="1" applyBorder="1" applyAlignment="1">
      <alignment horizontal="center" vertical="center"/>
    </xf>
    <xf numFmtId="0" fontId="49" fillId="0" borderId="3" xfId="1" applyFont="1" applyFill="1" applyBorder="1" applyAlignment="1">
      <alignment horizontal="center" vertical="center"/>
    </xf>
    <xf numFmtId="0" fontId="49" fillId="0" borderId="5" xfId="1" applyFont="1" applyFill="1" applyBorder="1" applyAlignment="1">
      <alignment horizontal="center" vertical="center"/>
    </xf>
    <xf numFmtId="0" fontId="49" fillId="0" borderId="4" xfId="1" applyFont="1" applyFill="1" applyBorder="1" applyAlignment="1">
      <alignment horizontal="center" vertical="center"/>
    </xf>
    <xf numFmtId="0" fontId="49" fillId="0" borderId="2" xfId="1" applyFont="1" applyFill="1" applyBorder="1" applyAlignment="1">
      <alignment horizontal="center" vertical="center"/>
    </xf>
    <xf numFmtId="0" fontId="49" fillId="0" borderId="0" xfId="1" applyFont="1" applyFill="1" applyBorder="1" applyAlignment="1">
      <alignment horizontal="center" vertical="center"/>
    </xf>
    <xf numFmtId="0" fontId="49" fillId="0" borderId="1" xfId="1" applyFont="1" applyFill="1" applyBorder="1" applyAlignment="1">
      <alignment horizontal="center" vertical="center"/>
    </xf>
    <xf numFmtId="0" fontId="49" fillId="0" borderId="6" xfId="1" applyFont="1" applyFill="1" applyBorder="1" applyAlignment="1">
      <alignment horizontal="center" vertical="center"/>
    </xf>
    <xf numFmtId="0" fontId="49" fillId="0" borderId="7" xfId="1" applyFont="1" applyFill="1" applyBorder="1" applyAlignment="1">
      <alignment horizontal="center" vertical="center"/>
    </xf>
    <xf numFmtId="0" fontId="49" fillId="0" borderId="8" xfId="1" applyFont="1" applyFill="1" applyBorder="1" applyAlignment="1">
      <alignment horizontal="center" vertical="center"/>
    </xf>
    <xf numFmtId="0" fontId="48" fillId="0" borderId="3" xfId="1" applyFont="1" applyFill="1" applyBorder="1" applyAlignment="1">
      <alignment horizontal="center" vertical="center" textRotation="255"/>
    </xf>
    <xf numFmtId="0" fontId="48" fillId="0" borderId="5" xfId="1" applyFont="1" applyFill="1" applyBorder="1" applyAlignment="1">
      <alignment horizontal="center" vertical="center" textRotation="255"/>
    </xf>
    <xf numFmtId="0" fontId="48" fillId="0" borderId="4" xfId="1" applyFont="1" applyFill="1" applyBorder="1" applyAlignment="1">
      <alignment horizontal="center" vertical="center" textRotation="255"/>
    </xf>
    <xf numFmtId="0" fontId="48" fillId="0" borderId="29" xfId="1" applyFont="1" applyFill="1" applyBorder="1" applyAlignment="1">
      <alignment horizontal="center" vertical="center" textRotation="255"/>
    </xf>
    <xf numFmtId="0" fontId="48" fillId="0" borderId="9" xfId="1" applyFont="1" applyFill="1" applyBorder="1" applyAlignment="1">
      <alignment horizontal="center" vertical="center" textRotation="255"/>
    </xf>
    <xf numFmtId="0" fontId="48" fillId="0" borderId="36" xfId="1" applyFont="1" applyFill="1" applyBorder="1" applyAlignment="1">
      <alignment horizontal="center" vertical="center" textRotation="255"/>
    </xf>
    <xf numFmtId="0" fontId="49" fillId="0" borderId="2" xfId="1" applyFont="1" applyFill="1" applyBorder="1" applyAlignment="1">
      <alignment horizontal="center" vertical="center" textRotation="255"/>
    </xf>
    <xf numFmtId="0" fontId="49" fillId="0" borderId="0" xfId="1" applyFont="1" applyFill="1" applyBorder="1" applyAlignment="1">
      <alignment horizontal="center" vertical="center" textRotation="255"/>
    </xf>
    <xf numFmtId="0" fontId="49" fillId="0" borderId="1" xfId="1" applyFont="1" applyFill="1" applyBorder="1" applyAlignment="1">
      <alignment horizontal="center" vertical="center" textRotation="255"/>
    </xf>
    <xf numFmtId="0" fontId="43" fillId="0" borderId="2" xfId="1" applyFont="1" applyFill="1" applyBorder="1" applyAlignment="1">
      <alignment horizontal="left" vertical="center" wrapText="1"/>
    </xf>
    <xf numFmtId="0" fontId="43" fillId="0" borderId="0" xfId="1" applyFont="1" applyFill="1" applyBorder="1" applyAlignment="1">
      <alignment horizontal="left" vertical="center" wrapText="1"/>
    </xf>
    <xf numFmtId="0" fontId="43" fillId="0" borderId="1" xfId="1" applyFont="1" applyFill="1" applyBorder="1" applyAlignment="1">
      <alignment horizontal="left" vertical="center" wrapText="1"/>
    </xf>
    <xf numFmtId="0" fontId="48" fillId="0" borderId="2" xfId="1" applyFont="1" applyFill="1" applyBorder="1" applyAlignment="1">
      <alignment horizontal="left" vertical="center" wrapText="1"/>
    </xf>
    <xf numFmtId="0" fontId="48" fillId="0" borderId="0" xfId="1" applyFont="1" applyFill="1" applyBorder="1" applyAlignment="1">
      <alignment horizontal="left" vertical="center" wrapText="1"/>
    </xf>
    <xf numFmtId="0" fontId="48" fillId="0" borderId="1" xfId="1" applyFont="1" applyFill="1" applyBorder="1" applyAlignment="1">
      <alignment horizontal="left" vertical="center" wrapText="1"/>
    </xf>
    <xf numFmtId="0" fontId="49" fillId="0" borderId="3" xfId="1" applyFont="1" applyFill="1" applyBorder="1" applyAlignment="1">
      <alignment horizontal="center" vertical="center" textRotation="255" wrapText="1"/>
    </xf>
    <xf numFmtId="0" fontId="49" fillId="0" borderId="5" xfId="1" applyFont="1" applyFill="1" applyBorder="1" applyAlignment="1">
      <alignment horizontal="center" vertical="center" textRotation="255" wrapText="1"/>
    </xf>
    <xf numFmtId="0" fontId="49" fillId="0" borderId="4" xfId="1" applyFont="1" applyFill="1" applyBorder="1" applyAlignment="1">
      <alignment horizontal="center" vertical="center" textRotation="255" wrapText="1"/>
    </xf>
    <xf numFmtId="0" fontId="49" fillId="0" borderId="2" xfId="1" applyFont="1" applyFill="1" applyBorder="1" applyAlignment="1">
      <alignment horizontal="center" vertical="center" textRotation="255" wrapText="1"/>
    </xf>
    <xf numFmtId="0" fontId="49" fillId="0" borderId="0" xfId="1" applyFont="1" applyFill="1" applyBorder="1" applyAlignment="1">
      <alignment horizontal="center" vertical="center" textRotation="255" wrapText="1"/>
    </xf>
    <xf numFmtId="0" fontId="49" fillId="0" borderId="1" xfId="1" applyFont="1" applyFill="1" applyBorder="1" applyAlignment="1">
      <alignment horizontal="center" vertical="center" textRotation="255" wrapText="1"/>
    </xf>
    <xf numFmtId="0" fontId="49" fillId="0" borderId="6" xfId="1" applyFont="1" applyFill="1" applyBorder="1" applyAlignment="1">
      <alignment horizontal="center" vertical="center" textRotation="255" wrapText="1"/>
    </xf>
    <xf numFmtId="0" fontId="49" fillId="0" borderId="7" xfId="1" applyFont="1" applyFill="1" applyBorder="1" applyAlignment="1">
      <alignment horizontal="center" vertical="center" textRotation="255" wrapText="1"/>
    </xf>
    <xf numFmtId="0" fontId="49" fillId="0" borderId="8" xfId="1" applyFont="1" applyFill="1" applyBorder="1" applyAlignment="1">
      <alignment horizontal="center" vertical="center" textRotation="255" wrapText="1"/>
    </xf>
    <xf numFmtId="0" fontId="49" fillId="0" borderId="86" xfId="1" applyFont="1" applyFill="1" applyBorder="1" applyAlignment="1">
      <alignment horizontal="center" vertical="center" wrapText="1"/>
    </xf>
    <xf numFmtId="0" fontId="49" fillId="0" borderId="99" xfId="1" applyFont="1" applyFill="1" applyBorder="1" applyAlignment="1">
      <alignment horizontal="center" vertical="center" wrapText="1"/>
    </xf>
    <xf numFmtId="0" fontId="48" fillId="0" borderId="112" xfId="1" applyFont="1" applyFill="1" applyBorder="1" applyAlignment="1">
      <alignment horizontal="center" vertical="top"/>
    </xf>
    <xf numFmtId="0" fontId="48" fillId="0" borderId="113" xfId="1" applyFont="1" applyFill="1" applyBorder="1" applyAlignment="1">
      <alignment horizontal="center" vertical="top"/>
    </xf>
    <xf numFmtId="0" fontId="48" fillId="0" borderId="122" xfId="1" applyFont="1" applyFill="1" applyBorder="1" applyAlignment="1">
      <alignment horizontal="center" vertical="top"/>
    </xf>
    <xf numFmtId="0" fontId="48" fillId="0" borderId="114" xfId="1" applyFont="1" applyFill="1" applyBorder="1" applyAlignment="1">
      <alignment horizontal="center" vertical="top"/>
    </xf>
    <xf numFmtId="0" fontId="48" fillId="0" borderId="115" xfId="1" applyFont="1" applyFill="1" applyBorder="1" applyAlignment="1">
      <alignment horizontal="center" vertical="top"/>
    </xf>
    <xf numFmtId="0" fontId="48" fillId="0" borderId="123" xfId="1" applyFont="1" applyFill="1" applyBorder="1" applyAlignment="1">
      <alignment horizontal="center" vertical="top"/>
    </xf>
    <xf numFmtId="0" fontId="48" fillId="0" borderId="124" xfId="1" applyFont="1" applyFill="1" applyBorder="1" applyAlignment="1">
      <alignment horizontal="center" vertical="top"/>
    </xf>
    <xf numFmtId="0" fontId="48" fillId="0" borderId="125" xfId="1" applyFont="1" applyFill="1" applyBorder="1" applyAlignment="1">
      <alignment horizontal="center" vertical="top"/>
    </xf>
    <xf numFmtId="0" fontId="48" fillId="0" borderId="126" xfId="1" applyFont="1" applyFill="1" applyBorder="1" applyAlignment="1">
      <alignment horizontal="center" vertical="top"/>
    </xf>
    <xf numFmtId="0" fontId="43" fillId="0" borderId="2" xfId="1" applyFont="1" applyFill="1" applyBorder="1" applyAlignment="1">
      <alignment horizontal="right" wrapText="1"/>
    </xf>
    <xf numFmtId="0" fontId="43" fillId="0" borderId="0" xfId="1" applyFont="1" applyFill="1" applyBorder="1" applyAlignment="1">
      <alignment horizontal="right" wrapText="1"/>
    </xf>
    <xf numFmtId="0" fontId="43" fillId="0" borderId="1" xfId="1" applyFont="1" applyFill="1" applyBorder="1" applyAlignment="1">
      <alignment horizontal="right" wrapText="1"/>
    </xf>
    <xf numFmtId="0" fontId="48" fillId="0" borderId="2" xfId="1" applyFont="1" applyFill="1" applyBorder="1" applyAlignment="1">
      <alignment horizontal="center" vertical="center" textRotation="255"/>
    </xf>
    <xf numFmtId="0" fontId="48" fillId="0" borderId="0" xfId="1" applyFont="1" applyFill="1" applyBorder="1" applyAlignment="1">
      <alignment horizontal="center" vertical="center" textRotation="255"/>
    </xf>
    <xf numFmtId="0" fontId="48" fillId="0" borderId="1" xfId="1" applyFont="1" applyFill="1" applyBorder="1" applyAlignment="1">
      <alignment horizontal="center" vertical="center" textRotation="255"/>
    </xf>
    <xf numFmtId="0" fontId="44" fillId="0" borderId="3" xfId="1" applyFont="1" applyFill="1" applyBorder="1" applyAlignment="1">
      <alignment horizontal="center" vertical="center" textRotation="255"/>
    </xf>
    <xf numFmtId="0" fontId="44" fillId="0" borderId="5" xfId="1" applyFont="1" applyFill="1" applyBorder="1" applyAlignment="1">
      <alignment horizontal="center" vertical="center" textRotation="255"/>
    </xf>
    <xf numFmtId="0" fontId="44" fillId="0" borderId="4" xfId="1" applyFont="1" applyFill="1" applyBorder="1" applyAlignment="1">
      <alignment horizontal="center" vertical="center" textRotation="255"/>
    </xf>
    <xf numFmtId="0" fontId="44" fillId="0" borderId="2" xfId="1" applyFont="1" applyFill="1" applyBorder="1" applyAlignment="1">
      <alignment horizontal="center" vertical="center" textRotation="255"/>
    </xf>
    <xf numFmtId="0" fontId="44" fillId="0" borderId="0" xfId="1" applyFont="1" applyFill="1" applyBorder="1" applyAlignment="1">
      <alignment horizontal="center" vertical="center" textRotation="255"/>
    </xf>
    <xf numFmtId="0" fontId="44" fillId="0" borderId="1" xfId="1" applyFont="1" applyFill="1" applyBorder="1" applyAlignment="1">
      <alignment horizontal="center" vertical="center" textRotation="255"/>
    </xf>
    <xf numFmtId="0" fontId="44" fillId="0" borderId="6" xfId="1" applyFont="1" applyFill="1" applyBorder="1" applyAlignment="1">
      <alignment horizontal="center" vertical="center" textRotation="255"/>
    </xf>
    <xf numFmtId="0" fontId="44" fillId="0" borderId="7" xfId="1" applyFont="1" applyFill="1" applyBorder="1" applyAlignment="1">
      <alignment horizontal="center" vertical="center" textRotation="255"/>
    </xf>
    <xf numFmtId="0" fontId="44" fillId="0" borderId="8" xfId="1" applyFont="1" applyFill="1" applyBorder="1" applyAlignment="1">
      <alignment horizontal="center" vertical="center" textRotation="255"/>
    </xf>
    <xf numFmtId="0" fontId="49" fillId="0" borderId="3" xfId="1" applyFont="1" applyFill="1" applyBorder="1" applyAlignment="1">
      <alignment horizontal="center" vertical="center" wrapText="1"/>
    </xf>
    <xf numFmtId="0" fontId="49" fillId="0" borderId="5" xfId="1" applyFont="1" applyFill="1" applyBorder="1" applyAlignment="1">
      <alignment horizontal="center" vertical="center" wrapText="1"/>
    </xf>
    <xf numFmtId="0" fontId="49" fillId="0" borderId="4" xfId="1" applyFont="1" applyFill="1" applyBorder="1" applyAlignment="1">
      <alignment horizontal="center" vertical="center" wrapText="1"/>
    </xf>
    <xf numFmtId="0" fontId="48" fillId="0" borderId="3" xfId="1" applyFont="1" applyFill="1" applyBorder="1" applyAlignment="1">
      <alignment horizontal="center" vertical="center" wrapText="1"/>
    </xf>
    <xf numFmtId="0" fontId="48" fillId="0" borderId="5" xfId="1" applyFont="1" applyFill="1" applyBorder="1" applyAlignment="1">
      <alignment horizontal="center" vertical="center" wrapText="1"/>
    </xf>
    <xf numFmtId="0" fontId="48" fillId="0" borderId="4" xfId="1" applyFont="1" applyFill="1" applyBorder="1" applyAlignment="1">
      <alignment horizontal="center" vertical="center" wrapText="1"/>
    </xf>
    <xf numFmtId="0" fontId="48" fillId="0" borderId="1" xfId="1" applyFont="1" applyFill="1" applyBorder="1" applyAlignment="1">
      <alignment horizontal="center" vertical="center" wrapText="1"/>
    </xf>
    <xf numFmtId="0" fontId="48" fillId="0" borderId="8" xfId="1" applyFont="1" applyFill="1" applyBorder="1" applyAlignment="1">
      <alignment horizontal="center" vertical="center" wrapText="1"/>
    </xf>
    <xf numFmtId="0" fontId="48" fillId="0" borderId="3" xfId="1" applyFont="1" applyFill="1" applyBorder="1" applyAlignment="1">
      <alignment horizontal="center" vertical="center"/>
    </xf>
    <xf numFmtId="0" fontId="48" fillId="0" borderId="5" xfId="1" applyFont="1" applyFill="1" applyBorder="1" applyAlignment="1">
      <alignment horizontal="center" vertical="center"/>
    </xf>
    <xf numFmtId="0" fontId="48" fillId="0" borderId="4" xfId="1" applyFont="1" applyFill="1" applyBorder="1" applyAlignment="1">
      <alignment horizontal="center" vertical="center"/>
    </xf>
    <xf numFmtId="0" fontId="48" fillId="0" borderId="29" xfId="1" applyFont="1" applyFill="1" applyBorder="1" applyAlignment="1">
      <alignment horizontal="center" vertical="center"/>
    </xf>
    <xf numFmtId="0" fontId="48" fillId="0" borderId="9" xfId="1" applyFont="1" applyFill="1" applyBorder="1" applyAlignment="1">
      <alignment horizontal="center" vertical="center"/>
    </xf>
    <xf numFmtId="0" fontId="48" fillId="0" borderId="36" xfId="1" applyFont="1" applyFill="1" applyBorder="1" applyAlignment="1">
      <alignment horizontal="center" vertical="center"/>
    </xf>
    <xf numFmtId="0" fontId="49" fillId="0" borderId="3" xfId="1" applyFont="1" applyFill="1" applyBorder="1" applyAlignment="1">
      <alignment horizontal="center" vertical="center" textRotation="255"/>
    </xf>
    <xf numFmtId="0" fontId="49" fillId="0" borderId="5" xfId="1" applyFont="1" applyFill="1" applyBorder="1" applyAlignment="1">
      <alignment horizontal="center" vertical="center" textRotation="255"/>
    </xf>
    <xf numFmtId="0" fontId="49" fillId="0" borderId="4" xfId="1" applyFont="1" applyFill="1" applyBorder="1" applyAlignment="1">
      <alignment horizontal="center" vertical="center" textRotation="255"/>
    </xf>
    <xf numFmtId="0" fontId="43" fillId="0" borderId="3" xfId="1" applyFont="1" applyFill="1" applyBorder="1" applyAlignment="1">
      <alignment horizontal="center" vertical="center" wrapText="1"/>
    </xf>
    <xf numFmtId="0" fontId="43" fillId="0" borderId="5" xfId="1" applyFont="1" applyFill="1" applyBorder="1" applyAlignment="1">
      <alignment horizontal="center" vertical="center" wrapText="1"/>
    </xf>
    <xf numFmtId="0" fontId="43" fillId="0" borderId="4" xfId="1" applyFont="1" applyFill="1" applyBorder="1" applyAlignment="1">
      <alignment horizontal="center" vertical="center" wrapText="1"/>
    </xf>
    <xf numFmtId="0" fontId="43" fillId="0" borderId="2" xfId="1" applyFont="1" applyFill="1" applyBorder="1" applyAlignment="1">
      <alignment horizontal="center" vertical="center" wrapText="1"/>
    </xf>
    <xf numFmtId="0" fontId="43" fillId="0" borderId="0" xfId="1" applyFont="1" applyFill="1" applyBorder="1" applyAlignment="1">
      <alignment horizontal="center" vertical="center" wrapText="1"/>
    </xf>
    <xf numFmtId="0" fontId="43" fillId="0" borderId="1" xfId="1" applyFont="1" applyFill="1" applyBorder="1" applyAlignment="1">
      <alignment horizontal="center" vertical="center" wrapText="1"/>
    </xf>
    <xf numFmtId="0" fontId="48" fillId="0" borderId="3" xfId="1" applyFont="1" applyFill="1" applyBorder="1" applyAlignment="1">
      <alignment horizontal="left" vertical="center" wrapText="1"/>
    </xf>
    <xf numFmtId="0" fontId="48" fillId="0" borderId="5" xfId="1" applyFont="1" applyFill="1" applyBorder="1" applyAlignment="1">
      <alignment horizontal="left" vertical="center" wrapText="1"/>
    </xf>
    <xf numFmtId="0" fontId="48" fillId="0" borderId="4" xfId="1" applyFont="1" applyFill="1" applyBorder="1" applyAlignment="1">
      <alignment horizontal="left" vertical="center" wrapText="1"/>
    </xf>
    <xf numFmtId="0" fontId="48" fillId="0" borderId="3" xfId="1" applyFont="1" applyFill="1" applyBorder="1" applyAlignment="1">
      <alignment horizontal="right" vertical="top"/>
    </xf>
    <xf numFmtId="0" fontId="48" fillId="0" borderId="5" xfId="1" applyFont="1" applyFill="1" applyBorder="1" applyAlignment="1">
      <alignment horizontal="right" vertical="top"/>
    </xf>
    <xf numFmtId="0" fontId="48" fillId="0" borderId="4" xfId="1" applyFont="1" applyFill="1" applyBorder="1" applyAlignment="1">
      <alignment horizontal="right" vertical="top"/>
    </xf>
    <xf numFmtId="0" fontId="48" fillId="0" borderId="2" xfId="1" applyFont="1" applyFill="1" applyBorder="1" applyAlignment="1">
      <alignment horizontal="right" vertical="top"/>
    </xf>
    <xf numFmtId="0" fontId="48" fillId="0" borderId="0" xfId="1" applyFont="1" applyFill="1" applyBorder="1" applyAlignment="1">
      <alignment horizontal="right" vertical="top"/>
    </xf>
    <xf numFmtId="0" fontId="48" fillId="0" borderId="1" xfId="1" applyFont="1" applyFill="1" applyBorder="1" applyAlignment="1">
      <alignment horizontal="right" vertical="top"/>
    </xf>
    <xf numFmtId="0" fontId="48" fillId="0" borderId="6" xfId="1" applyFont="1" applyFill="1" applyBorder="1" applyAlignment="1">
      <alignment horizontal="right" vertical="top"/>
    </xf>
    <xf numFmtId="0" fontId="48" fillId="0" borderId="7" xfId="1" applyFont="1" applyFill="1" applyBorder="1" applyAlignment="1">
      <alignment horizontal="right" vertical="top"/>
    </xf>
    <xf numFmtId="0" fontId="48" fillId="0" borderId="8" xfId="1" applyFont="1" applyFill="1" applyBorder="1" applyAlignment="1">
      <alignment horizontal="right" vertical="top"/>
    </xf>
    <xf numFmtId="0" fontId="46" fillId="0" borderId="3" xfId="1" applyFont="1" applyFill="1" applyBorder="1" applyAlignment="1">
      <alignment horizontal="center" vertical="center" wrapText="1"/>
    </xf>
    <xf numFmtId="0" fontId="46" fillId="0" borderId="5" xfId="1" applyFont="1" applyFill="1" applyBorder="1" applyAlignment="1">
      <alignment horizontal="center" vertical="center" wrapText="1"/>
    </xf>
    <xf numFmtId="0" fontId="46" fillId="0" borderId="4" xfId="1" applyFont="1" applyFill="1" applyBorder="1" applyAlignment="1">
      <alignment horizontal="center" vertical="center" wrapText="1"/>
    </xf>
    <xf numFmtId="0" fontId="46" fillId="0" borderId="2" xfId="1" applyFont="1" applyFill="1" applyBorder="1" applyAlignment="1">
      <alignment horizontal="center" vertical="center" wrapText="1"/>
    </xf>
    <xf numFmtId="0" fontId="46" fillId="0" borderId="0" xfId="1" applyFont="1" applyFill="1" applyBorder="1" applyAlignment="1">
      <alignment horizontal="center" vertical="center" wrapText="1"/>
    </xf>
    <xf numFmtId="0" fontId="46" fillId="0" borderId="1" xfId="1" applyFont="1" applyFill="1" applyBorder="1" applyAlignment="1">
      <alignment horizontal="center" vertical="center" wrapText="1"/>
    </xf>
    <xf numFmtId="0" fontId="46" fillId="0" borderId="6" xfId="1" applyFont="1" applyFill="1" applyBorder="1" applyAlignment="1">
      <alignment horizontal="center" vertical="center" wrapText="1"/>
    </xf>
    <xf numFmtId="0" fontId="46" fillId="0" borderId="7" xfId="1" applyFont="1" applyFill="1" applyBorder="1" applyAlignment="1">
      <alignment horizontal="center" vertical="center" wrapText="1"/>
    </xf>
    <xf numFmtId="0" fontId="46" fillId="0" borderId="8" xfId="1" applyFont="1" applyFill="1" applyBorder="1" applyAlignment="1">
      <alignment horizontal="center" vertical="center" wrapText="1"/>
    </xf>
    <xf numFmtId="0" fontId="49" fillId="0" borderId="0" xfId="1" applyFont="1" applyFill="1" applyBorder="1" applyAlignment="1">
      <alignment horizontal="left"/>
    </xf>
    <xf numFmtId="0" fontId="49" fillId="0" borderId="176" xfId="1" applyFont="1" applyFill="1" applyBorder="1" applyAlignment="1">
      <alignment horizontal="left"/>
    </xf>
    <xf numFmtId="0" fontId="49" fillId="0" borderId="177" xfId="1" applyFont="1" applyFill="1" applyBorder="1" applyAlignment="1">
      <alignment horizontal="left"/>
    </xf>
    <xf numFmtId="0" fontId="49" fillId="0" borderId="202" xfId="1" applyFont="1" applyFill="1" applyBorder="1" applyAlignment="1">
      <alignment horizontal="left"/>
    </xf>
    <xf numFmtId="0" fontId="49" fillId="0" borderId="3" xfId="1" applyFont="1" applyFill="1" applyBorder="1" applyAlignment="1">
      <alignment horizontal="center" vertical="center" shrinkToFit="1"/>
    </xf>
    <xf numFmtId="0" fontId="49" fillId="0" borderId="5" xfId="1" applyFont="1" applyFill="1" applyBorder="1" applyAlignment="1">
      <alignment horizontal="center" vertical="center" shrinkToFit="1"/>
    </xf>
    <xf numFmtId="0" fontId="49" fillId="0" borderId="4" xfId="1" applyFont="1" applyFill="1" applyBorder="1" applyAlignment="1">
      <alignment horizontal="center" vertical="center" shrinkToFit="1"/>
    </xf>
    <xf numFmtId="0" fontId="49" fillId="0" borderId="6" xfId="1" applyFont="1" applyFill="1" applyBorder="1" applyAlignment="1">
      <alignment horizontal="center" vertical="center" shrinkToFit="1"/>
    </xf>
    <xf numFmtId="0" fontId="49" fillId="0" borderId="7" xfId="1" applyFont="1" applyFill="1" applyBorder="1" applyAlignment="1">
      <alignment horizontal="center" vertical="center" shrinkToFit="1"/>
    </xf>
    <xf numFmtId="0" fontId="49" fillId="0" borderId="8" xfId="1" applyFont="1" applyFill="1" applyBorder="1" applyAlignment="1">
      <alignment horizontal="center" vertical="center" shrinkToFit="1"/>
    </xf>
    <xf numFmtId="0" fontId="49" fillId="0" borderId="67" xfId="1" applyFont="1" applyFill="1" applyBorder="1" applyAlignment="1">
      <alignment horizontal="center" vertical="top"/>
    </xf>
    <xf numFmtId="0" fontId="49" fillId="0" borderId="87" xfId="1" applyFont="1" applyFill="1" applyBorder="1" applyAlignment="1">
      <alignment horizontal="center" vertical="center" textRotation="255"/>
    </xf>
    <xf numFmtId="0" fontId="49" fillId="0" borderId="67" xfId="1" applyFont="1" applyFill="1" applyBorder="1" applyAlignment="1">
      <alignment horizontal="center" vertical="center" textRotation="255"/>
    </xf>
    <xf numFmtId="0" fontId="44" fillId="0" borderId="87" xfId="1" applyFont="1" applyFill="1" applyBorder="1" applyAlignment="1">
      <alignment horizontal="center"/>
    </xf>
    <xf numFmtId="0" fontId="44" fillId="0" borderId="67" xfId="1" applyFont="1" applyFill="1" applyBorder="1" applyAlignment="1">
      <alignment horizontal="center"/>
    </xf>
    <xf numFmtId="0" fontId="44" fillId="0" borderId="67" xfId="1" quotePrefix="1" applyFont="1" applyFill="1" applyBorder="1" applyAlignment="1">
      <alignment horizontal="center" vertical="center"/>
    </xf>
    <xf numFmtId="3" fontId="54" fillId="0" borderId="3" xfId="1" applyNumberFormat="1" applyFont="1" applyFill="1" applyBorder="1" applyAlignment="1">
      <alignment horizontal="center" vertical="top"/>
    </xf>
    <xf numFmtId="3" fontId="54" fillId="0" borderId="5" xfId="1" applyNumberFormat="1" applyFont="1" applyFill="1" applyBorder="1" applyAlignment="1">
      <alignment horizontal="center" vertical="top"/>
    </xf>
    <xf numFmtId="3" fontId="54" fillId="0" borderId="2" xfId="1" applyNumberFormat="1" applyFont="1" applyFill="1" applyBorder="1" applyAlignment="1">
      <alignment horizontal="center" vertical="top"/>
    </xf>
    <xf numFmtId="3" fontId="54" fillId="0" borderId="0" xfId="1" applyNumberFormat="1" applyFont="1" applyFill="1" applyBorder="1" applyAlignment="1">
      <alignment horizontal="center" vertical="top"/>
    </xf>
    <xf numFmtId="3" fontId="54" fillId="0" borderId="6" xfId="1" applyNumberFormat="1" applyFont="1" applyFill="1" applyBorder="1" applyAlignment="1">
      <alignment horizontal="center" vertical="top"/>
    </xf>
    <xf numFmtId="3" fontId="54" fillId="0" borderId="7" xfId="1" applyNumberFormat="1" applyFont="1" applyFill="1" applyBorder="1" applyAlignment="1">
      <alignment horizontal="center" vertical="top"/>
    </xf>
    <xf numFmtId="3" fontId="49" fillId="0" borderId="89" xfId="1" applyNumberFormat="1" applyFont="1" applyFill="1" applyBorder="1" applyAlignment="1">
      <alignment horizontal="center" vertical="top"/>
    </xf>
    <xf numFmtId="3" fontId="49" fillId="0" borderId="90" xfId="1" applyNumberFormat="1" applyFont="1" applyFill="1" applyBorder="1" applyAlignment="1">
      <alignment horizontal="center" vertical="top"/>
    </xf>
    <xf numFmtId="3" fontId="49" fillId="0" borderId="0" xfId="1" applyNumberFormat="1" applyFont="1" applyFill="1" applyBorder="1" applyAlignment="1">
      <alignment horizontal="center" vertical="top"/>
    </xf>
    <xf numFmtId="3" fontId="49" fillId="0" borderId="81" xfId="1" applyNumberFormat="1" applyFont="1" applyFill="1" applyBorder="1" applyAlignment="1">
      <alignment horizontal="center" vertical="top"/>
    </xf>
    <xf numFmtId="3" fontId="49" fillId="0" borderId="84" xfId="1" applyNumberFormat="1" applyFont="1" applyFill="1" applyBorder="1" applyAlignment="1">
      <alignment horizontal="center" vertical="top"/>
    </xf>
    <xf numFmtId="3" fontId="49" fillId="0" borderId="91" xfId="1" applyNumberFormat="1" applyFont="1" applyFill="1" applyBorder="1" applyAlignment="1">
      <alignment horizontal="center" vertical="top"/>
    </xf>
    <xf numFmtId="3" fontId="54" fillId="0" borderId="110" xfId="1" applyNumberFormat="1" applyFont="1" applyFill="1" applyBorder="1" applyAlignment="1">
      <alignment horizontal="center" vertical="top"/>
    </xf>
    <xf numFmtId="3" fontId="54" fillId="0" borderId="89" xfId="1" applyNumberFormat="1" applyFont="1" applyFill="1" applyBorder="1" applyAlignment="1">
      <alignment horizontal="center" vertical="top"/>
    </xf>
    <xf numFmtId="3" fontId="54" fillId="0" borderId="116" xfId="1" applyNumberFormat="1" applyFont="1" applyFill="1" applyBorder="1" applyAlignment="1">
      <alignment horizontal="center" vertical="top"/>
    </xf>
    <xf numFmtId="3" fontId="54" fillId="0" borderId="84" xfId="1" applyNumberFormat="1" applyFont="1" applyFill="1" applyBorder="1" applyAlignment="1">
      <alignment horizontal="center" vertical="top"/>
    </xf>
    <xf numFmtId="3" fontId="54" fillId="0" borderId="110" xfId="1" applyNumberFormat="1" applyFont="1" applyFill="1" applyBorder="1" applyAlignment="1">
      <alignment horizontal="right" vertical="top"/>
    </xf>
    <xf numFmtId="3" fontId="54" fillId="0" borderId="89" xfId="1" applyNumberFormat="1" applyFont="1" applyFill="1" applyBorder="1" applyAlignment="1">
      <alignment horizontal="right" vertical="top"/>
    </xf>
    <xf numFmtId="3" fontId="54" fillId="0" borderId="2" xfId="1" applyNumberFormat="1" applyFont="1" applyFill="1" applyBorder="1" applyAlignment="1">
      <alignment horizontal="right" vertical="top"/>
    </xf>
    <xf numFmtId="3" fontId="54" fillId="0" borderId="0" xfId="1" applyNumberFormat="1" applyFont="1" applyFill="1" applyBorder="1" applyAlignment="1">
      <alignment horizontal="right" vertical="top"/>
    </xf>
    <xf numFmtId="3" fontId="54" fillId="0" borderId="116" xfId="1" applyNumberFormat="1" applyFont="1" applyFill="1" applyBorder="1" applyAlignment="1">
      <alignment horizontal="right" vertical="top"/>
    </xf>
    <xf numFmtId="3" fontId="54" fillId="0" borderId="84" xfId="1" applyNumberFormat="1" applyFont="1" applyFill="1" applyBorder="1" applyAlignment="1">
      <alignment horizontal="right" vertical="top"/>
    </xf>
    <xf numFmtId="0" fontId="44" fillId="0" borderId="88" xfId="1" quotePrefix="1" applyFont="1" applyFill="1" applyBorder="1" applyAlignment="1">
      <alignment horizontal="center" vertical="center"/>
    </xf>
    <xf numFmtId="0" fontId="44" fillId="0" borderId="89" xfId="1" quotePrefix="1" applyFont="1" applyFill="1" applyBorder="1" applyAlignment="1">
      <alignment horizontal="center" vertical="center"/>
    </xf>
    <xf numFmtId="0" fontId="44" fillId="0" borderId="89" xfId="1" applyFont="1" applyFill="1" applyBorder="1" applyAlignment="1">
      <alignment horizontal="center" vertical="center"/>
    </xf>
    <xf numFmtId="0" fontId="44" fillId="0" borderId="111" xfId="1" applyFont="1" applyFill="1" applyBorder="1" applyAlignment="1">
      <alignment horizontal="center" vertical="center"/>
    </xf>
    <xf numFmtId="0" fontId="44" fillId="0" borderId="78" xfId="1" applyFont="1" applyFill="1" applyBorder="1" applyAlignment="1">
      <alignment horizontal="center" vertical="center"/>
    </xf>
    <xf numFmtId="0" fontId="44" fillId="0" borderId="0" xfId="1" applyFont="1" applyFill="1" applyBorder="1" applyAlignment="1">
      <alignment horizontal="center" vertical="center"/>
    </xf>
    <xf numFmtId="0" fontId="44" fillId="0" borderId="1" xfId="1" applyFont="1" applyFill="1" applyBorder="1" applyAlignment="1">
      <alignment horizontal="center" vertical="center"/>
    </xf>
    <xf numFmtId="0" fontId="44" fillId="0" borderId="83" xfId="1" applyFont="1" applyFill="1" applyBorder="1" applyAlignment="1">
      <alignment horizontal="center" vertical="center"/>
    </xf>
    <xf numFmtId="0" fontId="44" fillId="0" borderId="84" xfId="1" applyFont="1" applyFill="1" applyBorder="1" applyAlignment="1">
      <alignment horizontal="center" vertical="center"/>
    </xf>
    <xf numFmtId="0" fontId="44" fillId="0" borderId="85" xfId="1" applyFont="1" applyFill="1" applyBorder="1" applyAlignment="1">
      <alignment horizontal="center" vertical="center"/>
    </xf>
    <xf numFmtId="0" fontId="49" fillId="0" borderId="5" xfId="1" applyFont="1" applyFill="1" applyBorder="1" applyAlignment="1">
      <alignment horizontal="center" vertical="top"/>
    </xf>
    <xf numFmtId="0" fontId="49" fillId="0" borderId="4" xfId="1" applyFont="1" applyFill="1" applyBorder="1" applyAlignment="1">
      <alignment horizontal="center" vertical="top"/>
    </xf>
    <xf numFmtId="0" fontId="49" fillId="0" borderId="0" xfId="1" applyFont="1" applyFill="1" applyBorder="1" applyAlignment="1">
      <alignment horizontal="center" vertical="top"/>
    </xf>
    <xf numFmtId="0" fontId="49" fillId="0" borderId="1" xfId="1" applyFont="1" applyFill="1" applyBorder="1" applyAlignment="1">
      <alignment horizontal="center" vertical="top"/>
    </xf>
    <xf numFmtId="0" fontId="49" fillId="0" borderId="7" xfId="1" applyFont="1" applyFill="1" applyBorder="1" applyAlignment="1">
      <alignment horizontal="center" vertical="top"/>
    </xf>
    <xf numFmtId="0" fontId="49" fillId="0" borderId="8" xfId="1" applyFont="1" applyFill="1" applyBorder="1" applyAlignment="1">
      <alignment horizontal="center" vertical="top"/>
    </xf>
    <xf numFmtId="0" fontId="50" fillId="0" borderId="3" xfId="1" applyFont="1" applyFill="1" applyBorder="1" applyAlignment="1">
      <alignment horizontal="center" vertical="distributed" textRotation="255" wrapText="1"/>
    </xf>
    <xf numFmtId="0" fontId="50" fillId="0" borderId="5" xfId="1" applyFont="1" applyFill="1" applyBorder="1" applyAlignment="1">
      <alignment horizontal="center" vertical="distributed" textRotation="255"/>
    </xf>
    <xf numFmtId="0" fontId="50" fillId="0" borderId="2" xfId="1" applyFont="1" applyFill="1" applyBorder="1" applyAlignment="1">
      <alignment horizontal="center" vertical="distributed" textRotation="255"/>
    </xf>
    <xf numFmtId="0" fontId="50" fillId="0" borderId="0" xfId="1" applyFont="1" applyFill="1" applyBorder="1" applyAlignment="1">
      <alignment horizontal="center" vertical="distributed" textRotation="255"/>
    </xf>
    <xf numFmtId="0" fontId="50" fillId="0" borderId="6" xfId="1" applyFont="1" applyFill="1" applyBorder="1" applyAlignment="1">
      <alignment horizontal="center" vertical="distributed" textRotation="255"/>
    </xf>
    <xf numFmtId="0" fontId="50" fillId="0" borderId="7" xfId="1" applyFont="1" applyFill="1" applyBorder="1" applyAlignment="1">
      <alignment horizontal="center" vertical="distributed" textRotation="255"/>
    </xf>
    <xf numFmtId="0" fontId="49" fillId="0" borderId="87" xfId="1" applyFont="1" applyFill="1" applyBorder="1" applyAlignment="1">
      <alignment horizontal="center" vertical="center" wrapText="1"/>
    </xf>
    <xf numFmtId="0" fontId="49" fillId="0" borderId="67" xfId="1" applyFont="1" applyFill="1" applyBorder="1" applyAlignment="1">
      <alignment horizontal="center" vertical="center" wrapText="1"/>
    </xf>
    <xf numFmtId="0" fontId="49" fillId="0" borderId="68" xfId="1" applyFont="1" applyFill="1" applyBorder="1" applyAlignment="1">
      <alignment horizontal="center" vertical="center" wrapText="1"/>
    </xf>
    <xf numFmtId="0" fontId="47" fillId="0" borderId="0" xfId="1" applyFont="1" applyFill="1" applyBorder="1" applyAlignment="1">
      <alignment horizontal="left" vertical="center"/>
    </xf>
    <xf numFmtId="0" fontId="47" fillId="0" borderId="7" xfId="1" applyFont="1" applyFill="1" applyBorder="1" applyAlignment="1">
      <alignment horizontal="left" vertical="center"/>
    </xf>
    <xf numFmtId="0" fontId="47" fillId="0" borderId="3" xfId="1" applyFont="1" applyFill="1" applyBorder="1" applyAlignment="1">
      <alignment horizontal="center" vertical="center" wrapText="1"/>
    </xf>
    <xf numFmtId="0" fontId="47" fillId="0" borderId="5" xfId="1" applyFont="1" applyFill="1" applyBorder="1" applyAlignment="1">
      <alignment horizontal="center" vertical="center" wrapText="1"/>
    </xf>
    <xf numFmtId="0" fontId="47" fillId="0" borderId="2" xfId="1" applyFont="1" applyFill="1" applyBorder="1" applyAlignment="1">
      <alignment horizontal="center" vertical="center" wrapText="1"/>
    </xf>
    <xf numFmtId="0" fontId="47" fillId="0" borderId="0" xfId="1" applyFont="1" applyFill="1" applyBorder="1" applyAlignment="1">
      <alignment horizontal="center" vertical="center" wrapText="1"/>
    </xf>
    <xf numFmtId="0" fontId="47" fillId="0" borderId="6" xfId="1" applyFont="1" applyFill="1" applyBorder="1" applyAlignment="1">
      <alignment horizontal="center" vertical="center" wrapText="1"/>
    </xf>
    <xf numFmtId="0" fontId="47" fillId="0" borderId="7" xfId="1" applyFont="1" applyFill="1" applyBorder="1" applyAlignment="1">
      <alignment horizontal="center" vertical="center" wrapText="1"/>
    </xf>
    <xf numFmtId="0" fontId="49" fillId="0" borderId="5" xfId="1" applyFont="1" applyFill="1" applyBorder="1" applyAlignment="1">
      <alignment horizontal="center" wrapText="1"/>
    </xf>
    <xf numFmtId="0" fontId="49" fillId="0" borderId="4" xfId="1" applyFont="1" applyFill="1" applyBorder="1" applyAlignment="1">
      <alignment horizontal="center" wrapText="1"/>
    </xf>
    <xf numFmtId="0" fontId="49" fillId="0" borderId="0" xfId="1" applyFont="1" applyFill="1" applyBorder="1" applyAlignment="1">
      <alignment horizontal="center" wrapText="1"/>
    </xf>
    <xf numFmtId="0" fontId="49" fillId="0" borderId="1" xfId="1" applyFont="1" applyFill="1" applyBorder="1" applyAlignment="1">
      <alignment horizontal="center" wrapText="1"/>
    </xf>
    <xf numFmtId="0" fontId="49" fillId="0" borderId="7" xfId="1" applyFont="1" applyFill="1" applyBorder="1" applyAlignment="1">
      <alignment horizontal="center" wrapText="1"/>
    </xf>
    <xf numFmtId="0" fontId="49" fillId="0" borderId="8" xfId="1" applyFont="1" applyFill="1" applyBorder="1" applyAlignment="1">
      <alignment horizontal="center" wrapText="1"/>
    </xf>
    <xf numFmtId="0" fontId="49" fillId="0" borderId="89" xfId="1" applyFont="1" applyFill="1" applyBorder="1" applyAlignment="1">
      <alignment horizontal="center" vertical="top"/>
    </xf>
    <xf numFmtId="0" fontId="49" fillId="0" borderId="84" xfId="1" applyFont="1" applyFill="1" applyBorder="1" applyAlignment="1">
      <alignment horizontal="center" vertical="top"/>
    </xf>
    <xf numFmtId="0" fontId="49" fillId="0" borderId="110" xfId="1" applyFont="1" applyFill="1" applyBorder="1" applyAlignment="1">
      <alignment horizontal="center" vertical="top"/>
    </xf>
    <xf numFmtId="0" fontId="49" fillId="0" borderId="2" xfId="1" applyFont="1" applyFill="1" applyBorder="1" applyAlignment="1">
      <alignment horizontal="center" vertical="top"/>
    </xf>
    <xf numFmtId="0" fontId="49" fillId="0" borderId="116" xfId="1" applyFont="1" applyFill="1" applyBorder="1" applyAlignment="1">
      <alignment horizontal="center" vertical="top"/>
    </xf>
    <xf numFmtId="0" fontId="45" fillId="0" borderId="67" xfId="1" applyFont="1" applyFill="1" applyBorder="1" applyAlignment="1">
      <alignment horizontal="center" vertical="center"/>
    </xf>
    <xf numFmtId="0" fontId="45" fillId="0" borderId="75" xfId="1" applyFont="1" applyFill="1" applyBorder="1" applyAlignment="1">
      <alignment horizontal="center" vertical="center"/>
    </xf>
    <xf numFmtId="0" fontId="49" fillId="0" borderId="87" xfId="1" applyFont="1" applyFill="1" applyBorder="1" applyAlignment="1">
      <alignment horizontal="center" vertical="center" textRotation="255" wrapText="1"/>
    </xf>
    <xf numFmtId="0" fontId="49" fillId="0" borderId="67" xfId="1" applyFont="1" applyFill="1" applyBorder="1" applyAlignment="1">
      <alignment horizontal="center" vertical="center" textRotation="255" wrapText="1"/>
    </xf>
    <xf numFmtId="0" fontId="49" fillId="0" borderId="86" xfId="1" applyFont="1" applyFill="1" applyBorder="1" applyAlignment="1">
      <alignment horizontal="center" vertical="center" textRotation="255" wrapText="1"/>
    </xf>
    <xf numFmtId="177" fontId="44" fillId="0" borderId="156" xfId="1" applyNumberFormat="1" applyFont="1" applyFill="1" applyBorder="1" applyAlignment="1">
      <alignment horizontal="right" vertical="center"/>
    </xf>
    <xf numFmtId="177" fontId="44" fillId="0" borderId="153" xfId="1" applyNumberFormat="1" applyFont="1" applyFill="1" applyBorder="1" applyAlignment="1">
      <alignment horizontal="right" vertical="center"/>
    </xf>
    <xf numFmtId="177" fontId="44" fillId="0" borderId="160" xfId="1" applyNumberFormat="1" applyFont="1" applyFill="1" applyBorder="1" applyAlignment="1">
      <alignment horizontal="right" vertical="center"/>
    </xf>
    <xf numFmtId="177" fontId="44" fillId="0" borderId="157" xfId="1" applyNumberFormat="1" applyFont="1" applyFill="1" applyBorder="1" applyAlignment="1">
      <alignment horizontal="right" vertical="center"/>
    </xf>
    <xf numFmtId="177" fontId="44" fillId="0" borderId="153" xfId="1" applyNumberFormat="1" applyFont="1" applyFill="1" applyBorder="1" applyAlignment="1">
      <alignment horizontal="center" vertical="center"/>
    </xf>
    <xf numFmtId="177" fontId="44" fillId="0" borderId="154" xfId="1" applyNumberFormat="1" applyFont="1" applyFill="1" applyBorder="1" applyAlignment="1">
      <alignment horizontal="center" vertical="center"/>
    </xf>
    <xf numFmtId="177" fontId="44" fillId="0" borderId="173" xfId="1" applyNumberFormat="1" applyFont="1" applyFill="1" applyBorder="1" applyAlignment="1">
      <alignment horizontal="center" vertical="center"/>
    </xf>
    <xf numFmtId="177" fontId="44" fillId="0" borderId="157" xfId="1" applyNumberFormat="1" applyFont="1" applyFill="1" applyBorder="1" applyAlignment="1">
      <alignment horizontal="center" vertical="center"/>
    </xf>
    <xf numFmtId="177" fontId="44" fillId="0" borderId="158" xfId="1" applyNumberFormat="1" applyFont="1" applyFill="1" applyBorder="1" applyAlignment="1">
      <alignment horizontal="center" vertical="center"/>
    </xf>
    <xf numFmtId="177" fontId="44" fillId="0" borderId="174" xfId="1" applyNumberFormat="1" applyFont="1" applyFill="1" applyBorder="1" applyAlignment="1">
      <alignment horizontal="center" vertical="center"/>
    </xf>
    <xf numFmtId="0" fontId="44" fillId="0" borderId="72" xfId="1" quotePrefix="1" applyFont="1" applyFill="1" applyBorder="1" applyAlignment="1">
      <alignment horizontal="center" vertical="center"/>
    </xf>
    <xf numFmtId="0" fontId="44" fillId="0" borderId="134" xfId="1" quotePrefix="1" applyFont="1" applyFill="1" applyBorder="1" applyAlignment="1">
      <alignment horizontal="center" vertical="center"/>
    </xf>
    <xf numFmtId="0" fontId="44" fillId="0" borderId="67" xfId="1" applyFont="1" applyFill="1" applyBorder="1" applyAlignment="1">
      <alignment horizontal="center" vertical="center"/>
    </xf>
    <xf numFmtId="0" fontId="44" fillId="0" borderId="72" xfId="1" applyFont="1" applyFill="1" applyBorder="1" applyAlignment="1">
      <alignment horizontal="center" vertical="center"/>
    </xf>
    <xf numFmtId="0" fontId="44" fillId="0" borderId="134" xfId="1" applyFont="1" applyFill="1" applyBorder="1" applyAlignment="1">
      <alignment horizontal="center" vertical="center"/>
    </xf>
    <xf numFmtId="0" fontId="56" fillId="0" borderId="0" xfId="1" applyFont="1" applyFill="1" applyAlignment="1">
      <alignment horizontal="right" vertical="center"/>
    </xf>
    <xf numFmtId="0" fontId="56" fillId="0" borderId="0" xfId="1" applyFont="1" applyFill="1" applyAlignment="1">
      <alignment horizontal="left" vertical="center"/>
    </xf>
    <xf numFmtId="0" fontId="54" fillId="0" borderId="0" xfId="1" applyFont="1" applyFill="1" applyAlignment="1">
      <alignment horizontal="center" vertical="center"/>
    </xf>
    <xf numFmtId="0" fontId="48" fillId="0" borderId="67" xfId="1" applyFont="1" applyFill="1" applyBorder="1" applyAlignment="1">
      <alignment horizontal="center" vertical="center" wrapText="1"/>
    </xf>
    <xf numFmtId="0" fontId="49" fillId="0" borderId="2" xfId="1" applyFont="1" applyFill="1" applyBorder="1" applyAlignment="1">
      <alignment horizontal="right" vertical="center" wrapText="1"/>
    </xf>
    <xf numFmtId="0" fontId="49" fillId="0" borderId="0" xfId="1" applyFont="1" applyFill="1" applyBorder="1" applyAlignment="1">
      <alignment horizontal="right" vertical="center"/>
    </xf>
    <xf numFmtId="0" fontId="49" fillId="0" borderId="1" xfId="1" applyFont="1" applyFill="1" applyBorder="1" applyAlignment="1">
      <alignment horizontal="right" vertical="center"/>
    </xf>
    <xf numFmtId="0" fontId="49" fillId="0" borderId="2" xfId="1" applyFont="1" applyFill="1" applyBorder="1" applyAlignment="1">
      <alignment horizontal="right" vertical="center"/>
    </xf>
    <xf numFmtId="0" fontId="49" fillId="0" borderId="6" xfId="1" applyFont="1" applyFill="1" applyBorder="1" applyAlignment="1">
      <alignment horizontal="right" vertical="center"/>
    </xf>
    <xf numFmtId="0" fontId="49" fillId="0" borderId="7" xfId="1" applyFont="1" applyFill="1" applyBorder="1" applyAlignment="1">
      <alignment horizontal="right" vertical="center"/>
    </xf>
    <xf numFmtId="0" fontId="49" fillId="0" borderId="8" xfId="1" applyFont="1" applyFill="1" applyBorder="1" applyAlignment="1">
      <alignment horizontal="right" vertical="center"/>
    </xf>
    <xf numFmtId="0" fontId="48" fillId="0" borderId="2" xfId="1" applyFont="1" applyFill="1" applyBorder="1" applyAlignment="1">
      <alignment horizontal="center" vertical="center"/>
    </xf>
    <xf numFmtId="0" fontId="48" fillId="0" borderId="0" xfId="1" applyFont="1" applyFill="1" applyBorder="1" applyAlignment="1">
      <alignment horizontal="center" vertical="center"/>
    </xf>
    <xf numFmtId="0" fontId="49" fillId="0" borderId="29" xfId="1" applyFont="1" applyFill="1" applyBorder="1" applyAlignment="1">
      <alignment horizontal="center" vertical="center"/>
    </xf>
    <xf numFmtId="0" fontId="49" fillId="0" borderId="9" xfId="1" applyFont="1" applyFill="1" applyBorder="1" applyAlignment="1">
      <alignment horizontal="center" vertical="center"/>
    </xf>
    <xf numFmtId="0" fontId="49" fillId="0" borderId="36" xfId="1" applyFont="1" applyFill="1" applyBorder="1" applyAlignment="1">
      <alignment horizontal="center" vertical="center"/>
    </xf>
    <xf numFmtId="0" fontId="55" fillId="0" borderId="2" xfId="1" applyFont="1" applyFill="1" applyBorder="1" applyAlignment="1">
      <alignment horizontal="left" vertical="center" wrapText="1"/>
    </xf>
    <xf numFmtId="0" fontId="55" fillId="0" borderId="0" xfId="1" applyFont="1" applyFill="1" applyBorder="1" applyAlignment="1">
      <alignment horizontal="left" vertical="center" wrapText="1"/>
    </xf>
    <xf numFmtId="0" fontId="55" fillId="0" borderId="1" xfId="1" applyFont="1" applyFill="1" applyBorder="1" applyAlignment="1">
      <alignment horizontal="left" vertical="center" wrapText="1"/>
    </xf>
    <xf numFmtId="0" fontId="46" fillId="0" borderId="87" xfId="1" applyFont="1" applyFill="1" applyBorder="1" applyAlignment="1">
      <alignment horizontal="center" vertical="center" wrapText="1"/>
    </xf>
    <xf numFmtId="0" fontId="46" fillId="0" borderId="67" xfId="1" applyFont="1" applyFill="1" applyBorder="1" applyAlignment="1">
      <alignment horizontal="center" vertical="center" wrapText="1"/>
    </xf>
    <xf numFmtId="0" fontId="43" fillId="0" borderId="6" xfId="1" applyFont="1" applyFill="1" applyBorder="1" applyAlignment="1">
      <alignment horizontal="right" wrapText="1"/>
    </xf>
    <xf numFmtId="0" fontId="43" fillId="0" borderId="7" xfId="1" applyFont="1" applyFill="1" applyBorder="1" applyAlignment="1">
      <alignment horizontal="right" wrapText="1"/>
    </xf>
    <xf numFmtId="0" fontId="43" fillId="0" borderId="8" xfId="1" applyFont="1" applyFill="1" applyBorder="1" applyAlignment="1">
      <alignment horizontal="right" wrapText="1"/>
    </xf>
    <xf numFmtId="0" fontId="47" fillId="0" borderId="2" xfId="1" applyFont="1" applyFill="1" applyBorder="1" applyAlignment="1">
      <alignment horizontal="right"/>
    </xf>
    <xf numFmtId="0" fontId="47" fillId="0" borderId="0" xfId="1" applyFont="1" applyFill="1" applyBorder="1" applyAlignment="1">
      <alignment horizontal="right"/>
    </xf>
    <xf numFmtId="0" fontId="47" fillId="0" borderId="1" xfId="1" applyFont="1" applyFill="1" applyBorder="1" applyAlignment="1">
      <alignment horizontal="right"/>
    </xf>
    <xf numFmtId="0" fontId="48" fillId="0" borderId="6" xfId="1" applyFont="1" applyFill="1" applyBorder="1" applyAlignment="1">
      <alignment horizontal="right" wrapText="1"/>
    </xf>
    <xf numFmtId="0" fontId="48" fillId="0" borderId="7" xfId="1" applyFont="1" applyFill="1" applyBorder="1" applyAlignment="1">
      <alignment horizontal="right" wrapText="1"/>
    </xf>
    <xf numFmtId="0" fontId="48" fillId="0" borderId="8" xfId="1" applyFont="1" applyFill="1" applyBorder="1" applyAlignment="1">
      <alignment horizontal="right" wrapText="1"/>
    </xf>
    <xf numFmtId="0" fontId="49" fillId="0" borderId="18" xfId="1" applyFont="1" applyFill="1" applyBorder="1" applyAlignment="1">
      <alignment horizontal="center" vertical="center"/>
    </xf>
    <xf numFmtId="0" fontId="49" fillId="0" borderId="35" xfId="1" applyFont="1" applyFill="1" applyBorder="1" applyAlignment="1">
      <alignment horizontal="center" vertical="center"/>
    </xf>
    <xf numFmtId="0" fontId="47" fillId="0" borderId="3" xfId="1" applyFont="1" applyFill="1" applyBorder="1" applyAlignment="1">
      <alignment horizontal="center" vertical="center" justifyLastLine="1"/>
    </xf>
    <xf numFmtId="0" fontId="47" fillId="0" borderId="5" xfId="1" applyFont="1" applyFill="1" applyBorder="1" applyAlignment="1">
      <alignment horizontal="center" vertical="center" justifyLastLine="1"/>
    </xf>
    <xf numFmtId="0" fontId="47" fillId="0" borderId="4" xfId="1" applyFont="1" applyFill="1" applyBorder="1" applyAlignment="1">
      <alignment horizontal="center" vertical="center" justifyLastLine="1"/>
    </xf>
    <xf numFmtId="0" fontId="47" fillId="0" borderId="2" xfId="1" applyFont="1" applyFill="1" applyBorder="1" applyAlignment="1">
      <alignment horizontal="center" vertical="center" justifyLastLine="1"/>
    </xf>
    <xf numFmtId="0" fontId="47" fillId="0" borderId="0" xfId="1" applyFont="1" applyFill="1" applyBorder="1" applyAlignment="1">
      <alignment horizontal="center" vertical="center" justifyLastLine="1"/>
    </xf>
    <xf numFmtId="0" fontId="47" fillId="0" borderId="1" xfId="1" applyFont="1" applyFill="1" applyBorder="1" applyAlignment="1">
      <alignment horizontal="center" vertical="center" justifyLastLine="1"/>
    </xf>
    <xf numFmtId="0" fontId="47" fillId="0" borderId="6" xfId="1" applyFont="1" applyFill="1" applyBorder="1" applyAlignment="1">
      <alignment horizontal="center" vertical="center" justifyLastLine="1"/>
    </xf>
    <xf numFmtId="0" fontId="47" fillId="0" borderId="7" xfId="1" applyFont="1" applyFill="1" applyBorder="1" applyAlignment="1">
      <alignment horizontal="center" vertical="center" justifyLastLine="1"/>
    </xf>
    <xf numFmtId="0" fontId="47" fillId="0" borderId="8" xfId="1" applyFont="1" applyFill="1" applyBorder="1" applyAlignment="1">
      <alignment horizontal="center" vertical="center" justifyLastLine="1"/>
    </xf>
    <xf numFmtId="0" fontId="49" fillId="0" borderId="72" xfId="1" applyFont="1" applyFill="1" applyBorder="1" applyAlignment="1">
      <alignment horizontal="center" vertical="center"/>
    </xf>
    <xf numFmtId="0" fontId="49" fillId="0" borderId="134" xfId="1" applyFont="1" applyFill="1" applyBorder="1" applyAlignment="1">
      <alignment horizontal="center" vertical="center"/>
    </xf>
    <xf numFmtId="0" fontId="49" fillId="0" borderId="142" xfId="1" applyFont="1" applyFill="1" applyBorder="1" applyAlignment="1">
      <alignment horizontal="center" vertical="center"/>
    </xf>
    <xf numFmtId="0" fontId="49" fillId="0" borderId="178" xfId="1" applyFont="1" applyFill="1" applyBorder="1" applyAlignment="1">
      <alignment horizontal="center" vertical="center"/>
    </xf>
    <xf numFmtId="0" fontId="49" fillId="0" borderId="143" xfId="1" applyFont="1" applyFill="1" applyBorder="1" applyAlignment="1">
      <alignment horizontal="center" vertical="center"/>
    </xf>
    <xf numFmtId="177" fontId="44" fillId="0" borderId="68" xfId="1" applyNumberFormat="1" applyFont="1" applyFill="1" applyBorder="1" applyAlignment="1">
      <alignment horizontal="center" vertical="center"/>
    </xf>
    <xf numFmtId="177" fontId="44" fillId="0" borderId="136" xfId="1" applyNumberFormat="1" applyFont="1" applyFill="1" applyBorder="1" applyAlignment="1">
      <alignment horizontal="center" vertical="center"/>
    </xf>
    <xf numFmtId="177" fontId="44" fillId="0" borderId="137" xfId="1" applyNumberFormat="1" applyFont="1" applyFill="1" applyBorder="1" applyAlignment="1">
      <alignment horizontal="center" vertical="center"/>
    </xf>
    <xf numFmtId="0" fontId="49" fillId="0" borderId="90" xfId="1" applyFont="1" applyFill="1" applyBorder="1" applyAlignment="1">
      <alignment horizontal="center" vertical="top"/>
    </xf>
    <xf numFmtId="0" fontId="49" fillId="0" borderId="81" xfId="1" applyFont="1" applyFill="1" applyBorder="1" applyAlignment="1">
      <alignment horizontal="center" vertical="top"/>
    </xf>
    <xf numFmtId="0" fontId="49" fillId="0" borderId="82" xfId="1" applyFont="1" applyFill="1" applyBorder="1" applyAlignment="1">
      <alignment horizontal="center" vertical="top"/>
    </xf>
    <xf numFmtId="38" fontId="44" fillId="0" borderId="110" xfId="8" applyFont="1" applyFill="1" applyBorder="1" applyAlignment="1">
      <alignment horizontal="center" vertical="center"/>
    </xf>
    <xf numFmtId="38" fontId="44" fillId="0" borderId="89" xfId="8" applyFont="1" applyFill="1" applyBorder="1" applyAlignment="1">
      <alignment horizontal="center" vertical="center"/>
    </xf>
    <xf numFmtId="38" fontId="44" fillId="0" borderId="2" xfId="8" applyFont="1" applyFill="1" applyBorder="1" applyAlignment="1">
      <alignment horizontal="center" vertical="center"/>
    </xf>
    <xf numFmtId="38" fontId="44" fillId="0" borderId="0" xfId="8" applyFont="1" applyFill="1" applyBorder="1" applyAlignment="1">
      <alignment horizontal="center" vertical="center"/>
    </xf>
    <xf numFmtId="38" fontId="44" fillId="0" borderId="6" xfId="8" applyFont="1" applyFill="1" applyBorder="1" applyAlignment="1">
      <alignment horizontal="center" vertical="center"/>
    </xf>
    <xf numFmtId="38" fontId="44" fillId="0" borderId="7" xfId="8" applyFont="1" applyFill="1" applyBorder="1" applyAlignment="1">
      <alignment horizontal="center" vertical="center"/>
    </xf>
    <xf numFmtId="0" fontId="49" fillId="0" borderId="5" xfId="1" applyFont="1" applyFill="1" applyBorder="1" applyAlignment="1">
      <alignment horizontal="right" vertical="top"/>
    </xf>
    <xf numFmtId="0" fontId="49" fillId="0" borderId="4" xfId="1" applyFont="1" applyFill="1" applyBorder="1" applyAlignment="1">
      <alignment horizontal="right" vertical="top"/>
    </xf>
    <xf numFmtId="0" fontId="49" fillId="0" borderId="0" xfId="1" applyFont="1" applyFill="1" applyBorder="1" applyAlignment="1">
      <alignment horizontal="right" vertical="top"/>
    </xf>
    <xf numFmtId="0" fontId="49" fillId="0" borderId="1" xfId="1" applyFont="1" applyFill="1" applyBorder="1" applyAlignment="1">
      <alignment horizontal="right" vertical="top"/>
    </xf>
    <xf numFmtId="0" fontId="49" fillId="0" borderId="7" xfId="1" applyFont="1" applyFill="1" applyBorder="1" applyAlignment="1">
      <alignment horizontal="right" vertical="top"/>
    </xf>
    <xf numFmtId="0" fontId="49" fillId="0" borderId="8" xfId="1" applyFont="1" applyFill="1" applyBorder="1" applyAlignment="1">
      <alignment horizontal="right" vertical="top"/>
    </xf>
    <xf numFmtId="38" fontId="44" fillId="0" borderId="77" xfId="1" applyNumberFormat="1" applyFont="1" applyFill="1" applyBorder="1" applyAlignment="1">
      <alignment horizontal="center" vertical="center"/>
    </xf>
    <xf numFmtId="38" fontId="44" fillId="0" borderId="5" xfId="1" applyNumberFormat="1" applyFont="1" applyFill="1" applyBorder="1" applyAlignment="1">
      <alignment horizontal="center" vertical="center"/>
    </xf>
    <xf numFmtId="38" fontId="44" fillId="0" borderId="78" xfId="1" applyNumberFormat="1" applyFont="1" applyFill="1" applyBorder="1" applyAlignment="1">
      <alignment horizontal="center" vertical="center"/>
    </xf>
    <xf numFmtId="38" fontId="44" fillId="0" borderId="0" xfId="1" applyNumberFormat="1" applyFont="1" applyFill="1" applyBorder="1" applyAlignment="1">
      <alignment horizontal="center" vertical="center"/>
    </xf>
    <xf numFmtId="38" fontId="44" fillId="0" borderId="79" xfId="1" applyNumberFormat="1" applyFont="1" applyFill="1" applyBorder="1" applyAlignment="1">
      <alignment horizontal="center" vertical="center"/>
    </xf>
    <xf numFmtId="38" fontId="44" fillId="0" borderId="7" xfId="1" applyNumberFormat="1" applyFont="1" applyFill="1" applyBorder="1" applyAlignment="1">
      <alignment horizontal="center" vertical="center"/>
    </xf>
    <xf numFmtId="0" fontId="48" fillId="0" borderId="93" xfId="1" applyFont="1" applyFill="1" applyBorder="1" applyAlignment="1">
      <alignment horizontal="center"/>
    </xf>
    <xf numFmtId="0" fontId="48" fillId="0" borderId="94" xfId="1" applyFont="1" applyFill="1" applyBorder="1" applyAlignment="1">
      <alignment horizontal="center"/>
    </xf>
    <xf numFmtId="0" fontId="48" fillId="0" borderId="132" xfId="1" applyFont="1" applyFill="1" applyBorder="1" applyAlignment="1">
      <alignment horizontal="center"/>
    </xf>
    <xf numFmtId="0" fontId="48" fillId="0" borderId="95" xfId="1" applyFont="1" applyFill="1" applyBorder="1" applyAlignment="1">
      <alignment horizontal="center"/>
    </xf>
    <xf numFmtId="0" fontId="48" fillId="0" borderId="96" xfId="1" applyFont="1" applyFill="1" applyBorder="1" applyAlignment="1">
      <alignment horizontal="center"/>
    </xf>
    <xf numFmtId="0" fontId="48" fillId="0" borderId="107" xfId="1" applyFont="1" applyFill="1" applyBorder="1" applyAlignment="1">
      <alignment horizontal="center"/>
    </xf>
    <xf numFmtId="0" fontId="48" fillId="0" borderId="97" xfId="1" applyFont="1" applyFill="1" applyBorder="1" applyAlignment="1">
      <alignment horizontal="center"/>
    </xf>
    <xf numFmtId="0" fontId="48" fillId="0" borderId="98" xfId="1" applyFont="1" applyFill="1" applyBorder="1" applyAlignment="1">
      <alignment horizontal="center"/>
    </xf>
    <xf numFmtId="0" fontId="48" fillId="0" borderId="108" xfId="1" applyFont="1" applyFill="1" applyBorder="1" applyAlignment="1">
      <alignment horizontal="center"/>
    </xf>
    <xf numFmtId="177" fontId="44" fillId="0" borderId="112" xfId="1" applyNumberFormat="1" applyFont="1" applyFill="1" applyBorder="1" applyAlignment="1">
      <alignment horizontal="center" vertical="center"/>
    </xf>
    <xf numFmtId="177" fontId="44" fillId="0" borderId="113" xfId="1" applyNumberFormat="1" applyFont="1" applyFill="1" applyBorder="1" applyAlignment="1">
      <alignment horizontal="center" vertical="center"/>
    </xf>
    <xf numFmtId="177" fontId="44" fillId="0" borderId="117" xfId="1" applyNumberFormat="1" applyFont="1" applyFill="1" applyBorder="1" applyAlignment="1">
      <alignment horizontal="center" vertical="center"/>
    </xf>
    <xf numFmtId="177" fontId="44" fillId="0" borderId="114" xfId="1" applyNumberFormat="1" applyFont="1" applyFill="1" applyBorder="1" applyAlignment="1">
      <alignment horizontal="center" vertical="center"/>
    </xf>
    <xf numFmtId="177" fontId="44" fillId="0" borderId="115" xfId="1" applyNumberFormat="1" applyFont="1" applyFill="1" applyBorder="1" applyAlignment="1">
      <alignment horizontal="center" vertical="center"/>
    </xf>
    <xf numFmtId="177" fontId="44" fillId="0" borderId="118" xfId="1" applyNumberFormat="1" applyFont="1" applyFill="1" applyBorder="1" applyAlignment="1">
      <alignment horizontal="center" vertical="center"/>
    </xf>
    <xf numFmtId="177" fontId="44" fillId="0" borderId="147" xfId="1" applyNumberFormat="1" applyFont="1" applyFill="1" applyBorder="1" applyAlignment="1">
      <alignment horizontal="center" vertical="center"/>
    </xf>
    <xf numFmtId="177" fontId="44" fillId="0" borderId="148" xfId="1" applyNumberFormat="1" applyFont="1" applyFill="1" applyBorder="1" applyAlignment="1">
      <alignment horizontal="center" vertical="center"/>
    </xf>
    <xf numFmtId="177" fontId="44" fillId="0" borderId="149" xfId="1" applyNumberFormat="1" applyFont="1" applyFill="1" applyBorder="1" applyAlignment="1">
      <alignment horizontal="center" vertical="center"/>
    </xf>
    <xf numFmtId="0" fontId="47" fillId="0" borderId="67" xfId="1" applyFont="1" applyFill="1" applyBorder="1" applyAlignment="1">
      <alignment horizontal="center" vertical="center"/>
    </xf>
    <xf numFmtId="0" fontId="47" fillId="0" borderId="68" xfId="1" applyFont="1" applyFill="1" applyBorder="1" applyAlignment="1">
      <alignment horizontal="center" vertical="center"/>
    </xf>
    <xf numFmtId="177" fontId="44" fillId="0" borderId="144" xfId="1" applyNumberFormat="1" applyFont="1" applyFill="1" applyBorder="1" applyAlignment="1">
      <alignment horizontal="center" vertical="center"/>
    </xf>
    <xf numFmtId="177" fontId="44" fillId="0" borderId="145" xfId="1" applyNumberFormat="1" applyFont="1" applyFill="1" applyBorder="1" applyAlignment="1">
      <alignment horizontal="center" vertical="center"/>
    </xf>
    <xf numFmtId="177" fontId="44" fillId="0" borderId="146" xfId="1" applyNumberFormat="1" applyFont="1" applyFill="1" applyBorder="1" applyAlignment="1">
      <alignment horizontal="center" vertical="center"/>
    </xf>
    <xf numFmtId="177" fontId="44" fillId="0" borderId="67" xfId="1" applyNumberFormat="1" applyFont="1" applyFill="1" applyBorder="1" applyAlignment="1">
      <alignment horizontal="center" vertical="center"/>
    </xf>
    <xf numFmtId="0" fontId="45" fillId="0" borderId="3" xfId="1" applyFont="1" applyFill="1" applyBorder="1" applyAlignment="1">
      <alignment horizontal="center" vertical="center"/>
    </xf>
    <xf numFmtId="0" fontId="45" fillId="0" borderId="5" xfId="1" applyFont="1" applyFill="1" applyBorder="1" applyAlignment="1">
      <alignment horizontal="center" vertical="center"/>
    </xf>
    <xf numFmtId="0" fontId="45" fillId="0" borderId="4" xfId="1" applyFont="1" applyFill="1" applyBorder="1" applyAlignment="1">
      <alignment horizontal="center" vertical="center"/>
    </xf>
    <xf numFmtId="0" fontId="45" fillId="0" borderId="2" xfId="1" applyFont="1" applyFill="1" applyBorder="1" applyAlignment="1">
      <alignment horizontal="center" vertical="center"/>
    </xf>
    <xf numFmtId="0" fontId="45" fillId="0" borderId="0" xfId="1" applyFont="1" applyFill="1" applyBorder="1" applyAlignment="1">
      <alignment horizontal="center" vertical="center"/>
    </xf>
    <xf numFmtId="0" fontId="45" fillId="0" borderId="1" xfId="1" applyFont="1" applyFill="1" applyBorder="1" applyAlignment="1">
      <alignment horizontal="center" vertical="center"/>
    </xf>
    <xf numFmtId="0" fontId="45" fillId="0" borderId="6" xfId="1" applyFont="1" applyFill="1" applyBorder="1" applyAlignment="1">
      <alignment horizontal="center" vertical="center"/>
    </xf>
    <xf numFmtId="0" fontId="45" fillId="0" borderId="7" xfId="1" applyFont="1" applyFill="1" applyBorder="1" applyAlignment="1">
      <alignment horizontal="center" vertical="center"/>
    </xf>
    <xf numFmtId="0" fontId="45" fillId="0" borderId="8" xfId="1" applyFont="1" applyFill="1" applyBorder="1" applyAlignment="1">
      <alignment horizontal="center" vertical="center"/>
    </xf>
    <xf numFmtId="38" fontId="44" fillId="0" borderId="3" xfId="1" applyNumberFormat="1" applyFont="1" applyFill="1" applyBorder="1" applyAlignment="1">
      <alignment horizontal="center" vertical="center"/>
    </xf>
    <xf numFmtId="38" fontId="44" fillId="0" borderId="2" xfId="1" applyNumberFormat="1" applyFont="1" applyFill="1" applyBorder="1" applyAlignment="1">
      <alignment horizontal="center" vertical="center"/>
    </xf>
    <xf numFmtId="38" fontId="44" fillId="0" borderId="6" xfId="1" applyNumberFormat="1" applyFont="1" applyFill="1" applyBorder="1" applyAlignment="1">
      <alignment horizontal="center" vertical="center"/>
    </xf>
    <xf numFmtId="177" fontId="44" fillId="0" borderId="3" xfId="1" applyNumberFormat="1" applyFont="1" applyFill="1" applyBorder="1" applyAlignment="1">
      <alignment horizontal="center" vertical="center"/>
    </xf>
    <xf numFmtId="177" fontId="44" fillId="0" borderId="5" xfId="1" applyNumberFormat="1" applyFont="1" applyFill="1" applyBorder="1" applyAlignment="1">
      <alignment horizontal="center" vertical="center"/>
    </xf>
    <xf numFmtId="177" fontId="44" fillId="0" borderId="80" xfId="1" applyNumberFormat="1" applyFont="1" applyFill="1" applyBorder="1" applyAlignment="1">
      <alignment horizontal="center" vertical="center"/>
    </xf>
    <xf numFmtId="177" fontId="44" fillId="0" borderId="2" xfId="1" applyNumberFormat="1" applyFont="1" applyFill="1" applyBorder="1" applyAlignment="1">
      <alignment horizontal="center" vertical="center"/>
    </xf>
    <xf numFmtId="177" fontId="44" fillId="0" borderId="0" xfId="1" applyNumberFormat="1" applyFont="1" applyFill="1" applyBorder="1" applyAlignment="1">
      <alignment horizontal="center" vertical="center"/>
    </xf>
    <xf numFmtId="177" fontId="44" fillId="0" borderId="81" xfId="1" applyNumberFormat="1" applyFont="1" applyFill="1" applyBorder="1" applyAlignment="1">
      <alignment horizontal="center" vertical="center"/>
    </xf>
    <xf numFmtId="177" fontId="44" fillId="0" borderId="6" xfId="1" applyNumberFormat="1" applyFont="1" applyFill="1" applyBorder="1" applyAlignment="1">
      <alignment horizontal="center" vertical="center"/>
    </xf>
    <xf numFmtId="177" fontId="44" fillId="0" borderId="7" xfId="1" applyNumberFormat="1" applyFont="1" applyFill="1" applyBorder="1" applyAlignment="1">
      <alignment horizontal="center" vertical="center"/>
    </xf>
    <xf numFmtId="177" fontId="44" fillId="0" borderId="82" xfId="1" applyNumberFormat="1" applyFont="1" applyFill="1" applyBorder="1" applyAlignment="1">
      <alignment horizontal="center" vertical="center"/>
    </xf>
    <xf numFmtId="177" fontId="44" fillId="0" borderId="124" xfId="1" applyNumberFormat="1" applyFont="1" applyFill="1" applyBorder="1" applyAlignment="1">
      <alignment horizontal="center" vertical="center"/>
    </xf>
    <xf numFmtId="177" fontId="44" fillId="0" borderId="125" xfId="1" applyNumberFormat="1" applyFont="1" applyFill="1" applyBorder="1" applyAlignment="1">
      <alignment horizontal="center" vertical="center"/>
    </xf>
    <xf numFmtId="177" fontId="44" fillId="0" borderId="129" xfId="1" applyNumberFormat="1" applyFont="1" applyFill="1" applyBorder="1" applyAlignment="1">
      <alignment horizontal="center" vertical="center"/>
    </xf>
    <xf numFmtId="177" fontId="44" fillId="0" borderId="130" xfId="1" applyNumberFormat="1" applyFont="1" applyFill="1" applyBorder="1" applyAlignment="1">
      <alignment horizontal="center" vertical="center"/>
    </xf>
    <xf numFmtId="177" fontId="44" fillId="0" borderId="131" xfId="1" applyNumberFormat="1" applyFont="1" applyFill="1" applyBorder="1" applyAlignment="1">
      <alignment horizontal="center" vertical="center"/>
    </xf>
    <xf numFmtId="0" fontId="49" fillId="0" borderId="69" xfId="1" applyFont="1" applyFill="1" applyBorder="1" applyAlignment="1">
      <alignment horizontal="center" vertical="center"/>
    </xf>
    <xf numFmtId="0" fontId="49" fillId="0" borderId="133" xfId="1" applyFont="1" applyFill="1" applyBorder="1" applyAlignment="1">
      <alignment horizontal="center" vertical="center"/>
    </xf>
    <xf numFmtId="0" fontId="49" fillId="0" borderId="70" xfId="1" applyFont="1" applyFill="1" applyBorder="1" applyAlignment="1">
      <alignment horizontal="center" vertical="center"/>
    </xf>
    <xf numFmtId="0" fontId="44" fillId="0" borderId="2" xfId="1" applyFont="1" applyFill="1" applyBorder="1" applyAlignment="1">
      <alignment horizontal="center" vertical="center"/>
    </xf>
    <xf numFmtId="0" fontId="44" fillId="0" borderId="6" xfId="1" applyFont="1" applyFill="1" applyBorder="1" applyAlignment="1">
      <alignment horizontal="center" vertical="center"/>
    </xf>
    <xf numFmtId="0" fontId="44" fillId="0" borderId="7" xfId="1" applyFont="1" applyFill="1" applyBorder="1" applyAlignment="1">
      <alignment horizontal="center" vertical="center"/>
    </xf>
    <xf numFmtId="0" fontId="44" fillId="0" borderId="8" xfId="1" applyFont="1" applyFill="1" applyBorder="1" applyAlignment="1">
      <alignment horizontal="center" vertical="center"/>
    </xf>
    <xf numFmtId="0" fontId="46" fillId="0" borderId="67" xfId="1" applyFont="1" applyFill="1" applyBorder="1" applyAlignment="1">
      <alignment horizontal="center" vertical="center"/>
    </xf>
    <xf numFmtId="0" fontId="46" fillId="0" borderId="3" xfId="1" applyFont="1" applyFill="1" applyBorder="1" applyAlignment="1">
      <alignment horizontal="center" vertical="center"/>
    </xf>
    <xf numFmtId="0" fontId="46" fillId="0" borderId="5" xfId="1" applyFont="1" applyFill="1" applyBorder="1" applyAlignment="1">
      <alignment horizontal="center" vertical="center"/>
    </xf>
    <xf numFmtId="0" fontId="46" fillId="0" borderId="4" xfId="1" applyFont="1" applyFill="1" applyBorder="1" applyAlignment="1">
      <alignment horizontal="center" vertical="center"/>
    </xf>
    <xf numFmtId="0" fontId="46" fillId="0" borderId="2" xfId="1" applyFont="1" applyFill="1" applyBorder="1" applyAlignment="1">
      <alignment horizontal="center" vertical="center"/>
    </xf>
    <xf numFmtId="0" fontId="46" fillId="0" borderId="0" xfId="1" applyFont="1" applyFill="1" applyBorder="1" applyAlignment="1">
      <alignment horizontal="center" vertical="center"/>
    </xf>
    <xf numFmtId="0" fontId="46" fillId="0" borderId="1" xfId="1" applyFont="1" applyFill="1" applyBorder="1" applyAlignment="1">
      <alignment horizontal="center" vertical="center"/>
    </xf>
    <xf numFmtId="0" fontId="46" fillId="0" borderId="6" xfId="1" applyFont="1" applyFill="1" applyBorder="1" applyAlignment="1">
      <alignment horizontal="center" vertical="center"/>
    </xf>
    <xf numFmtId="0" fontId="46" fillId="0" borderId="7" xfId="1" applyFont="1" applyFill="1" applyBorder="1" applyAlignment="1">
      <alignment horizontal="center" vertical="center"/>
    </xf>
    <xf numFmtId="0" fontId="46" fillId="0" borderId="8" xfId="1" applyFont="1" applyFill="1" applyBorder="1" applyAlignment="1">
      <alignment horizontal="center" vertical="center"/>
    </xf>
    <xf numFmtId="0" fontId="45" fillId="0" borderId="3" xfId="1" applyFont="1" applyFill="1" applyBorder="1" applyAlignment="1">
      <alignment horizontal="center" vertical="center" justifyLastLine="1"/>
    </xf>
    <xf numFmtId="0" fontId="45" fillId="0" borderId="5" xfId="1" applyFont="1" applyFill="1" applyBorder="1" applyAlignment="1">
      <alignment horizontal="center" vertical="center" justifyLastLine="1"/>
    </xf>
    <xf numFmtId="0" fontId="45" fillId="0" borderId="4" xfId="1" applyFont="1" applyFill="1" applyBorder="1" applyAlignment="1">
      <alignment horizontal="center" vertical="center" justifyLastLine="1"/>
    </xf>
    <xf numFmtId="0" fontId="45" fillId="0" borderId="2" xfId="1" applyFont="1" applyFill="1" applyBorder="1" applyAlignment="1">
      <alignment horizontal="center" vertical="center" justifyLastLine="1"/>
    </xf>
    <xf numFmtId="0" fontId="45" fillId="0" borderId="0" xfId="1" applyFont="1" applyFill="1" applyBorder="1" applyAlignment="1">
      <alignment horizontal="center" vertical="center" justifyLastLine="1"/>
    </xf>
    <xf numFmtId="0" fontId="45" fillId="0" borderId="1" xfId="1" applyFont="1" applyFill="1" applyBorder="1" applyAlignment="1">
      <alignment horizontal="center" vertical="center" justifyLastLine="1"/>
    </xf>
    <xf numFmtId="0" fontId="45" fillId="0" borderId="6" xfId="1" applyFont="1" applyFill="1" applyBorder="1" applyAlignment="1">
      <alignment horizontal="center" vertical="center" justifyLastLine="1"/>
    </xf>
    <xf numFmtId="0" fontId="45" fillId="0" borderId="7" xfId="1" applyFont="1" applyFill="1" applyBorder="1" applyAlignment="1">
      <alignment horizontal="center" vertical="center" justifyLastLine="1"/>
    </xf>
    <xf numFmtId="0" fontId="45" fillId="0" borderId="8" xfId="1" applyFont="1" applyFill="1" applyBorder="1" applyAlignment="1">
      <alignment horizontal="center" vertical="center" justifyLastLine="1"/>
    </xf>
    <xf numFmtId="38" fontId="54" fillId="0" borderId="67" xfId="1" applyNumberFormat="1" applyFont="1" applyFill="1" applyBorder="1" applyAlignment="1">
      <alignment horizontal="center" vertical="center"/>
    </xf>
    <xf numFmtId="38" fontId="54" fillId="0" borderId="73" xfId="1" applyNumberFormat="1" applyFont="1" applyFill="1" applyBorder="1" applyAlignment="1">
      <alignment horizontal="center" vertical="center"/>
    </xf>
    <xf numFmtId="0" fontId="49" fillId="0" borderId="87" xfId="1" applyFont="1" applyFill="1" applyBorder="1" applyAlignment="1">
      <alignment horizontal="center" vertical="center"/>
    </xf>
    <xf numFmtId="0" fontId="45" fillId="0" borderId="44" xfId="1" applyFont="1" applyFill="1" applyBorder="1" applyAlignment="1">
      <alignment horizontal="center" vertical="center"/>
    </xf>
    <xf numFmtId="0" fontId="45" fillId="0" borderId="18" xfId="1" applyFont="1" applyFill="1" applyBorder="1" applyAlignment="1">
      <alignment horizontal="center" vertical="center"/>
    </xf>
    <xf numFmtId="49" fontId="44" fillId="0" borderId="3" xfId="1" applyNumberFormat="1" applyFont="1" applyFill="1" applyBorder="1" applyAlignment="1">
      <alignment horizontal="center" vertical="center"/>
    </xf>
    <xf numFmtId="49" fontId="44" fillId="0" borderId="5" xfId="1" applyNumberFormat="1" applyFont="1" applyFill="1" applyBorder="1" applyAlignment="1">
      <alignment horizontal="center" vertical="center"/>
    </xf>
    <xf numFmtId="49" fontId="44" fillId="0" borderId="4" xfId="1" applyNumberFormat="1" applyFont="1" applyFill="1" applyBorder="1" applyAlignment="1">
      <alignment horizontal="center" vertical="center"/>
    </xf>
    <xf numFmtId="49" fontId="44" fillId="0" borderId="2" xfId="1" applyNumberFormat="1" applyFont="1" applyFill="1" applyBorder="1" applyAlignment="1">
      <alignment horizontal="center" vertical="center"/>
    </xf>
    <xf numFmtId="49" fontId="44" fillId="0" borderId="0" xfId="1" applyNumberFormat="1" applyFont="1" applyFill="1" applyBorder="1" applyAlignment="1">
      <alignment horizontal="center" vertical="center"/>
    </xf>
    <xf numFmtId="49" fontId="44" fillId="0" borderId="1" xfId="1" applyNumberFormat="1" applyFont="1" applyFill="1" applyBorder="1" applyAlignment="1">
      <alignment horizontal="center" vertical="center"/>
    </xf>
    <xf numFmtId="49" fontId="44" fillId="0" borderId="6" xfId="1" applyNumberFormat="1" applyFont="1" applyFill="1" applyBorder="1" applyAlignment="1">
      <alignment horizontal="center" vertical="center"/>
    </xf>
    <xf numFmtId="49" fontId="44" fillId="0" borderId="7" xfId="1" applyNumberFormat="1" applyFont="1" applyFill="1" applyBorder="1" applyAlignment="1">
      <alignment horizontal="center" vertical="center"/>
    </xf>
    <xf numFmtId="49" fontId="44" fillId="0" borderId="8" xfId="1" applyNumberFormat="1" applyFont="1" applyFill="1" applyBorder="1" applyAlignment="1">
      <alignment horizontal="center" vertical="center"/>
    </xf>
    <xf numFmtId="0" fontId="44" fillId="0" borderId="135" xfId="1" quotePrefix="1" applyFont="1" applyFill="1" applyBorder="1" applyAlignment="1">
      <alignment horizontal="center" vertical="center"/>
    </xf>
    <xf numFmtId="0" fontId="44" fillId="0" borderId="136" xfId="1" quotePrefix="1" applyFont="1" applyFill="1" applyBorder="1" applyAlignment="1">
      <alignment horizontal="center" vertical="center"/>
    </xf>
    <xf numFmtId="0" fontId="44" fillId="0" borderId="136" xfId="1" applyFont="1" applyFill="1" applyBorder="1" applyAlignment="1">
      <alignment horizontal="center" vertical="center"/>
    </xf>
    <xf numFmtId="0" fontId="44" fillId="0" borderId="135" xfId="1" applyFont="1" applyFill="1" applyBorder="1" applyAlignment="1">
      <alignment horizontal="center" vertical="center"/>
    </xf>
    <xf numFmtId="0" fontId="44" fillId="0" borderId="138" xfId="1" applyFont="1" applyFill="1" applyBorder="1" applyAlignment="1">
      <alignment horizontal="center" vertical="center"/>
    </xf>
    <xf numFmtId="0" fontId="44" fillId="0" borderId="141" xfId="1" applyFont="1" applyFill="1" applyBorder="1" applyAlignment="1">
      <alignment horizontal="center" vertical="center"/>
    </xf>
    <xf numFmtId="0" fontId="44" fillId="0" borderId="140" xfId="1" applyFont="1" applyFill="1" applyBorder="1" applyAlignment="1">
      <alignment horizontal="center" vertical="center"/>
    </xf>
    <xf numFmtId="38" fontId="54" fillId="0" borderId="68" xfId="1" applyNumberFormat="1" applyFont="1" applyFill="1" applyBorder="1" applyAlignment="1">
      <alignment horizontal="center" vertical="center"/>
    </xf>
    <xf numFmtId="38" fontId="54" fillId="0" borderId="136" xfId="1" applyNumberFormat="1" applyFont="1" applyFill="1" applyBorder="1" applyAlignment="1">
      <alignment horizontal="center" vertical="center"/>
    </xf>
    <xf numFmtId="38" fontId="54" fillId="0" borderId="137" xfId="1" applyNumberFormat="1" applyFont="1" applyFill="1" applyBorder="1" applyAlignment="1">
      <alignment horizontal="center" vertical="center"/>
    </xf>
    <xf numFmtId="38" fontId="54" fillId="0" borderId="128" xfId="1" applyNumberFormat="1" applyFont="1" applyFill="1" applyBorder="1" applyAlignment="1">
      <alignment horizontal="center" vertical="center"/>
    </xf>
    <xf numFmtId="38" fontId="54" fillId="0" borderId="141" xfId="1" applyNumberFormat="1" applyFont="1" applyFill="1" applyBorder="1" applyAlignment="1">
      <alignment horizontal="center" vertical="center"/>
    </xf>
    <xf numFmtId="38" fontId="54" fillId="0" borderId="139" xfId="1" applyNumberFormat="1" applyFont="1" applyFill="1" applyBorder="1" applyAlignment="1">
      <alignment horizontal="center" vertical="center"/>
    </xf>
    <xf numFmtId="0" fontId="44" fillId="0" borderId="69" xfId="1" quotePrefix="1" applyFont="1" applyFill="1" applyBorder="1" applyAlignment="1">
      <alignment horizontal="center" vertical="center"/>
    </xf>
    <xf numFmtId="0" fontId="44" fillId="0" borderId="133" xfId="1" quotePrefix="1" applyFont="1" applyFill="1" applyBorder="1" applyAlignment="1">
      <alignment horizontal="center" vertical="center"/>
    </xf>
    <xf numFmtId="0" fontId="44" fillId="0" borderId="70" xfId="1" applyFont="1" applyFill="1" applyBorder="1" applyAlignment="1">
      <alignment horizontal="center" vertical="center"/>
    </xf>
    <xf numFmtId="0" fontId="49" fillId="0" borderId="68" xfId="1" applyFont="1" applyFill="1" applyBorder="1" applyAlignment="1">
      <alignment horizontal="center" vertical="center"/>
    </xf>
    <xf numFmtId="0" fontId="45" fillId="0" borderId="67" xfId="1" applyFont="1" applyFill="1" applyBorder="1" applyAlignment="1">
      <alignment horizontal="center" vertical="center" wrapText="1"/>
    </xf>
    <xf numFmtId="0" fontId="47" fillId="0" borderId="3" xfId="1" applyFont="1" applyFill="1" applyBorder="1" applyAlignment="1">
      <alignment horizontal="center" vertical="center" textRotation="255"/>
    </xf>
    <xf numFmtId="0" fontId="47" fillId="0" borderId="5" xfId="1" applyFont="1" applyFill="1" applyBorder="1" applyAlignment="1">
      <alignment horizontal="center" vertical="center" textRotation="255"/>
    </xf>
    <xf numFmtId="0" fontId="47" fillId="0" borderId="4" xfId="1" applyFont="1" applyFill="1" applyBorder="1" applyAlignment="1">
      <alignment horizontal="center" vertical="center" textRotation="255"/>
    </xf>
    <xf numFmtId="0" fontId="47" fillId="0" borderId="2" xfId="1" applyFont="1" applyFill="1" applyBorder="1" applyAlignment="1">
      <alignment horizontal="center" vertical="center" textRotation="255"/>
    </xf>
    <xf numFmtId="0" fontId="47" fillId="0" borderId="0" xfId="1" applyFont="1" applyFill="1" applyBorder="1" applyAlignment="1">
      <alignment horizontal="center" vertical="center" textRotation="255"/>
    </xf>
    <xf numFmtId="0" fontId="47" fillId="0" borderId="1" xfId="1" applyFont="1" applyFill="1" applyBorder="1" applyAlignment="1">
      <alignment horizontal="center" vertical="center" textRotation="255"/>
    </xf>
    <xf numFmtId="0" fontId="47" fillId="0" borderId="6" xfId="1" applyFont="1" applyFill="1" applyBorder="1" applyAlignment="1">
      <alignment horizontal="center" vertical="center" textRotation="255"/>
    </xf>
    <xf numFmtId="0" fontId="47" fillId="0" borderId="7" xfId="1" applyFont="1" applyFill="1" applyBorder="1" applyAlignment="1">
      <alignment horizontal="center" vertical="center" textRotation="255"/>
    </xf>
    <xf numFmtId="0" fontId="47" fillId="0" borderId="8" xfId="1" applyFont="1" applyFill="1" applyBorder="1" applyAlignment="1">
      <alignment horizontal="center" vertical="center" textRotation="255"/>
    </xf>
    <xf numFmtId="0" fontId="49" fillId="0" borderId="80" xfId="1" applyFont="1" applyFill="1" applyBorder="1" applyAlignment="1">
      <alignment horizontal="center" vertical="top"/>
    </xf>
    <xf numFmtId="38" fontId="54" fillId="0" borderId="110" xfId="1" applyNumberFormat="1" applyFont="1" applyFill="1" applyBorder="1" applyAlignment="1">
      <alignment horizontal="center" vertical="center"/>
    </xf>
    <xf numFmtId="38" fontId="54" fillId="0" borderId="89" xfId="1" applyNumberFormat="1" applyFont="1" applyFill="1" applyBorder="1" applyAlignment="1">
      <alignment horizontal="center" vertical="center"/>
    </xf>
    <xf numFmtId="38" fontId="54" fillId="0" borderId="2" xfId="1" applyNumberFormat="1" applyFont="1" applyFill="1" applyBorder="1" applyAlignment="1">
      <alignment horizontal="center" vertical="center"/>
    </xf>
    <xf numFmtId="38" fontId="54" fillId="0" borderId="0" xfId="1" applyNumberFormat="1" applyFont="1" applyFill="1" applyBorder="1" applyAlignment="1">
      <alignment horizontal="center" vertical="center"/>
    </xf>
    <xf numFmtId="38" fontId="54" fillId="0" borderId="6" xfId="1" applyNumberFormat="1" applyFont="1" applyFill="1" applyBorder="1" applyAlignment="1">
      <alignment horizontal="center" vertical="center"/>
    </xf>
    <xf numFmtId="38" fontId="54" fillId="0" borderId="7" xfId="1" applyNumberFormat="1" applyFont="1" applyFill="1" applyBorder="1" applyAlignment="1">
      <alignment horizontal="center" vertical="center"/>
    </xf>
    <xf numFmtId="49" fontId="44" fillId="0" borderId="3" xfId="1" applyNumberFormat="1" applyFont="1" applyFill="1" applyBorder="1" applyAlignment="1">
      <alignment horizontal="center" vertical="distributed" textRotation="255" indent="3"/>
    </xf>
    <xf numFmtId="49" fontId="44" fillId="0" borderId="5" xfId="1" applyNumberFormat="1" applyFont="1" applyFill="1" applyBorder="1" applyAlignment="1">
      <alignment horizontal="center" vertical="distributed" textRotation="255" indent="3"/>
    </xf>
    <xf numFmtId="49" fontId="44" fillId="0" borderId="4" xfId="1" applyNumberFormat="1" applyFont="1" applyFill="1" applyBorder="1" applyAlignment="1">
      <alignment horizontal="center" vertical="distributed" textRotation="255" indent="3"/>
    </xf>
    <xf numFmtId="49" fontId="44" fillId="0" borderId="2" xfId="1" applyNumberFormat="1" applyFont="1" applyFill="1" applyBorder="1" applyAlignment="1">
      <alignment horizontal="center" vertical="distributed" textRotation="255" indent="3"/>
    </xf>
    <xf numFmtId="49" fontId="44" fillId="0" borderId="0" xfId="1" applyNumberFormat="1" applyFont="1" applyFill="1" applyBorder="1" applyAlignment="1">
      <alignment horizontal="center" vertical="distributed" textRotation="255" indent="3"/>
    </xf>
    <xf numFmtId="49" fontId="44" fillId="0" borderId="1" xfId="1" applyNumberFormat="1" applyFont="1" applyFill="1" applyBorder="1" applyAlignment="1">
      <alignment horizontal="center" vertical="distributed" textRotation="255" indent="3"/>
    </xf>
    <xf numFmtId="49" fontId="44" fillId="0" borderId="6" xfId="1" applyNumberFormat="1" applyFont="1" applyFill="1" applyBorder="1" applyAlignment="1">
      <alignment horizontal="center" vertical="distributed" textRotation="255" indent="3"/>
    </xf>
    <xf numFmtId="49" fontId="44" fillId="0" borderId="7" xfId="1" applyNumberFormat="1" applyFont="1" applyFill="1" applyBorder="1" applyAlignment="1">
      <alignment horizontal="center" vertical="distributed" textRotation="255" indent="3"/>
    </xf>
    <xf numFmtId="0" fontId="49" fillId="0" borderId="161" xfId="1" applyFont="1" applyFill="1" applyBorder="1" applyAlignment="1">
      <alignment horizontal="center" vertical="center"/>
    </xf>
    <xf numFmtId="0" fontId="49" fillId="0" borderId="180" xfId="1" applyFont="1" applyFill="1" applyBorder="1" applyAlignment="1">
      <alignment horizontal="center" vertical="center"/>
    </xf>
    <xf numFmtId="0" fontId="49" fillId="0" borderId="162" xfId="1" applyFont="1" applyFill="1" applyBorder="1" applyAlignment="1">
      <alignment horizontal="center" vertical="center"/>
    </xf>
    <xf numFmtId="0" fontId="49" fillId="0" borderId="163" xfId="1" applyFont="1" applyFill="1" applyBorder="1" applyAlignment="1">
      <alignment horizontal="center" vertical="center"/>
    </xf>
    <xf numFmtId="0" fontId="49" fillId="0" borderId="181" xfId="1" applyFont="1" applyFill="1" applyBorder="1" applyAlignment="1">
      <alignment horizontal="center" vertical="center"/>
    </xf>
    <xf numFmtId="0" fontId="49" fillId="0" borderId="164" xfId="1" applyFont="1" applyFill="1" applyBorder="1" applyAlignment="1">
      <alignment horizontal="center" vertical="center"/>
    </xf>
    <xf numFmtId="3" fontId="54" fillId="0" borderId="67" xfId="1" applyNumberFormat="1" applyFont="1" applyFill="1" applyBorder="1" applyAlignment="1">
      <alignment horizontal="center"/>
    </xf>
    <xf numFmtId="3" fontId="54" fillId="0" borderId="73" xfId="1" applyNumberFormat="1" applyFont="1" applyFill="1" applyBorder="1" applyAlignment="1">
      <alignment horizontal="center"/>
    </xf>
    <xf numFmtId="3" fontId="54" fillId="0" borderId="75" xfId="1" applyNumberFormat="1" applyFont="1" applyFill="1" applyBorder="1" applyAlignment="1">
      <alignment horizontal="center"/>
    </xf>
    <xf numFmtId="3" fontId="54" fillId="0" borderId="76" xfId="1" applyNumberFormat="1" applyFont="1" applyFill="1" applyBorder="1" applyAlignment="1">
      <alignment horizontal="center"/>
    </xf>
    <xf numFmtId="0" fontId="47" fillId="0" borderId="3" xfId="1" applyFont="1" applyFill="1" applyBorder="1" applyAlignment="1">
      <alignment horizontal="left" vertical="center" justifyLastLine="1"/>
    </xf>
    <xf numFmtId="0" fontId="47" fillId="0" borderId="5" xfId="1" applyFont="1" applyFill="1" applyBorder="1" applyAlignment="1">
      <alignment horizontal="left" vertical="center" justifyLastLine="1"/>
    </xf>
    <xf numFmtId="0" fontId="47" fillId="0" borderId="0" xfId="1" applyFont="1" applyFill="1" applyBorder="1" applyAlignment="1">
      <alignment horizontal="left" vertical="center" justifyLastLine="1"/>
    </xf>
    <xf numFmtId="0" fontId="47" fillId="0" borderId="80" xfId="1" applyFont="1" applyFill="1" applyBorder="1" applyAlignment="1">
      <alignment horizontal="left" vertical="center" justifyLastLine="1"/>
    </xf>
    <xf numFmtId="0" fontId="47" fillId="0" borderId="2" xfId="1" applyFont="1" applyFill="1" applyBorder="1" applyAlignment="1">
      <alignment horizontal="left" vertical="center" justifyLastLine="1"/>
    </xf>
    <xf numFmtId="0" fontId="47" fillId="0" borderId="81" xfId="1" applyFont="1" applyFill="1" applyBorder="1" applyAlignment="1">
      <alignment horizontal="left" vertical="center" justifyLastLine="1"/>
    </xf>
    <xf numFmtId="177" fontId="44" fillId="0" borderId="77" xfId="1" applyNumberFormat="1" applyFont="1" applyFill="1" applyBorder="1" applyAlignment="1">
      <alignment horizontal="center" vertical="center"/>
    </xf>
    <xf numFmtId="177" fontId="44" fillId="0" borderId="78" xfId="1" applyNumberFormat="1" applyFont="1" applyFill="1" applyBorder="1" applyAlignment="1">
      <alignment horizontal="center" vertical="center"/>
    </xf>
    <xf numFmtId="177" fontId="44" fillId="0" borderId="79" xfId="1" applyNumberFormat="1" applyFont="1" applyFill="1" applyBorder="1" applyAlignment="1">
      <alignment horizontal="center" vertical="center"/>
    </xf>
    <xf numFmtId="0" fontId="45" fillId="0" borderId="100" xfId="1" applyFont="1" applyFill="1" applyBorder="1" applyAlignment="1">
      <alignment horizontal="center" vertical="center"/>
    </xf>
    <xf numFmtId="0" fontId="49" fillId="0" borderId="187" xfId="1" applyFont="1" applyFill="1" applyBorder="1" applyAlignment="1">
      <alignment horizontal="center" vertical="center"/>
    </xf>
    <xf numFmtId="0" fontId="49" fillId="0" borderId="177" xfId="1" applyFont="1" applyFill="1" applyBorder="1" applyAlignment="1">
      <alignment horizontal="center" vertical="center"/>
    </xf>
    <xf numFmtId="0" fontId="49" fillId="0" borderId="188" xfId="1" applyFont="1" applyFill="1" applyBorder="1" applyAlignment="1">
      <alignment horizontal="center" vertical="center"/>
    </xf>
    <xf numFmtId="0" fontId="49" fillId="0" borderId="175" xfId="1" applyFont="1" applyFill="1" applyBorder="1" applyAlignment="1">
      <alignment horizontal="center" vertical="center"/>
    </xf>
    <xf numFmtId="0" fontId="47" fillId="0" borderId="67" xfId="1" applyFont="1" applyFill="1" applyBorder="1" applyAlignment="1">
      <alignment horizontal="distributed" vertical="center" justifyLastLine="1"/>
    </xf>
    <xf numFmtId="177" fontId="49" fillId="0" borderId="88" xfId="1" applyNumberFormat="1" applyFont="1" applyFill="1" applyBorder="1" applyAlignment="1">
      <alignment horizontal="center" vertical="center"/>
    </xf>
    <xf numFmtId="177" fontId="49" fillId="0" borderId="89" xfId="1" applyNumberFormat="1" applyFont="1" applyFill="1" applyBorder="1" applyAlignment="1">
      <alignment horizontal="center" vertical="center"/>
    </xf>
    <xf numFmtId="177" fontId="49" fillId="0" borderId="111" xfId="1" applyNumberFormat="1" applyFont="1" applyFill="1" applyBorder="1" applyAlignment="1">
      <alignment horizontal="center" vertical="center"/>
    </xf>
    <xf numFmtId="177" fontId="49" fillId="0" borderId="78" xfId="1" applyNumberFormat="1" applyFont="1" applyFill="1" applyBorder="1" applyAlignment="1">
      <alignment horizontal="center" vertical="center"/>
    </xf>
    <xf numFmtId="177" fontId="49" fillId="0" borderId="0" xfId="1" applyNumberFormat="1" applyFont="1" applyFill="1" applyBorder="1" applyAlignment="1">
      <alignment horizontal="center" vertical="center"/>
    </xf>
    <xf numFmtId="177" fontId="49" fillId="0" borderId="1" xfId="1" applyNumberFormat="1" applyFont="1" applyFill="1" applyBorder="1" applyAlignment="1">
      <alignment horizontal="center" vertical="center"/>
    </xf>
    <xf numFmtId="177" fontId="49" fillId="0" borderId="185" xfId="1" applyNumberFormat="1" applyFont="1" applyFill="1" applyBorder="1" applyAlignment="1">
      <alignment horizontal="center" vertical="center"/>
    </xf>
    <xf numFmtId="177" fontId="49" fillId="0" borderId="177" xfId="1" applyNumberFormat="1" applyFont="1" applyFill="1" applyBorder="1" applyAlignment="1">
      <alignment horizontal="center" vertical="center"/>
    </xf>
    <xf numFmtId="177" fontId="49" fillId="0" borderId="186" xfId="1" applyNumberFormat="1" applyFont="1" applyFill="1" applyBorder="1" applyAlignment="1">
      <alignment horizontal="center" vertical="center"/>
    </xf>
    <xf numFmtId="0" fontId="47" fillId="0" borderId="150" xfId="1" applyFont="1" applyFill="1" applyBorder="1" applyAlignment="1">
      <alignment horizontal="center" vertical="center" justifyLastLine="1"/>
    </xf>
    <xf numFmtId="0" fontId="47" fillId="0" borderId="151" xfId="1" applyFont="1" applyFill="1" applyBorder="1" applyAlignment="1">
      <alignment horizontal="center" vertical="center" justifyLastLine="1"/>
    </xf>
    <xf numFmtId="0" fontId="47" fillId="0" borderId="152" xfId="1" applyFont="1" applyFill="1" applyBorder="1" applyAlignment="1">
      <alignment horizontal="center" vertical="center" justifyLastLine="1"/>
    </xf>
    <xf numFmtId="0" fontId="47" fillId="0" borderId="153" xfId="1" applyFont="1" applyFill="1" applyBorder="1" applyAlignment="1">
      <alignment horizontal="center" vertical="center" justifyLastLine="1"/>
    </xf>
    <xf numFmtId="0" fontId="47" fillId="0" borderId="154" xfId="1" applyFont="1" applyFill="1" applyBorder="1" applyAlignment="1">
      <alignment horizontal="center" vertical="center" justifyLastLine="1"/>
    </xf>
    <xf numFmtId="0" fontId="47" fillId="0" borderId="155" xfId="1" applyFont="1" applyFill="1" applyBorder="1" applyAlignment="1">
      <alignment horizontal="center" vertical="center" justifyLastLine="1"/>
    </xf>
    <xf numFmtId="0" fontId="47" fillId="0" borderId="157" xfId="1" applyFont="1" applyFill="1" applyBorder="1" applyAlignment="1">
      <alignment horizontal="center" vertical="center" justifyLastLine="1"/>
    </xf>
    <xf numFmtId="0" fontId="47" fillId="0" borderId="158" xfId="1" applyFont="1" applyFill="1" applyBorder="1" applyAlignment="1">
      <alignment horizontal="center" vertical="center" justifyLastLine="1"/>
    </xf>
    <xf numFmtId="0" fontId="47" fillId="0" borderId="159" xfId="1" applyFont="1" applyFill="1" applyBorder="1" applyAlignment="1">
      <alignment horizontal="center" vertical="center" justifyLastLine="1"/>
    </xf>
    <xf numFmtId="0" fontId="47" fillId="0" borderId="88" xfId="1" applyFont="1" applyFill="1" applyBorder="1" applyAlignment="1">
      <alignment horizontal="center" vertical="center" justifyLastLine="1"/>
    </xf>
    <xf numFmtId="0" fontId="47" fillId="0" borderId="89" xfId="1" applyFont="1" applyFill="1" applyBorder="1" applyAlignment="1">
      <alignment horizontal="center" vertical="center" justifyLastLine="1"/>
    </xf>
    <xf numFmtId="0" fontId="47" fillId="0" borderId="90" xfId="1" applyFont="1" applyFill="1" applyBorder="1" applyAlignment="1">
      <alignment horizontal="center" vertical="center" justifyLastLine="1"/>
    </xf>
    <xf numFmtId="0" fontId="47" fillId="0" borderId="78" xfId="1" applyFont="1" applyFill="1" applyBorder="1" applyAlignment="1">
      <alignment horizontal="center" vertical="center" justifyLastLine="1"/>
    </xf>
    <xf numFmtId="0" fontId="47" fillId="0" borderId="81" xfId="1" applyFont="1" applyFill="1" applyBorder="1" applyAlignment="1">
      <alignment horizontal="center" vertical="center" justifyLastLine="1"/>
    </xf>
    <xf numFmtId="0" fontId="47" fillId="0" borderId="83" xfId="1" applyFont="1" applyFill="1" applyBorder="1" applyAlignment="1">
      <alignment horizontal="center" vertical="center" justifyLastLine="1"/>
    </xf>
    <xf numFmtId="0" fontId="47" fillId="0" borderId="84" xfId="1" applyFont="1" applyFill="1" applyBorder="1" applyAlignment="1">
      <alignment horizontal="center" vertical="center" justifyLastLine="1"/>
    </xf>
    <xf numFmtId="0" fontId="47" fillId="0" borderId="91" xfId="1" applyFont="1" applyFill="1" applyBorder="1" applyAlignment="1">
      <alignment horizontal="center" vertical="center" justifyLastLine="1"/>
    </xf>
    <xf numFmtId="177" fontId="44" fillId="0" borderId="128" xfId="1" applyNumberFormat="1" applyFont="1" applyFill="1" applyBorder="1" applyAlignment="1">
      <alignment horizontal="center" vertical="center"/>
    </xf>
    <xf numFmtId="177" fontId="44" fillId="0" borderId="141" xfId="1" applyNumberFormat="1" applyFont="1" applyFill="1" applyBorder="1" applyAlignment="1">
      <alignment horizontal="center" vertical="center"/>
    </xf>
    <xf numFmtId="177" fontId="44" fillId="0" borderId="139" xfId="1" applyNumberFormat="1" applyFont="1" applyFill="1" applyBorder="1" applyAlignment="1">
      <alignment horizontal="center" vertical="center"/>
    </xf>
    <xf numFmtId="0" fontId="47" fillId="0" borderId="104" xfId="1" applyFont="1" applyFill="1" applyBorder="1" applyAlignment="1">
      <alignment horizontal="center" vertical="center"/>
    </xf>
    <xf numFmtId="0" fontId="47" fillId="0" borderId="105" xfId="1" applyFont="1" applyFill="1" applyBorder="1" applyAlignment="1">
      <alignment horizontal="center" vertical="center"/>
    </xf>
    <xf numFmtId="0" fontId="47" fillId="0" borderId="106" xfId="1" applyFont="1" applyFill="1" applyBorder="1" applyAlignment="1">
      <alignment horizontal="center" vertical="center"/>
    </xf>
    <xf numFmtId="0" fontId="47" fillId="0" borderId="95" xfId="1" applyFont="1" applyFill="1" applyBorder="1" applyAlignment="1">
      <alignment horizontal="center" vertical="center"/>
    </xf>
    <xf numFmtId="0" fontId="47" fillId="0" borderId="96" xfId="1" applyFont="1" applyFill="1" applyBorder="1" applyAlignment="1">
      <alignment horizontal="center" vertical="center"/>
    </xf>
    <xf numFmtId="0" fontId="47" fillId="0" borderId="107" xfId="1" applyFont="1" applyFill="1" applyBorder="1" applyAlignment="1">
      <alignment horizontal="center" vertical="center"/>
    </xf>
    <xf numFmtId="0" fontId="47" fillId="0" borderId="97" xfId="1" applyFont="1" applyFill="1" applyBorder="1" applyAlignment="1">
      <alignment horizontal="center" vertical="center"/>
    </xf>
    <xf numFmtId="0" fontId="47" fillId="0" borderId="98" xfId="1" applyFont="1" applyFill="1" applyBorder="1" applyAlignment="1">
      <alignment horizontal="center" vertical="center"/>
    </xf>
    <xf numFmtId="0" fontId="47" fillId="0" borderId="108" xfId="1" applyFont="1" applyFill="1" applyBorder="1" applyAlignment="1">
      <alignment horizontal="center" vertical="center"/>
    </xf>
    <xf numFmtId="0" fontId="46" fillId="0" borderId="100" xfId="1" applyFont="1" applyFill="1" applyBorder="1" applyAlignment="1">
      <alignment horizontal="center" vertical="center" wrapText="1"/>
    </xf>
    <xf numFmtId="0" fontId="46" fillId="0" borderId="100" xfId="1" applyFont="1" applyFill="1" applyBorder="1" applyAlignment="1">
      <alignment horizontal="center" vertical="center"/>
    </xf>
    <xf numFmtId="0" fontId="46" fillId="0" borderId="86" xfId="1" applyFont="1" applyFill="1" applyBorder="1" applyAlignment="1">
      <alignment horizontal="center" vertical="center"/>
    </xf>
    <xf numFmtId="0" fontId="45" fillId="0" borderId="101" xfId="1" applyFont="1" applyFill="1" applyBorder="1" applyAlignment="1">
      <alignment horizontal="center" vertical="center"/>
    </xf>
    <xf numFmtId="0" fontId="45" fillId="0" borderId="102" xfId="1" applyFont="1" applyFill="1" applyBorder="1" applyAlignment="1">
      <alignment horizontal="center" vertical="center"/>
    </xf>
    <xf numFmtId="177" fontId="49" fillId="0" borderId="5" xfId="1" applyNumberFormat="1" applyFont="1" applyFill="1" applyBorder="1" applyAlignment="1">
      <alignment horizontal="right" vertical="top"/>
    </xf>
    <xf numFmtId="177" fontId="49" fillId="0" borderId="4" xfId="1" applyNumberFormat="1" applyFont="1" applyFill="1" applyBorder="1" applyAlignment="1">
      <alignment horizontal="right" vertical="top"/>
    </xf>
    <xf numFmtId="177" fontId="49" fillId="0" borderId="0" xfId="1" applyNumberFormat="1" applyFont="1" applyFill="1" applyBorder="1" applyAlignment="1">
      <alignment horizontal="right" vertical="top"/>
    </xf>
    <xf numFmtId="177" fontId="49" fillId="0" borderId="1" xfId="1" applyNumberFormat="1" applyFont="1" applyFill="1" applyBorder="1" applyAlignment="1">
      <alignment horizontal="right" vertical="top"/>
    </xf>
    <xf numFmtId="177" fontId="49" fillId="0" borderId="177" xfId="1" applyNumberFormat="1" applyFont="1" applyFill="1" applyBorder="1" applyAlignment="1">
      <alignment horizontal="right" vertical="top"/>
    </xf>
    <xf numFmtId="177" fontId="49" fillId="0" borderId="186" xfId="1" applyNumberFormat="1" applyFont="1" applyFill="1" applyBorder="1" applyAlignment="1">
      <alignment horizontal="right" vertical="top"/>
    </xf>
    <xf numFmtId="0" fontId="49" fillId="0" borderId="168" xfId="1" applyFont="1" applyFill="1" applyBorder="1" applyAlignment="1">
      <alignment horizontal="center" vertical="center"/>
    </xf>
    <xf numFmtId="0" fontId="49" fillId="0" borderId="182" xfId="1" applyFont="1" applyFill="1" applyBorder="1" applyAlignment="1">
      <alignment horizontal="center" vertical="center"/>
    </xf>
    <xf numFmtId="0" fontId="49" fillId="0" borderId="169" xfId="1" applyFont="1" applyFill="1" applyBorder="1" applyAlignment="1">
      <alignment horizontal="center" vertical="center"/>
    </xf>
    <xf numFmtId="177" fontId="44" fillId="0" borderId="4" xfId="1" applyNumberFormat="1" applyFont="1" applyFill="1" applyBorder="1" applyAlignment="1">
      <alignment horizontal="center" vertical="center"/>
    </xf>
    <xf numFmtId="177" fontId="44" fillId="0" borderId="1" xfId="1" applyNumberFormat="1" applyFont="1" applyFill="1" applyBorder="1" applyAlignment="1">
      <alignment horizontal="center" vertical="center"/>
    </xf>
    <xf numFmtId="177" fontId="44" fillId="0" borderId="8" xfId="1" applyNumberFormat="1" applyFont="1" applyFill="1" applyBorder="1" applyAlignment="1">
      <alignment horizontal="center" vertical="center"/>
    </xf>
    <xf numFmtId="177" fontId="49" fillId="0" borderId="77" xfId="1" applyNumberFormat="1" applyFont="1" applyFill="1" applyBorder="1" applyAlignment="1">
      <alignment horizontal="center" vertical="center"/>
    </xf>
    <xf numFmtId="177" fontId="49" fillId="0" borderId="5" xfId="1" applyNumberFormat="1" applyFont="1" applyFill="1" applyBorder="1" applyAlignment="1">
      <alignment horizontal="center" vertical="center"/>
    </xf>
    <xf numFmtId="177" fontId="49" fillId="0" borderId="4" xfId="1" applyNumberFormat="1" applyFont="1" applyFill="1" applyBorder="1" applyAlignment="1">
      <alignment horizontal="center" vertical="center"/>
    </xf>
    <xf numFmtId="177" fontId="49" fillId="0" borderId="83" xfId="1" applyNumberFormat="1" applyFont="1" applyFill="1" applyBorder="1" applyAlignment="1">
      <alignment horizontal="center" vertical="center"/>
    </xf>
    <xf numFmtId="177" fontId="49" fillId="0" borderId="84" xfId="1" applyNumberFormat="1" applyFont="1" applyFill="1" applyBorder="1" applyAlignment="1">
      <alignment horizontal="center" vertical="center"/>
    </xf>
    <xf numFmtId="177" fontId="49" fillId="0" borderId="85" xfId="1" applyNumberFormat="1" applyFont="1" applyFill="1" applyBorder="1" applyAlignment="1">
      <alignment horizontal="center" vertical="center"/>
    </xf>
    <xf numFmtId="177" fontId="49" fillId="0" borderId="183" xfId="1" applyNumberFormat="1" applyFont="1" applyFill="1" applyBorder="1" applyAlignment="1">
      <alignment horizontal="center" vertical="center"/>
    </xf>
    <xf numFmtId="177" fontId="49" fillId="0" borderId="175" xfId="1" applyNumberFormat="1" applyFont="1" applyFill="1" applyBorder="1" applyAlignment="1">
      <alignment horizontal="center" vertical="center"/>
    </xf>
    <xf numFmtId="177" fontId="49" fillId="0" borderId="184" xfId="1" applyNumberFormat="1" applyFont="1" applyFill="1" applyBorder="1" applyAlignment="1">
      <alignment horizontal="center" vertical="center"/>
    </xf>
    <xf numFmtId="177" fontId="49" fillId="0" borderId="79" xfId="1" applyNumberFormat="1" applyFont="1" applyFill="1" applyBorder="1" applyAlignment="1">
      <alignment horizontal="center" vertical="center"/>
    </xf>
    <xf numFmtId="177" fontId="49" fillId="0" borderId="7" xfId="1" applyNumberFormat="1" applyFont="1" applyFill="1" applyBorder="1" applyAlignment="1">
      <alignment horizontal="center" vertical="center"/>
    </xf>
    <xf numFmtId="177" fontId="49" fillId="0" borderId="8" xfId="1" applyNumberFormat="1" applyFont="1" applyFill="1" applyBorder="1" applyAlignment="1">
      <alignment horizontal="center" vertical="center"/>
    </xf>
    <xf numFmtId="177" fontId="49" fillId="0" borderId="80" xfId="1" applyNumberFormat="1" applyFont="1" applyFill="1" applyBorder="1" applyAlignment="1">
      <alignment horizontal="right" vertical="top"/>
    </xf>
    <xf numFmtId="177" fontId="49" fillId="0" borderId="81" xfId="1" applyNumberFormat="1" applyFont="1" applyFill="1" applyBorder="1" applyAlignment="1">
      <alignment horizontal="right" vertical="top"/>
    </xf>
    <xf numFmtId="177" fontId="49" fillId="0" borderId="189" xfId="1" applyNumberFormat="1" applyFont="1" applyFill="1" applyBorder="1" applyAlignment="1">
      <alignment horizontal="right" vertical="top"/>
    </xf>
    <xf numFmtId="177" fontId="44" fillId="0" borderId="187" xfId="1" applyNumberFormat="1" applyFont="1" applyFill="1" applyBorder="1" applyAlignment="1">
      <alignment horizontal="center" vertical="center"/>
    </xf>
    <xf numFmtId="177" fontId="44" fillId="0" borderId="177" xfId="1" applyNumberFormat="1" applyFont="1" applyFill="1" applyBorder="1" applyAlignment="1">
      <alignment horizontal="center" vertical="center"/>
    </xf>
    <xf numFmtId="177" fontId="49" fillId="0" borderId="89" xfId="1" applyNumberFormat="1" applyFont="1" applyFill="1" applyBorder="1" applyAlignment="1">
      <alignment horizontal="right" vertical="top"/>
    </xf>
    <xf numFmtId="177" fontId="49" fillId="0" borderId="90" xfId="1" applyNumberFormat="1" applyFont="1" applyFill="1" applyBorder="1" applyAlignment="1">
      <alignment horizontal="right" vertical="top"/>
    </xf>
    <xf numFmtId="177" fontId="44" fillId="0" borderId="110" xfId="1" applyNumberFormat="1" applyFont="1" applyFill="1" applyBorder="1" applyAlignment="1">
      <alignment horizontal="center" vertical="center"/>
    </xf>
    <xf numFmtId="177" fontId="44" fillId="0" borderId="89" xfId="1" applyNumberFormat="1" applyFont="1" applyFill="1" applyBorder="1" applyAlignment="1">
      <alignment horizontal="center" vertical="center"/>
    </xf>
    <xf numFmtId="177" fontId="49" fillId="0" borderId="7" xfId="1" applyNumberFormat="1" applyFont="1" applyFill="1" applyBorder="1" applyAlignment="1">
      <alignment horizontal="right" vertical="top"/>
    </xf>
    <xf numFmtId="177" fontId="49" fillId="0" borderId="82" xfId="1" applyNumberFormat="1" applyFont="1" applyFill="1" applyBorder="1" applyAlignment="1">
      <alignment horizontal="right" vertical="top"/>
    </xf>
    <xf numFmtId="177" fontId="44" fillId="0" borderId="188" xfId="1" applyNumberFormat="1" applyFont="1" applyFill="1" applyBorder="1" applyAlignment="1">
      <alignment horizontal="center" vertical="center"/>
    </xf>
    <xf numFmtId="177" fontId="44" fillId="0" borderId="175" xfId="1" applyNumberFormat="1" applyFont="1" applyFill="1" applyBorder="1" applyAlignment="1">
      <alignment horizontal="center" vertical="center"/>
    </xf>
    <xf numFmtId="177" fontId="44" fillId="0" borderId="184" xfId="1" applyNumberFormat="1" applyFont="1" applyFill="1" applyBorder="1" applyAlignment="1">
      <alignment horizontal="center" vertical="center"/>
    </xf>
    <xf numFmtId="0" fontId="49" fillId="0" borderId="77" xfId="1" applyFont="1" applyFill="1" applyBorder="1" applyAlignment="1">
      <alignment horizontal="center" vertical="center"/>
    </xf>
    <xf numFmtId="0" fontId="49" fillId="0" borderId="78" xfId="1" applyFont="1" applyFill="1" applyBorder="1" applyAlignment="1">
      <alignment horizontal="center" vertical="center"/>
    </xf>
    <xf numFmtId="0" fontId="49" fillId="0" borderId="83" xfId="1" applyFont="1" applyFill="1" applyBorder="1" applyAlignment="1">
      <alignment horizontal="center" vertical="center"/>
    </xf>
    <xf numFmtId="0" fontId="49" fillId="0" borderId="84" xfId="1" applyFont="1" applyFill="1" applyBorder="1" applyAlignment="1">
      <alignment horizontal="center" vertical="center"/>
    </xf>
    <xf numFmtId="0" fontId="49" fillId="0" borderId="85" xfId="1" applyFont="1" applyFill="1" applyBorder="1" applyAlignment="1">
      <alignment horizontal="center" vertical="center"/>
    </xf>
    <xf numFmtId="0" fontId="44" fillId="0" borderId="110" xfId="1" applyFont="1" applyFill="1" applyBorder="1" applyAlignment="1">
      <alignment horizontal="center" vertical="center"/>
    </xf>
    <xf numFmtId="0" fontId="49" fillId="0" borderId="56" xfId="1" applyFont="1" applyFill="1" applyBorder="1" applyAlignment="1">
      <alignment horizontal="center" vertical="top"/>
    </xf>
    <xf numFmtId="0" fontId="49" fillId="0" borderId="191" xfId="1" applyFont="1" applyFill="1" applyBorder="1" applyAlignment="1">
      <alignment horizontal="center" vertical="top"/>
    </xf>
    <xf numFmtId="3" fontId="54" fillId="0" borderId="190" xfId="1" applyNumberFormat="1" applyFont="1" applyFill="1" applyBorder="1" applyAlignment="1">
      <alignment horizontal="center" vertical="top"/>
    </xf>
    <xf numFmtId="3" fontId="54" fillId="0" borderId="56" xfId="1" applyNumberFormat="1" applyFont="1" applyFill="1" applyBorder="1" applyAlignment="1">
      <alignment horizontal="center" vertical="top"/>
    </xf>
    <xf numFmtId="3" fontId="54" fillId="0" borderId="165" xfId="1" applyNumberFormat="1" applyFont="1" applyFill="1" applyBorder="1" applyAlignment="1">
      <alignment horizontal="center"/>
    </xf>
    <xf numFmtId="3" fontId="54" fillId="0" borderId="166" xfId="1" applyNumberFormat="1" applyFont="1" applyFill="1" applyBorder="1" applyAlignment="1">
      <alignment horizontal="center"/>
    </xf>
    <xf numFmtId="3" fontId="54" fillId="0" borderId="167" xfId="1" applyNumberFormat="1" applyFont="1" applyFill="1" applyBorder="1" applyAlignment="1">
      <alignment horizontal="center"/>
    </xf>
    <xf numFmtId="3" fontId="54" fillId="0" borderId="170" xfId="1" applyNumberFormat="1" applyFont="1" applyFill="1" applyBorder="1" applyAlignment="1">
      <alignment horizontal="center"/>
    </xf>
    <xf numFmtId="3" fontId="54" fillId="0" borderId="171" xfId="1" applyNumberFormat="1" applyFont="1" applyFill="1" applyBorder="1" applyAlignment="1">
      <alignment horizontal="center"/>
    </xf>
    <xf numFmtId="3" fontId="54" fillId="0" borderId="172" xfId="1" applyNumberFormat="1" applyFont="1" applyFill="1" applyBorder="1" applyAlignment="1">
      <alignment horizontal="center"/>
    </xf>
    <xf numFmtId="0" fontId="47" fillId="0" borderId="67" xfId="1" applyFont="1" applyFill="1" applyBorder="1" applyAlignment="1">
      <alignment horizontal="distributed" vertical="center"/>
    </xf>
    <xf numFmtId="0" fontId="55" fillId="0" borderId="86" xfId="1" applyFont="1" applyFill="1" applyBorder="1" applyAlignment="1">
      <alignment horizontal="left" vertical="center" wrapText="1"/>
    </xf>
    <xf numFmtId="0" fontId="55" fillId="0" borderId="99" xfId="1" applyFont="1" applyFill="1" applyBorder="1" applyAlignment="1">
      <alignment horizontal="left" vertical="center" wrapText="1"/>
    </xf>
    <xf numFmtId="0" fontId="43" fillId="0" borderId="99" xfId="1" applyFont="1" applyFill="1" applyBorder="1" applyAlignment="1">
      <alignment horizontal="right" wrapText="1"/>
    </xf>
    <xf numFmtId="0" fontId="43" fillId="0" borderId="87" xfId="1" applyFont="1" applyFill="1" applyBorder="1" applyAlignment="1">
      <alignment horizontal="right" wrapText="1"/>
    </xf>
    <xf numFmtId="0" fontId="44" fillId="0" borderId="70" xfId="1" quotePrefix="1" applyFont="1" applyFill="1" applyBorder="1" applyAlignment="1">
      <alignment horizontal="center" vertical="center"/>
    </xf>
    <xf numFmtId="0" fontId="44" fillId="0" borderId="74" xfId="1" quotePrefix="1" applyFont="1" applyFill="1" applyBorder="1" applyAlignment="1">
      <alignment horizontal="center" vertical="center"/>
    </xf>
    <xf numFmtId="0" fontId="44" fillId="0" borderId="75" xfId="1" quotePrefix="1" applyFont="1" applyFill="1" applyBorder="1" applyAlignment="1">
      <alignment horizontal="center" vertical="center"/>
    </xf>
    <xf numFmtId="0" fontId="49" fillId="0" borderId="59" xfId="1" applyFont="1" applyFill="1" applyBorder="1" applyAlignment="1">
      <alignment horizontal="center" vertical="center" textRotation="255"/>
    </xf>
    <xf numFmtId="49" fontId="44" fillId="0" borderId="67" xfId="1" applyNumberFormat="1" applyFont="1" applyFill="1" applyBorder="1" applyAlignment="1">
      <alignment horizontal="center" vertical="center" textRotation="255"/>
    </xf>
    <xf numFmtId="0" fontId="49" fillId="0" borderId="3" xfId="1" applyFont="1" applyFill="1" applyBorder="1" applyAlignment="1">
      <alignment horizontal="center" vertical="center" textRotation="255" shrinkToFit="1"/>
    </xf>
    <xf numFmtId="0" fontId="49" fillId="0" borderId="5" xfId="1" applyFont="1" applyFill="1" applyBorder="1" applyAlignment="1">
      <alignment horizontal="center" vertical="center" textRotation="255" shrinkToFit="1"/>
    </xf>
    <xf numFmtId="0" fontId="49" fillId="0" borderId="4" xfId="1" applyFont="1" applyFill="1" applyBorder="1" applyAlignment="1">
      <alignment horizontal="center" vertical="center" textRotation="255" shrinkToFit="1"/>
    </xf>
    <xf numFmtId="0" fontId="49" fillId="0" borderId="2" xfId="1" applyFont="1" applyFill="1" applyBorder="1" applyAlignment="1">
      <alignment horizontal="center" vertical="center" textRotation="255" shrinkToFit="1"/>
    </xf>
    <xf numFmtId="0" fontId="49" fillId="0" borderId="0" xfId="1" applyFont="1" applyFill="1" applyBorder="1" applyAlignment="1">
      <alignment horizontal="center" vertical="center" textRotation="255" shrinkToFit="1"/>
    </xf>
    <xf numFmtId="0" fontId="49" fillId="0" borderId="1" xfId="1" applyFont="1" applyFill="1" applyBorder="1" applyAlignment="1">
      <alignment horizontal="center" vertical="center" textRotation="255" shrinkToFit="1"/>
    </xf>
    <xf numFmtId="0" fontId="49" fillId="0" borderId="6" xfId="1" applyFont="1" applyFill="1" applyBorder="1" applyAlignment="1">
      <alignment horizontal="center" vertical="center" textRotation="255" shrinkToFit="1"/>
    </xf>
    <xf numFmtId="0" fontId="49" fillId="0" borderId="7" xfId="1" applyFont="1" applyFill="1" applyBorder="1" applyAlignment="1">
      <alignment horizontal="center" vertical="center" textRotation="255" shrinkToFit="1"/>
    </xf>
    <xf numFmtId="0" fontId="49" fillId="0" borderId="8" xfId="1" applyFont="1" applyFill="1" applyBorder="1" applyAlignment="1">
      <alignment horizontal="center" vertical="center" textRotation="255" shrinkToFit="1"/>
    </xf>
    <xf numFmtId="0" fontId="49" fillId="0" borderId="67" xfId="1" applyFont="1" applyFill="1" applyBorder="1" applyAlignment="1">
      <alignment horizontal="distributed" vertical="center" wrapText="1"/>
    </xf>
    <xf numFmtId="0" fontId="49" fillId="0" borderId="67" xfId="1" applyFont="1" applyFill="1" applyBorder="1" applyAlignment="1">
      <alignment horizontal="distributed" vertical="center"/>
    </xf>
    <xf numFmtId="0" fontId="45" fillId="0" borderId="67" xfId="1" applyFont="1" applyFill="1" applyBorder="1" applyAlignment="1">
      <alignment horizontal="distributed" vertical="center" shrinkToFit="1"/>
    </xf>
    <xf numFmtId="0" fontId="49" fillId="0" borderId="0" xfId="1" applyFont="1" applyFill="1" applyBorder="1" applyAlignment="1">
      <alignment horizontal="left" vertical="top" wrapText="1"/>
    </xf>
    <xf numFmtId="0" fontId="49" fillId="0" borderId="0" xfId="1" applyFont="1" applyFill="1" applyBorder="1" applyAlignment="1">
      <alignment horizontal="left" vertical="top"/>
    </xf>
    <xf numFmtId="0" fontId="54" fillId="0" borderId="87" xfId="1" applyFont="1" applyFill="1" applyBorder="1" applyAlignment="1">
      <alignment horizontal="center" vertical="center" justifyLastLine="1"/>
    </xf>
    <xf numFmtId="0" fontId="54" fillId="0" borderId="67" xfId="1" applyFont="1" applyFill="1" applyBorder="1" applyAlignment="1">
      <alignment horizontal="center" vertical="center" justifyLastLine="1"/>
    </xf>
    <xf numFmtId="0" fontId="44" fillId="0" borderId="3" xfId="1" applyFont="1" applyFill="1" applyBorder="1" applyAlignment="1">
      <alignment horizontal="center" vertical="center"/>
    </xf>
    <xf numFmtId="0" fontId="44" fillId="0" borderId="5" xfId="1" applyFont="1" applyFill="1" applyBorder="1" applyAlignment="1">
      <alignment horizontal="center" vertical="center"/>
    </xf>
    <xf numFmtId="0" fontId="47" fillId="0" borderId="3" xfId="1" applyFont="1" applyFill="1" applyBorder="1" applyAlignment="1">
      <alignment horizontal="center" vertical="center"/>
    </xf>
    <xf numFmtId="0" fontId="47" fillId="0" borderId="5" xfId="1" applyFont="1" applyFill="1" applyBorder="1" applyAlignment="1">
      <alignment horizontal="center" vertical="center"/>
    </xf>
    <xf numFmtId="0" fontId="47" fillId="0" borderId="4" xfId="1" applyFont="1" applyFill="1" applyBorder="1" applyAlignment="1">
      <alignment horizontal="center" vertical="center"/>
    </xf>
    <xf numFmtId="0" fontId="47" fillId="0" borderId="2" xfId="1" applyFont="1" applyFill="1" applyBorder="1" applyAlignment="1">
      <alignment horizontal="center" vertical="center"/>
    </xf>
    <xf numFmtId="0" fontId="47" fillId="0" borderId="0" xfId="1" applyFont="1" applyFill="1" applyBorder="1" applyAlignment="1">
      <alignment horizontal="center" vertical="center"/>
    </xf>
    <xf numFmtId="0" fontId="47" fillId="0" borderId="1" xfId="1" applyFont="1" applyFill="1" applyBorder="1" applyAlignment="1">
      <alignment horizontal="center" vertical="center"/>
    </xf>
    <xf numFmtId="0" fontId="47" fillId="0" borderId="6" xfId="1" applyFont="1" applyFill="1" applyBorder="1" applyAlignment="1">
      <alignment horizontal="center" vertical="center"/>
    </xf>
    <xf numFmtId="0" fontId="47" fillId="0" borderId="7" xfId="1" applyFont="1" applyFill="1" applyBorder="1" applyAlignment="1">
      <alignment horizontal="center" vertical="center"/>
    </xf>
    <xf numFmtId="0" fontId="47" fillId="0" borderId="8" xfId="1" applyFont="1" applyFill="1" applyBorder="1" applyAlignment="1">
      <alignment horizontal="center" vertical="center"/>
    </xf>
    <xf numFmtId="3" fontId="54" fillId="0" borderId="3" xfId="1" applyNumberFormat="1" applyFont="1" applyFill="1" applyBorder="1" applyAlignment="1">
      <alignment horizontal="center" vertical="center"/>
    </xf>
    <xf numFmtId="3" fontId="54" fillId="0" borderId="5" xfId="1" applyNumberFormat="1" applyFont="1" applyFill="1" applyBorder="1" applyAlignment="1">
      <alignment horizontal="center" vertical="center"/>
    </xf>
    <xf numFmtId="3" fontId="54" fillId="0" borderId="2" xfId="1" applyNumberFormat="1" applyFont="1" applyFill="1" applyBorder="1" applyAlignment="1">
      <alignment horizontal="center" vertical="center"/>
    </xf>
    <xf numFmtId="3" fontId="54" fillId="0" borderId="0" xfId="1" applyNumberFormat="1" applyFont="1" applyFill="1" applyBorder="1" applyAlignment="1">
      <alignment horizontal="center" vertical="center"/>
    </xf>
    <xf numFmtId="3" fontId="54" fillId="0" borderId="6" xfId="1" applyNumberFormat="1" applyFont="1" applyFill="1" applyBorder="1" applyAlignment="1">
      <alignment horizontal="center" vertical="center"/>
    </xf>
    <xf numFmtId="3" fontId="54" fillId="0" borderId="7" xfId="1" applyNumberFormat="1" applyFont="1" applyFill="1" applyBorder="1" applyAlignment="1">
      <alignment horizontal="center" vertical="center"/>
    </xf>
    <xf numFmtId="3" fontId="54" fillId="0" borderId="5" xfId="1" quotePrefix="1" applyNumberFormat="1" applyFont="1" applyFill="1" applyBorder="1" applyAlignment="1">
      <alignment horizontal="center"/>
    </xf>
    <xf numFmtId="3" fontId="54" fillId="0" borderId="80" xfId="1" quotePrefix="1" applyNumberFormat="1" applyFont="1" applyFill="1" applyBorder="1" applyAlignment="1">
      <alignment horizontal="center"/>
    </xf>
    <xf numFmtId="3" fontId="54" fillId="0" borderId="0" xfId="1" quotePrefix="1" applyNumberFormat="1" applyFont="1" applyFill="1" applyBorder="1" applyAlignment="1">
      <alignment horizontal="center"/>
    </xf>
    <xf numFmtId="3" fontId="54" fillId="0" borderId="81" xfId="1" quotePrefix="1" applyNumberFormat="1" applyFont="1" applyFill="1" applyBorder="1" applyAlignment="1">
      <alignment horizontal="center"/>
    </xf>
    <xf numFmtId="3" fontId="54" fillId="0" borderId="84" xfId="1" quotePrefix="1" applyNumberFormat="1" applyFont="1" applyFill="1" applyBorder="1" applyAlignment="1">
      <alignment horizontal="center"/>
    </xf>
    <xf numFmtId="3" fontId="54" fillId="0" borderId="91" xfId="1" quotePrefix="1" applyNumberFormat="1" applyFont="1" applyFill="1" applyBorder="1" applyAlignment="1">
      <alignment horizontal="center"/>
    </xf>
    <xf numFmtId="0" fontId="49" fillId="0" borderId="134" xfId="1" applyFont="1" applyFill="1" applyBorder="1" applyAlignment="1">
      <alignment horizontal="distributed" vertical="center"/>
    </xf>
    <xf numFmtId="0" fontId="49" fillId="0" borderId="134" xfId="1" applyFont="1" applyFill="1" applyBorder="1" applyAlignment="1">
      <alignment horizontal="left" vertical="center"/>
    </xf>
    <xf numFmtId="0" fontId="49" fillId="0" borderId="67" xfId="1" applyFont="1" applyFill="1" applyBorder="1" applyAlignment="1">
      <alignment horizontal="left" vertical="center"/>
    </xf>
    <xf numFmtId="0" fontId="49" fillId="0" borderId="72" xfId="1" applyFont="1" applyFill="1" applyBorder="1" applyAlignment="1">
      <alignment horizontal="left" vertical="center"/>
    </xf>
    <xf numFmtId="0" fontId="44" fillId="0" borderId="77" xfId="1" applyFont="1" applyFill="1" applyBorder="1" applyAlignment="1">
      <alignment horizontal="center"/>
    </xf>
    <xf numFmtId="0" fontId="44" fillId="0" borderId="5" xfId="1" applyFont="1" applyFill="1" applyBorder="1" applyAlignment="1">
      <alignment horizontal="center"/>
    </xf>
    <xf numFmtId="0" fontId="44" fillId="0" borderId="4" xfId="1" applyFont="1" applyFill="1" applyBorder="1" applyAlignment="1">
      <alignment horizontal="center"/>
    </xf>
    <xf numFmtId="0" fontId="44" fillId="0" borderId="78" xfId="1" applyFont="1" applyFill="1" applyBorder="1" applyAlignment="1">
      <alignment horizontal="center"/>
    </xf>
    <xf numFmtId="0" fontId="44" fillId="0" borderId="0" xfId="1" applyFont="1" applyFill="1" applyBorder="1" applyAlignment="1">
      <alignment horizontal="center"/>
    </xf>
    <xf numFmtId="0" fontId="44" fillId="0" borderId="1" xfId="1" applyFont="1" applyFill="1" applyBorder="1" applyAlignment="1">
      <alignment horizontal="center"/>
    </xf>
    <xf numFmtId="0" fontId="44" fillId="0" borderId="83" xfId="1" applyFont="1" applyFill="1" applyBorder="1" applyAlignment="1">
      <alignment horizontal="center"/>
    </xf>
    <xf numFmtId="0" fontId="44" fillId="0" borderId="84" xfId="1" applyFont="1" applyFill="1" applyBorder="1" applyAlignment="1">
      <alignment horizontal="center"/>
    </xf>
    <xf numFmtId="0" fontId="44" fillId="0" borderId="85" xfId="1" applyFont="1" applyFill="1" applyBorder="1" applyAlignment="1">
      <alignment horizontal="center"/>
    </xf>
    <xf numFmtId="3" fontId="54" fillId="0" borderId="89" xfId="1" quotePrefix="1" applyNumberFormat="1" applyFont="1" applyFill="1" applyBorder="1" applyAlignment="1">
      <alignment horizontal="center"/>
    </xf>
    <xf numFmtId="3" fontId="54" fillId="0" borderId="90" xfId="1" quotePrefix="1" applyNumberFormat="1" applyFont="1" applyFill="1" applyBorder="1" applyAlignment="1">
      <alignment horizontal="center"/>
    </xf>
    <xf numFmtId="3" fontId="54" fillId="0" borderId="7" xfId="1" quotePrefix="1" applyNumberFormat="1" applyFont="1" applyFill="1" applyBorder="1" applyAlignment="1">
      <alignment horizontal="center"/>
    </xf>
    <xf numFmtId="3" fontId="54" fillId="0" borderId="82" xfId="1" quotePrefix="1" applyNumberFormat="1" applyFont="1" applyFill="1" applyBorder="1" applyAlignment="1">
      <alignment horizontal="center"/>
    </xf>
    <xf numFmtId="0" fontId="45" fillId="0" borderId="67" xfId="1" applyFont="1" applyFill="1" applyBorder="1" applyAlignment="1">
      <alignment horizontal="center" vertical="center" justifyLastLine="1"/>
    </xf>
    <xf numFmtId="0" fontId="45" fillId="0" borderId="116" xfId="1" applyFont="1" applyFill="1" applyBorder="1" applyAlignment="1">
      <alignment horizontal="center" vertical="center" justifyLastLine="1"/>
    </xf>
    <xf numFmtId="0" fontId="45" fillId="0" borderId="84" xfId="1" applyFont="1" applyFill="1" applyBorder="1" applyAlignment="1">
      <alignment horizontal="center" vertical="center" justifyLastLine="1"/>
    </xf>
    <xf numFmtId="0" fontId="45" fillId="0" borderId="85" xfId="1" applyFont="1" applyFill="1" applyBorder="1" applyAlignment="1">
      <alignment horizontal="center" vertical="center" justifyLastLine="1"/>
    </xf>
    <xf numFmtId="0" fontId="49" fillId="0" borderId="133" xfId="1" applyFont="1" applyFill="1" applyBorder="1" applyAlignment="1">
      <alignment horizontal="distributed" vertical="center"/>
    </xf>
    <xf numFmtId="0" fontId="49" fillId="0" borderId="70" xfId="1" applyFont="1" applyFill="1" applyBorder="1" applyAlignment="1">
      <alignment horizontal="distributed" vertical="center"/>
    </xf>
    <xf numFmtId="0" fontId="45" fillId="0" borderId="96" xfId="7" applyFont="1" applyFill="1" applyBorder="1" applyAlignment="1">
      <alignment horizontal="center"/>
    </xf>
    <xf numFmtId="0" fontId="45" fillId="0" borderId="115" xfId="7" applyFont="1" applyFill="1" applyBorder="1" applyAlignment="1">
      <alignment horizontal="center"/>
    </xf>
    <xf numFmtId="0" fontId="45" fillId="0" borderId="5" xfId="7" applyFont="1" applyFill="1" applyBorder="1" applyAlignment="1">
      <alignment horizontal="center" vertical="center"/>
    </xf>
    <xf numFmtId="0" fontId="45" fillId="0" borderId="0" xfId="7" applyFont="1" applyFill="1" applyBorder="1" applyAlignment="1">
      <alignment horizontal="center" vertical="center"/>
    </xf>
    <xf numFmtId="0" fontId="45" fillId="0" borderId="7" xfId="7" applyFont="1" applyFill="1" applyBorder="1" applyAlignment="1">
      <alignment horizontal="center" vertical="center"/>
    </xf>
    <xf numFmtId="0" fontId="44" fillId="0" borderId="2" xfId="7" applyFont="1" applyFill="1" applyBorder="1" applyAlignment="1">
      <alignment horizontal="center" vertical="center"/>
    </xf>
    <xf numFmtId="0" fontId="44" fillId="0" borderId="0" xfId="7" applyFont="1" applyFill="1" applyBorder="1" applyAlignment="1">
      <alignment horizontal="center" vertical="center"/>
    </xf>
    <xf numFmtId="0" fontId="45" fillId="0" borderId="5" xfId="7" applyFont="1" applyFill="1" applyBorder="1" applyAlignment="1">
      <alignment horizontal="distributed" vertical="center"/>
    </xf>
    <xf numFmtId="0" fontId="45" fillId="0" borderId="0" xfId="7" applyFont="1" applyFill="1" applyBorder="1" applyAlignment="1">
      <alignment horizontal="distributed" vertical="center"/>
    </xf>
    <xf numFmtId="0" fontId="47" fillId="0" borderId="0" xfId="7" applyFont="1" applyFill="1" applyBorder="1" applyAlignment="1">
      <alignment horizontal="distributed" vertical="center"/>
    </xf>
    <xf numFmtId="0" fontId="47" fillId="0" borderId="7" xfId="7" applyFont="1" applyFill="1" applyBorder="1" applyAlignment="1">
      <alignment horizontal="distributed" vertical="center"/>
    </xf>
    <xf numFmtId="0" fontId="45" fillId="0" borderId="88" xfId="1" applyFont="1" applyFill="1" applyBorder="1" applyAlignment="1">
      <alignment horizontal="center" vertical="center" wrapText="1"/>
    </xf>
    <xf numFmtId="0" fontId="45" fillId="0" borderId="89" xfId="1" applyFont="1" applyFill="1" applyBorder="1" applyAlignment="1">
      <alignment horizontal="center" vertical="center" wrapText="1"/>
    </xf>
    <xf numFmtId="0" fontId="45" fillId="0" borderId="111" xfId="1" applyFont="1" applyFill="1" applyBorder="1" applyAlignment="1">
      <alignment horizontal="center" vertical="center" wrapText="1"/>
    </xf>
    <xf numFmtId="0" fontId="45" fillId="0" borderId="78" xfId="1" applyFont="1" applyFill="1" applyBorder="1" applyAlignment="1">
      <alignment horizontal="center" vertical="center" wrapText="1"/>
    </xf>
    <xf numFmtId="0" fontId="45" fillId="0" borderId="0" xfId="1" applyFont="1" applyFill="1" applyBorder="1" applyAlignment="1">
      <alignment horizontal="center" vertical="center" wrapText="1"/>
    </xf>
    <xf numFmtId="0" fontId="45" fillId="0" borderId="1" xfId="1" applyFont="1" applyFill="1" applyBorder="1" applyAlignment="1">
      <alignment horizontal="center" vertical="center" wrapText="1"/>
    </xf>
    <xf numFmtId="0" fontId="45" fillId="0" borderId="110" xfId="1" applyFont="1" applyFill="1" applyBorder="1" applyAlignment="1">
      <alignment horizontal="center" vertical="center" wrapText="1"/>
    </xf>
    <xf numFmtId="0" fontId="45" fillId="0" borderId="90" xfId="1" applyFont="1" applyFill="1" applyBorder="1" applyAlignment="1">
      <alignment horizontal="center" vertical="center" wrapText="1"/>
    </xf>
    <xf numFmtId="0" fontId="45" fillId="0" borderId="2" xfId="1" applyFont="1" applyFill="1" applyBorder="1" applyAlignment="1">
      <alignment horizontal="center" vertical="center" wrapText="1"/>
    </xf>
    <xf numFmtId="0" fontId="45" fillId="0" borderId="81" xfId="1" applyFont="1" applyFill="1" applyBorder="1" applyAlignment="1">
      <alignment horizontal="center" vertical="center" wrapText="1"/>
    </xf>
    <xf numFmtId="0" fontId="45" fillId="0" borderId="78" xfId="1" applyFont="1" applyFill="1" applyBorder="1" applyAlignment="1">
      <alignment horizontal="left" vertical="center" wrapText="1"/>
    </xf>
    <xf numFmtId="0" fontId="45" fillId="0" borderId="0" xfId="1" applyFont="1" applyFill="1" applyBorder="1" applyAlignment="1">
      <alignment horizontal="left" vertical="center" wrapText="1"/>
    </xf>
    <xf numFmtId="0" fontId="45" fillId="0" borderId="1" xfId="1" applyFont="1" applyFill="1" applyBorder="1" applyAlignment="1">
      <alignment horizontal="left" vertical="center" wrapText="1"/>
    </xf>
    <xf numFmtId="0" fontId="49" fillId="0" borderId="81" xfId="1" applyFont="1" applyFill="1" applyBorder="1" applyAlignment="1">
      <alignment horizontal="center" vertical="center" wrapText="1"/>
    </xf>
    <xf numFmtId="0" fontId="45" fillId="0" borderId="2" xfId="1" applyFont="1" applyFill="1" applyBorder="1" applyAlignment="1">
      <alignment horizontal="left" vertical="center" wrapText="1"/>
    </xf>
    <xf numFmtId="0" fontId="45" fillId="0" borderId="81" xfId="1" applyFont="1" applyFill="1" applyBorder="1" applyAlignment="1">
      <alignment horizontal="left" vertical="center" wrapText="1"/>
    </xf>
    <xf numFmtId="0" fontId="49" fillId="0" borderId="77" xfId="7" applyFont="1" applyFill="1" applyBorder="1" applyAlignment="1">
      <alignment horizontal="center" vertical="center"/>
    </xf>
    <xf numFmtId="0" fontId="49" fillId="0" borderId="4" xfId="7" applyFont="1" applyFill="1" applyBorder="1" applyAlignment="1">
      <alignment horizontal="center" vertical="center"/>
    </xf>
    <xf numFmtId="0" fontId="49" fillId="0" borderId="78" xfId="7" applyFont="1" applyFill="1" applyBorder="1" applyAlignment="1">
      <alignment horizontal="center" vertical="center"/>
    </xf>
    <xf numFmtId="0" fontId="49" fillId="0" borderId="1" xfId="7" applyFont="1" applyFill="1" applyBorder="1" applyAlignment="1">
      <alignment horizontal="center" vertical="center"/>
    </xf>
    <xf numFmtId="0" fontId="49" fillId="0" borderId="83" xfId="7" applyFont="1" applyFill="1" applyBorder="1" applyAlignment="1">
      <alignment horizontal="center" vertical="center"/>
    </xf>
    <xf numFmtId="0" fontId="49" fillId="0" borderId="85" xfId="7" applyFont="1" applyFill="1" applyBorder="1" applyAlignment="1">
      <alignment horizontal="center" vertical="center"/>
    </xf>
    <xf numFmtId="3" fontId="49" fillId="0" borderId="110" xfId="1" applyNumberFormat="1" applyFont="1" applyFill="1" applyBorder="1" applyAlignment="1">
      <alignment horizontal="center" vertical="center" wrapText="1" shrinkToFit="1"/>
    </xf>
    <xf numFmtId="3" fontId="49" fillId="0" borderId="89" xfId="1" applyNumberFormat="1" applyFont="1" applyFill="1" applyBorder="1" applyAlignment="1">
      <alignment horizontal="center" vertical="center" wrapText="1" shrinkToFit="1"/>
    </xf>
    <xf numFmtId="3" fontId="49" fillId="0" borderId="111" xfId="1" applyNumberFormat="1" applyFont="1" applyFill="1" applyBorder="1" applyAlignment="1">
      <alignment horizontal="center" vertical="center" wrapText="1" shrinkToFit="1"/>
    </xf>
    <xf numFmtId="3" fontId="49" fillId="0" borderId="2" xfId="1" applyNumberFormat="1" applyFont="1" applyFill="1" applyBorder="1" applyAlignment="1">
      <alignment horizontal="center" vertical="center" wrapText="1" shrinkToFit="1"/>
    </xf>
    <xf numFmtId="3" fontId="49" fillId="0" borderId="0" xfId="1" applyNumberFormat="1" applyFont="1" applyFill="1" applyBorder="1" applyAlignment="1">
      <alignment horizontal="center" vertical="center" wrapText="1" shrinkToFit="1"/>
    </xf>
    <xf numFmtId="3" fontId="49" fillId="0" borderId="1" xfId="1" applyNumberFormat="1" applyFont="1" applyFill="1" applyBorder="1" applyAlignment="1">
      <alignment horizontal="center" vertical="center" wrapText="1" shrinkToFit="1"/>
    </xf>
    <xf numFmtId="3" fontId="49" fillId="0" borderId="116" xfId="1" applyNumberFormat="1" applyFont="1" applyFill="1" applyBorder="1" applyAlignment="1">
      <alignment horizontal="center" vertical="center" wrapText="1" shrinkToFit="1"/>
    </xf>
    <xf numFmtId="3" fontId="49" fillId="0" borderId="84" xfId="1" applyNumberFormat="1" applyFont="1" applyFill="1" applyBorder="1" applyAlignment="1">
      <alignment horizontal="center" vertical="center" wrapText="1" shrinkToFit="1"/>
    </xf>
    <xf numFmtId="3" fontId="49" fillId="0" borderId="85" xfId="1" applyNumberFormat="1" applyFont="1" applyFill="1" applyBorder="1" applyAlignment="1">
      <alignment horizontal="center" vertical="center" wrapText="1" shrinkToFit="1"/>
    </xf>
    <xf numFmtId="3" fontId="49" fillId="0" borderId="70" xfId="1" applyNumberFormat="1" applyFont="1" applyFill="1" applyBorder="1" applyAlignment="1">
      <alignment horizontal="center" vertical="center"/>
    </xf>
    <xf numFmtId="3" fontId="49" fillId="0" borderId="67" xfId="1" applyNumberFormat="1" applyFont="1" applyFill="1" applyBorder="1" applyAlignment="1">
      <alignment horizontal="center" vertical="center"/>
    </xf>
    <xf numFmtId="3" fontId="49" fillId="0" borderId="75" xfId="1" applyNumberFormat="1" applyFont="1" applyFill="1" applyBorder="1" applyAlignment="1">
      <alignment horizontal="center" vertical="center"/>
    </xf>
    <xf numFmtId="0" fontId="49" fillId="0" borderId="72" xfId="7" applyFont="1" applyFill="1" applyBorder="1" applyAlignment="1">
      <alignment horizontal="center" vertical="center"/>
    </xf>
    <xf numFmtId="0" fontId="49" fillId="0" borderId="67" xfId="7" applyFont="1" applyFill="1" applyBorder="1" applyAlignment="1">
      <alignment horizontal="center" vertical="center"/>
    </xf>
    <xf numFmtId="0" fontId="49" fillId="0" borderId="74" xfId="7" applyFont="1" applyFill="1" applyBorder="1" applyAlignment="1">
      <alignment horizontal="center" vertical="center"/>
    </xf>
    <xf numFmtId="0" fontId="49" fillId="0" borderId="75" xfId="7" applyFont="1" applyFill="1" applyBorder="1" applyAlignment="1">
      <alignment horizontal="center" vertical="center"/>
    </xf>
    <xf numFmtId="0" fontId="48" fillId="0" borderId="110" xfId="0" applyFont="1" applyFill="1" applyBorder="1" applyAlignment="1">
      <alignment horizontal="center" vertical="center" wrapText="1"/>
    </xf>
    <xf numFmtId="0" fontId="48" fillId="0" borderId="89" xfId="0" applyFont="1" applyFill="1" applyBorder="1" applyAlignment="1">
      <alignment horizontal="center" vertical="center"/>
    </xf>
    <xf numFmtId="0" fontId="48" fillId="0" borderId="111" xfId="0" applyFont="1" applyFill="1" applyBorder="1" applyAlignment="1">
      <alignment horizontal="center" vertical="center"/>
    </xf>
    <xf numFmtId="0" fontId="48" fillId="0" borderId="2" xfId="0" applyFont="1" applyFill="1" applyBorder="1" applyAlignment="1">
      <alignment horizontal="center" vertical="center"/>
    </xf>
    <xf numFmtId="0" fontId="48" fillId="0" borderId="0" xfId="0" applyFont="1" applyFill="1" applyBorder="1" applyAlignment="1">
      <alignment horizontal="center" vertical="center"/>
    </xf>
    <xf numFmtId="0" fontId="48" fillId="0" borderId="1" xfId="0" applyFont="1" applyFill="1" applyBorder="1" applyAlignment="1">
      <alignment horizontal="center" vertical="center"/>
    </xf>
    <xf numFmtId="0" fontId="48" fillId="0" borderId="6" xfId="0" applyFont="1" applyFill="1" applyBorder="1" applyAlignment="1">
      <alignment horizontal="center" vertical="center"/>
    </xf>
    <xf numFmtId="0" fontId="48" fillId="0" borderId="7" xfId="0" applyFont="1" applyFill="1" applyBorder="1" applyAlignment="1">
      <alignment horizontal="center" vertical="center"/>
    </xf>
    <xf numFmtId="0" fontId="48" fillId="0" borderId="8" xfId="0" applyFont="1" applyFill="1" applyBorder="1" applyAlignment="1">
      <alignment horizontal="center" vertical="center"/>
    </xf>
    <xf numFmtId="0" fontId="49" fillId="0" borderId="70" xfId="0" applyFont="1" applyFill="1" applyBorder="1" applyAlignment="1">
      <alignment horizontal="center" vertical="center"/>
    </xf>
    <xf numFmtId="0" fontId="49" fillId="0" borderId="87" xfId="0" applyFont="1" applyFill="1" applyBorder="1" applyAlignment="1">
      <alignment horizontal="center" vertical="center"/>
    </xf>
    <xf numFmtId="0" fontId="49" fillId="0" borderId="67" xfId="0" applyFont="1" applyFill="1" applyBorder="1" applyAlignment="1">
      <alignment horizontal="center" vertical="center"/>
    </xf>
    <xf numFmtId="3" fontId="49" fillId="0" borderId="110" xfId="1" applyNumberFormat="1" applyFont="1" applyFill="1" applyBorder="1" applyAlignment="1">
      <alignment horizontal="center" vertical="top"/>
    </xf>
    <xf numFmtId="3" fontId="49" fillId="0" borderId="2" xfId="1" applyNumberFormat="1" applyFont="1" applyFill="1" applyBorder="1" applyAlignment="1">
      <alignment horizontal="center" vertical="top"/>
    </xf>
    <xf numFmtId="3" fontId="49" fillId="0" borderId="6" xfId="1" applyNumberFormat="1" applyFont="1" applyFill="1" applyBorder="1" applyAlignment="1">
      <alignment horizontal="center" vertical="top"/>
    </xf>
    <xf numFmtId="3" fontId="49" fillId="0" borderId="7" xfId="1" applyNumberFormat="1" applyFont="1" applyFill="1" applyBorder="1" applyAlignment="1">
      <alignment horizontal="center" vertical="top"/>
    </xf>
    <xf numFmtId="0" fontId="49" fillId="0" borderId="72" xfId="7" applyFont="1" applyFill="1" applyBorder="1" applyAlignment="1">
      <alignment horizontal="center" vertical="center" justifyLastLine="1"/>
    </xf>
    <xf numFmtId="0" fontId="49" fillId="0" borderId="67" xfId="7" applyFont="1" applyFill="1" applyBorder="1" applyAlignment="1">
      <alignment horizontal="center" vertical="center" justifyLastLine="1"/>
    </xf>
    <xf numFmtId="0" fontId="48" fillId="0" borderId="89" xfId="7" applyFont="1" applyFill="1" applyBorder="1" applyAlignment="1">
      <alignment horizontal="right" vertical="top" wrapText="1"/>
    </xf>
    <xf numFmtId="0" fontId="48" fillId="0" borderId="90" xfId="7" applyFont="1" applyFill="1" applyBorder="1" applyAlignment="1">
      <alignment horizontal="right" vertical="top" wrapText="1"/>
    </xf>
    <xf numFmtId="0" fontId="48" fillId="0" borderId="0" xfId="7" applyFont="1" applyFill="1" applyBorder="1" applyAlignment="1">
      <alignment horizontal="right" vertical="top" wrapText="1"/>
    </xf>
    <xf numFmtId="0" fontId="48" fillId="0" borderId="81" xfId="7" applyFont="1" applyFill="1" applyBorder="1" applyAlignment="1">
      <alignment horizontal="right" vertical="top" wrapText="1"/>
    </xf>
    <xf numFmtId="0" fontId="48" fillId="0" borderId="84" xfId="7" applyFont="1" applyFill="1" applyBorder="1" applyAlignment="1">
      <alignment horizontal="right" vertical="top" wrapText="1"/>
    </xf>
    <xf numFmtId="0" fontId="48" fillId="0" borderId="91" xfId="7" applyFont="1" applyFill="1" applyBorder="1" applyAlignment="1">
      <alignment horizontal="right" vertical="top" wrapText="1"/>
    </xf>
    <xf numFmtId="0" fontId="49" fillId="0" borderId="110" xfId="7" applyFont="1" applyFill="1" applyBorder="1" applyAlignment="1">
      <alignment horizontal="center"/>
    </xf>
    <xf numFmtId="0" fontId="49" fillId="0" borderId="89" xfId="7" applyFont="1" applyFill="1" applyBorder="1" applyAlignment="1">
      <alignment horizontal="center"/>
    </xf>
    <xf numFmtId="0" fontId="49" fillId="0" borderId="2" xfId="7" applyFont="1" applyFill="1" applyBorder="1" applyAlignment="1">
      <alignment horizontal="center"/>
    </xf>
    <xf numFmtId="0" fontId="49" fillId="0" borderId="0" xfId="7" applyFont="1" applyFill="1" applyAlignment="1">
      <alignment horizontal="center"/>
    </xf>
    <xf numFmtId="0" fontId="49" fillId="0" borderId="116" xfId="7" applyFont="1" applyFill="1" applyBorder="1" applyAlignment="1">
      <alignment horizontal="center"/>
    </xf>
    <xf numFmtId="0" fontId="49" fillId="0" borderId="84" xfId="7" applyFont="1" applyFill="1" applyBorder="1" applyAlignment="1">
      <alignment horizontal="center"/>
    </xf>
    <xf numFmtId="0" fontId="44" fillId="0" borderId="3" xfId="0" applyFont="1" applyFill="1" applyBorder="1" applyAlignment="1">
      <alignment horizontal="center" vertical="center"/>
    </xf>
    <xf numFmtId="0" fontId="44" fillId="0" borderId="5" xfId="0" applyFont="1" applyFill="1" applyBorder="1" applyAlignment="1">
      <alignment horizontal="center" vertical="center"/>
    </xf>
    <xf numFmtId="0" fontId="44" fillId="0" borderId="80" xfId="0" applyFont="1" applyFill="1" applyBorder="1" applyAlignment="1">
      <alignment horizontal="center" vertical="center"/>
    </xf>
    <xf numFmtId="0" fontId="44" fillId="0" borderId="2" xfId="0" applyFont="1" applyFill="1" applyBorder="1" applyAlignment="1">
      <alignment horizontal="center" vertical="center"/>
    </xf>
    <xf numFmtId="0" fontId="44" fillId="0" borderId="0" xfId="0" applyFont="1" applyFill="1" applyBorder="1" applyAlignment="1">
      <alignment horizontal="center" vertical="center"/>
    </xf>
    <xf numFmtId="0" fontId="44" fillId="0" borderId="81" xfId="0" applyFont="1" applyFill="1" applyBorder="1" applyAlignment="1">
      <alignment horizontal="center" vertical="center"/>
    </xf>
    <xf numFmtId="0" fontId="44" fillId="0" borderId="116" xfId="0" applyFont="1" applyFill="1" applyBorder="1" applyAlignment="1">
      <alignment horizontal="center" vertical="center"/>
    </xf>
    <xf numFmtId="0" fontId="44" fillId="0" borderId="84" xfId="0" applyFont="1" applyFill="1" applyBorder="1" applyAlignment="1">
      <alignment horizontal="center" vertical="center"/>
    </xf>
    <xf numFmtId="0" fontId="44" fillId="0" borderId="91" xfId="0" applyFont="1" applyFill="1" applyBorder="1" applyAlignment="1">
      <alignment horizontal="center" vertical="center"/>
    </xf>
    <xf numFmtId="0" fontId="49" fillId="0" borderId="77" xfId="7" applyFont="1" applyFill="1" applyBorder="1" applyAlignment="1">
      <alignment horizontal="distributed" vertical="center" wrapText="1"/>
    </xf>
    <xf numFmtId="0" fontId="49" fillId="0" borderId="5" xfId="7" applyFont="1" applyFill="1" applyBorder="1" applyAlignment="1">
      <alignment horizontal="distributed" vertical="center" wrapText="1"/>
    </xf>
    <xf numFmtId="0" fontId="49" fillId="0" borderId="4" xfId="7" applyFont="1" applyFill="1" applyBorder="1" applyAlignment="1">
      <alignment horizontal="distributed" vertical="center" wrapText="1"/>
    </xf>
    <xf numFmtId="0" fontId="49" fillId="0" borderId="78" xfId="7" applyFont="1" applyFill="1" applyBorder="1" applyAlignment="1">
      <alignment horizontal="distributed" vertical="center" wrapText="1"/>
    </xf>
    <xf numFmtId="0" fontId="49" fillId="0" borderId="0" xfId="7" applyFont="1" applyFill="1" applyBorder="1" applyAlignment="1">
      <alignment horizontal="distributed" vertical="center" wrapText="1"/>
    </xf>
    <xf numFmtId="0" fontId="49" fillId="0" borderId="1" xfId="7" applyFont="1" applyFill="1" applyBorder="1" applyAlignment="1">
      <alignment horizontal="distributed" vertical="center" wrapText="1"/>
    </xf>
    <xf numFmtId="0" fontId="49" fillId="0" borderId="79" xfId="7" applyFont="1" applyFill="1" applyBorder="1" applyAlignment="1">
      <alignment horizontal="distributed" vertical="center" wrapText="1"/>
    </xf>
    <xf numFmtId="0" fontId="49" fillId="0" borderId="7" xfId="7" applyFont="1" applyFill="1" applyBorder="1" applyAlignment="1">
      <alignment horizontal="distributed" vertical="center" wrapText="1"/>
    </xf>
    <xf numFmtId="0" fontId="49" fillId="0" borderId="8" xfId="7" applyFont="1" applyFill="1" applyBorder="1" applyAlignment="1">
      <alignment horizontal="distributed" vertical="center" wrapText="1"/>
    </xf>
    <xf numFmtId="0" fontId="49" fillId="0" borderId="3" xfId="7" applyFont="1" applyFill="1" applyBorder="1" applyAlignment="1">
      <alignment horizontal="center" vertical="center" wrapText="1"/>
    </xf>
    <xf numFmtId="0" fontId="49" fillId="0" borderId="5" xfId="7" applyFont="1" applyFill="1" applyBorder="1" applyAlignment="1">
      <alignment horizontal="center" vertical="center" wrapText="1"/>
    </xf>
    <xf numFmtId="0" fontId="49" fillId="0" borderId="80" xfId="7" applyFont="1" applyFill="1" applyBorder="1" applyAlignment="1">
      <alignment horizontal="center" vertical="center" wrapText="1"/>
    </xf>
    <xf numFmtId="0" fontId="49" fillId="0" borderId="2" xfId="7" applyFont="1" applyFill="1" applyBorder="1" applyAlignment="1">
      <alignment horizontal="center" vertical="center" wrapText="1"/>
    </xf>
    <xf numFmtId="0" fontId="49" fillId="0" borderId="0" xfId="7" applyFont="1" applyFill="1" applyBorder="1" applyAlignment="1">
      <alignment horizontal="center" vertical="center" wrapText="1"/>
    </xf>
    <xf numFmtId="0" fontId="49" fillId="0" borderId="81" xfId="7" applyFont="1" applyFill="1" applyBorder="1" applyAlignment="1">
      <alignment horizontal="center" vertical="center" wrapText="1"/>
    </xf>
    <xf numFmtId="0" fontId="49" fillId="0" borderId="6" xfId="7" applyFont="1" applyFill="1" applyBorder="1" applyAlignment="1">
      <alignment horizontal="center" vertical="center" wrapText="1"/>
    </xf>
    <xf numFmtId="0" fontId="49" fillId="0" borderId="7" xfId="7" applyFont="1" applyFill="1" applyBorder="1" applyAlignment="1">
      <alignment horizontal="center" vertical="center" wrapText="1"/>
    </xf>
    <xf numFmtId="0" fontId="49" fillId="0" borderId="82" xfId="7" applyFont="1" applyFill="1" applyBorder="1" applyAlignment="1">
      <alignment horizontal="center" vertical="center" wrapText="1"/>
    </xf>
    <xf numFmtId="0" fontId="49" fillId="0" borderId="83" xfId="7" applyFont="1" applyFill="1" applyBorder="1" applyAlignment="1">
      <alignment horizontal="distributed" vertical="center" wrapText="1"/>
    </xf>
    <xf numFmtId="0" fontId="49" fillId="0" borderId="84" xfId="7" applyFont="1" applyFill="1" applyBorder="1" applyAlignment="1">
      <alignment horizontal="distributed" vertical="center" wrapText="1"/>
    </xf>
    <xf numFmtId="0" fontId="49" fillId="0" borderId="85" xfId="7" applyFont="1" applyFill="1" applyBorder="1" applyAlignment="1">
      <alignment horizontal="distributed" vertical="center" wrapText="1"/>
    </xf>
    <xf numFmtId="0" fontId="49" fillId="0" borderId="116" xfId="7" applyFont="1" applyFill="1" applyBorder="1" applyAlignment="1">
      <alignment horizontal="center" vertical="center" wrapText="1"/>
    </xf>
    <xf numFmtId="0" fontId="49" fillId="0" borderId="84" xfId="7" applyFont="1" applyFill="1" applyBorder="1" applyAlignment="1">
      <alignment horizontal="center" vertical="center" wrapText="1"/>
    </xf>
    <xf numFmtId="0" fontId="49" fillId="0" borderId="91" xfId="7" applyFont="1" applyFill="1" applyBorder="1" applyAlignment="1">
      <alignment horizontal="center" vertical="center" wrapText="1"/>
    </xf>
    <xf numFmtId="0" fontId="49" fillId="0" borderId="79" xfId="7" applyFont="1" applyFill="1" applyBorder="1" applyAlignment="1">
      <alignment horizontal="center" vertical="center"/>
    </xf>
    <xf numFmtId="0" fontId="49" fillId="0" borderId="8" xfId="7" applyFont="1" applyFill="1" applyBorder="1" applyAlignment="1">
      <alignment horizontal="center" vertical="center"/>
    </xf>
    <xf numFmtId="0" fontId="48" fillId="0" borderId="3" xfId="7" applyFont="1" applyFill="1" applyBorder="1" applyAlignment="1">
      <alignment horizontal="center"/>
    </xf>
    <xf numFmtId="0" fontId="48" fillId="0" borderId="5" xfId="7" applyFont="1" applyFill="1" applyBorder="1" applyAlignment="1">
      <alignment horizontal="center"/>
    </xf>
    <xf numFmtId="0" fontId="48" fillId="0" borderId="4" xfId="7" applyFont="1" applyFill="1" applyBorder="1" applyAlignment="1">
      <alignment horizontal="center"/>
    </xf>
    <xf numFmtId="0" fontId="48" fillId="0" borderId="29" xfId="7" applyFont="1" applyFill="1" applyBorder="1" applyAlignment="1">
      <alignment horizontal="center"/>
    </xf>
    <xf numFmtId="0" fontId="48" fillId="0" borderId="9" xfId="7" applyFont="1" applyFill="1" applyBorder="1" applyAlignment="1">
      <alignment horizontal="center"/>
    </xf>
    <xf numFmtId="0" fontId="48" fillId="0" borderId="36" xfId="7" applyFont="1" applyFill="1" applyBorder="1" applyAlignment="1">
      <alignment horizontal="center"/>
    </xf>
    <xf numFmtId="0" fontId="48" fillId="0" borderId="44" xfId="7" applyFont="1" applyFill="1" applyBorder="1" applyAlignment="1">
      <alignment horizontal="center"/>
    </xf>
    <xf numFmtId="0" fontId="48" fillId="0" borderId="18" xfId="7" applyFont="1" applyFill="1" applyBorder="1" applyAlignment="1">
      <alignment horizontal="center"/>
    </xf>
    <xf numFmtId="0" fontId="48" fillId="0" borderId="35" xfId="7" applyFont="1" applyFill="1" applyBorder="1" applyAlignment="1">
      <alignment horizontal="center"/>
    </xf>
    <xf numFmtId="0" fontId="48" fillId="0" borderId="2" xfId="7" applyFont="1" applyFill="1" applyBorder="1" applyAlignment="1">
      <alignment horizontal="center"/>
    </xf>
    <xf numFmtId="0" fontId="48" fillId="0" borderId="0" xfId="7" applyFont="1" applyFill="1" applyBorder="1" applyAlignment="1">
      <alignment horizontal="center"/>
    </xf>
    <xf numFmtId="0" fontId="48" fillId="0" borderId="1" xfId="7" applyFont="1" applyFill="1" applyBorder="1" applyAlignment="1">
      <alignment horizontal="center"/>
    </xf>
    <xf numFmtId="0" fontId="48" fillId="0" borderId="6" xfId="7" applyFont="1" applyFill="1" applyBorder="1" applyAlignment="1">
      <alignment horizontal="center"/>
    </xf>
    <xf numFmtId="0" fontId="48" fillId="0" borderId="7" xfId="7" applyFont="1" applyFill="1" applyBorder="1" applyAlignment="1">
      <alignment horizontal="center"/>
    </xf>
    <xf numFmtId="0" fontId="48" fillId="0" borderId="8" xfId="7" applyFont="1" applyFill="1" applyBorder="1" applyAlignment="1">
      <alignment horizontal="center"/>
    </xf>
    <xf numFmtId="0" fontId="48" fillId="0" borderId="116" xfId="7" applyFont="1" applyFill="1" applyBorder="1" applyAlignment="1">
      <alignment horizontal="center"/>
    </xf>
    <xf numFmtId="0" fontId="48" fillId="0" borderId="84" xfId="7" applyFont="1" applyFill="1" applyBorder="1" applyAlignment="1">
      <alignment horizontal="center"/>
    </xf>
    <xf numFmtId="0" fontId="48" fillId="0" borderId="85" xfId="7" applyFont="1" applyFill="1" applyBorder="1" applyAlignment="1">
      <alignment horizontal="center"/>
    </xf>
    <xf numFmtId="0" fontId="44" fillId="0" borderId="6" xfId="0" applyFont="1" applyFill="1" applyBorder="1" applyAlignment="1">
      <alignment horizontal="center" vertical="center"/>
    </xf>
    <xf numFmtId="0" fontId="44" fillId="0" borderId="7" xfId="0" applyFont="1" applyFill="1" applyBorder="1" applyAlignment="1">
      <alignment horizontal="center" vertical="center"/>
    </xf>
    <xf numFmtId="0" fontId="44" fillId="0" borderId="82" xfId="0" applyFont="1" applyFill="1" applyBorder="1" applyAlignment="1">
      <alignment horizontal="center" vertical="center"/>
    </xf>
    <xf numFmtId="0" fontId="48" fillId="0" borderId="2" xfId="7" applyFont="1" applyFill="1" applyBorder="1" applyAlignment="1">
      <alignment horizontal="right"/>
    </xf>
    <xf numFmtId="0" fontId="48" fillId="0" borderId="0" xfId="7" applyFont="1" applyFill="1" applyBorder="1" applyAlignment="1">
      <alignment horizontal="right"/>
    </xf>
    <xf numFmtId="0" fontId="48" fillId="0" borderId="1" xfId="7" applyFont="1" applyFill="1" applyBorder="1" applyAlignment="1">
      <alignment horizontal="right"/>
    </xf>
    <xf numFmtId="0" fontId="48" fillId="0" borderId="6" xfId="7" applyFont="1" applyFill="1" applyBorder="1" applyAlignment="1">
      <alignment horizontal="right"/>
    </xf>
    <xf numFmtId="0" fontId="48" fillId="0" borderId="7" xfId="7" applyFont="1" applyFill="1" applyBorder="1" applyAlignment="1">
      <alignment horizontal="right"/>
    </xf>
    <xf numFmtId="0" fontId="48" fillId="0" borderId="8" xfId="7" applyFont="1" applyFill="1" applyBorder="1" applyAlignment="1">
      <alignment horizontal="right"/>
    </xf>
    <xf numFmtId="0" fontId="48" fillId="0" borderId="5" xfId="0" applyFont="1" applyFill="1" applyBorder="1" applyAlignment="1">
      <alignment horizontal="right" vertical="top"/>
    </xf>
    <xf numFmtId="0" fontId="48" fillId="0" borderId="80" xfId="0" applyFont="1" applyFill="1" applyBorder="1" applyAlignment="1">
      <alignment horizontal="right" vertical="top"/>
    </xf>
    <xf numFmtId="0" fontId="48" fillId="0" borderId="0" xfId="0" applyFont="1" applyFill="1" applyBorder="1" applyAlignment="1">
      <alignment horizontal="right" vertical="top"/>
    </xf>
    <xf numFmtId="0" fontId="48" fillId="0" borderId="81" xfId="0" applyFont="1" applyFill="1" applyBorder="1" applyAlignment="1">
      <alignment horizontal="right" vertical="top"/>
    </xf>
    <xf numFmtId="0" fontId="48" fillId="0" borderId="7" xfId="0" applyFont="1" applyFill="1" applyBorder="1" applyAlignment="1">
      <alignment horizontal="right" vertical="top"/>
    </xf>
    <xf numFmtId="0" fontId="48" fillId="0" borderId="82" xfId="0" applyFont="1" applyFill="1" applyBorder="1" applyAlignment="1">
      <alignment horizontal="right" vertical="top"/>
    </xf>
    <xf numFmtId="0" fontId="48" fillId="0" borderId="3" xfId="0" applyFont="1" applyFill="1" applyBorder="1" applyAlignment="1">
      <alignment horizontal="center" vertical="top"/>
    </xf>
    <xf numFmtId="0" fontId="48" fillId="0" borderId="5" xfId="0" applyFont="1" applyFill="1" applyBorder="1" applyAlignment="1">
      <alignment horizontal="center" vertical="top"/>
    </xf>
    <xf numFmtId="0" fontId="48" fillId="0" borderId="2" xfId="0" applyFont="1" applyFill="1" applyBorder="1" applyAlignment="1">
      <alignment horizontal="center" vertical="top"/>
    </xf>
    <xf numFmtId="0" fontId="48" fillId="0" borderId="0" xfId="0" applyFont="1" applyFill="1" applyBorder="1" applyAlignment="1">
      <alignment horizontal="center" vertical="top"/>
    </xf>
    <xf numFmtId="0" fontId="48" fillId="0" borderId="6" xfId="0" applyFont="1" applyFill="1" applyBorder="1" applyAlignment="1">
      <alignment horizontal="center" vertical="top"/>
    </xf>
    <xf numFmtId="0" fontId="48" fillId="0" borderId="7" xfId="0" applyFont="1" applyFill="1" applyBorder="1" applyAlignment="1">
      <alignment horizontal="center" vertical="top"/>
    </xf>
    <xf numFmtId="0" fontId="48" fillId="0" borderId="7" xfId="7" applyFont="1" applyFill="1" applyBorder="1" applyAlignment="1">
      <alignment horizontal="right" vertical="top" wrapText="1"/>
    </xf>
    <xf numFmtId="0" fontId="48" fillId="0" borderId="82" xfId="7" applyFont="1" applyFill="1" applyBorder="1" applyAlignment="1">
      <alignment horizontal="right" vertical="top" wrapText="1"/>
    </xf>
    <xf numFmtId="0" fontId="48" fillId="0" borderId="5" xfId="7" applyFont="1" applyFill="1" applyBorder="1" applyAlignment="1">
      <alignment horizontal="right" vertical="top" wrapText="1"/>
    </xf>
    <xf numFmtId="0" fontId="48" fillId="0" borderId="80" xfId="7" applyFont="1" applyFill="1" applyBorder="1" applyAlignment="1">
      <alignment horizontal="right" vertical="top" wrapText="1"/>
    </xf>
    <xf numFmtId="3" fontId="49" fillId="0" borderId="110" xfId="7" applyNumberFormat="1" applyFont="1" applyFill="1" applyBorder="1" applyAlignment="1">
      <alignment horizontal="center" vertical="center"/>
    </xf>
    <xf numFmtId="3" fontId="49" fillId="0" borderId="89" xfId="7" applyNumberFormat="1" applyFont="1" applyFill="1" applyBorder="1" applyAlignment="1">
      <alignment horizontal="center" vertical="center"/>
    </xf>
    <xf numFmtId="3" fontId="49" fillId="0" borderId="2" xfId="7" applyNumberFormat="1" applyFont="1" applyFill="1" applyBorder="1" applyAlignment="1">
      <alignment horizontal="center" vertical="center"/>
    </xf>
    <xf numFmtId="3" fontId="49" fillId="0" borderId="0" xfId="7" applyNumberFormat="1" applyFont="1" applyFill="1" applyAlignment="1">
      <alignment horizontal="center" vertical="center"/>
    </xf>
    <xf numFmtId="3" fontId="49" fillId="0" borderId="6" xfId="7" applyNumberFormat="1" applyFont="1" applyFill="1" applyBorder="1" applyAlignment="1">
      <alignment horizontal="center" vertical="center"/>
    </xf>
    <xf numFmtId="3" fontId="49" fillId="0" borderId="7" xfId="7" applyNumberFormat="1" applyFont="1" applyFill="1" applyBorder="1" applyAlignment="1">
      <alignment horizontal="center" vertical="center"/>
    </xf>
    <xf numFmtId="3" fontId="49" fillId="0" borderId="3" xfId="7" applyNumberFormat="1" applyFont="1" applyFill="1" applyBorder="1" applyAlignment="1">
      <alignment horizontal="center" vertical="center"/>
    </xf>
    <xf numFmtId="3" fontId="49" fillId="0" borderId="5" xfId="7" applyNumberFormat="1" applyFont="1" applyFill="1" applyBorder="1" applyAlignment="1">
      <alignment horizontal="center" vertical="center"/>
    </xf>
    <xf numFmtId="0" fontId="44" fillId="0" borderId="4" xfId="0" applyFont="1" applyFill="1" applyBorder="1" applyAlignment="1">
      <alignment horizontal="center" vertical="center"/>
    </xf>
    <xf numFmtId="0" fontId="44" fillId="0" borderId="1" xfId="0" applyFont="1" applyFill="1" applyBorder="1" applyAlignment="1">
      <alignment horizontal="center" vertical="center"/>
    </xf>
    <xf numFmtId="0" fontId="44" fillId="0" borderId="85" xfId="0" applyFont="1" applyFill="1" applyBorder="1" applyAlignment="1">
      <alignment horizontal="center" vertical="center"/>
    </xf>
    <xf numFmtId="0" fontId="48" fillId="0" borderId="88" xfId="0" applyFont="1" applyFill="1" applyBorder="1" applyAlignment="1">
      <alignment horizontal="center" vertical="center"/>
    </xf>
    <xf numFmtId="0" fontId="48" fillId="0" borderId="78" xfId="0" applyFont="1" applyFill="1" applyBorder="1" applyAlignment="1">
      <alignment horizontal="center" vertical="center"/>
    </xf>
    <xf numFmtId="0" fontId="48" fillId="0" borderId="79" xfId="0" applyFont="1" applyFill="1" applyBorder="1" applyAlignment="1">
      <alignment horizontal="center" vertical="center"/>
    </xf>
    <xf numFmtId="0" fontId="48" fillId="0" borderId="89" xfId="0" applyFont="1" applyFill="1" applyBorder="1" applyAlignment="1">
      <alignment horizontal="center" vertical="center" wrapText="1"/>
    </xf>
    <xf numFmtId="0" fontId="48" fillId="0" borderId="111" xfId="0" applyFont="1" applyFill="1" applyBorder="1" applyAlignment="1">
      <alignment horizontal="center" vertical="center" wrapText="1"/>
    </xf>
    <xf numFmtId="0" fontId="48" fillId="0" borderId="2" xfId="0" applyFont="1" applyFill="1" applyBorder="1" applyAlignment="1">
      <alignment horizontal="center" vertical="center" wrapText="1"/>
    </xf>
    <xf numFmtId="0" fontId="48" fillId="0" borderId="0" xfId="0" applyFont="1" applyFill="1" applyBorder="1" applyAlignment="1">
      <alignment horizontal="center" vertical="center" wrapText="1"/>
    </xf>
    <xf numFmtId="0" fontId="48" fillId="0" borderId="1" xfId="0" applyFont="1" applyFill="1" applyBorder="1" applyAlignment="1">
      <alignment horizontal="center" vertical="center" wrapText="1"/>
    </xf>
    <xf numFmtId="0" fontId="48" fillId="0" borderId="6" xfId="0" applyFont="1" applyFill="1" applyBorder="1" applyAlignment="1">
      <alignment horizontal="center" vertical="center" wrapText="1"/>
    </xf>
    <xf numFmtId="0" fontId="48" fillId="0" borderId="7" xfId="0" applyFont="1" applyFill="1" applyBorder="1" applyAlignment="1">
      <alignment horizontal="center" vertical="center" wrapText="1"/>
    </xf>
    <xf numFmtId="0" fontId="48" fillId="0" borderId="8" xfId="0" applyFont="1" applyFill="1" applyBorder="1" applyAlignment="1">
      <alignment horizontal="center" vertical="center" wrapText="1"/>
    </xf>
    <xf numFmtId="0" fontId="48" fillId="0" borderId="3" xfId="7" applyFont="1" applyFill="1" applyBorder="1" applyAlignment="1">
      <alignment horizontal="left" vertical="top" wrapText="1"/>
    </xf>
    <xf numFmtId="0" fontId="48" fillId="0" borderId="5" xfId="7" applyFont="1" applyFill="1" applyBorder="1" applyAlignment="1">
      <alignment horizontal="left" vertical="top" wrapText="1"/>
    </xf>
    <xf numFmtId="0" fontId="48" fillId="0" borderId="4" xfId="7" applyFont="1" applyFill="1" applyBorder="1" applyAlignment="1">
      <alignment horizontal="left" vertical="top" wrapText="1"/>
    </xf>
    <xf numFmtId="0" fontId="48" fillId="0" borderId="2" xfId="7" applyFont="1" applyFill="1" applyBorder="1" applyAlignment="1">
      <alignment horizontal="left" vertical="top" wrapText="1"/>
    </xf>
    <xf numFmtId="0" fontId="48" fillId="0" borderId="0" xfId="7" applyFont="1" applyFill="1" applyBorder="1" applyAlignment="1">
      <alignment horizontal="left" vertical="top" wrapText="1"/>
    </xf>
    <xf numFmtId="0" fontId="48" fillId="0" borderId="1" xfId="7" applyFont="1" applyFill="1" applyBorder="1" applyAlignment="1">
      <alignment horizontal="left" vertical="top" wrapText="1"/>
    </xf>
    <xf numFmtId="0" fontId="48" fillId="0" borderId="6" xfId="7" applyFont="1" applyFill="1" applyBorder="1" applyAlignment="1">
      <alignment horizontal="left" vertical="top" wrapText="1"/>
    </xf>
    <xf numFmtId="0" fontId="48" fillId="0" borderId="7" xfId="7" applyFont="1" applyFill="1" applyBorder="1" applyAlignment="1">
      <alignment horizontal="left" vertical="top" wrapText="1"/>
    </xf>
    <xf numFmtId="0" fontId="48" fillId="0" borderId="8" xfId="7" applyFont="1" applyFill="1" applyBorder="1" applyAlignment="1">
      <alignment horizontal="left" vertical="top" wrapText="1"/>
    </xf>
    <xf numFmtId="0" fontId="47" fillId="0" borderId="0" xfId="7" applyFont="1" applyFill="1" applyAlignment="1">
      <alignment horizontal="left"/>
    </xf>
    <xf numFmtId="0" fontId="47" fillId="0" borderId="84" xfId="7" applyFont="1" applyFill="1" applyBorder="1" applyAlignment="1">
      <alignment horizontal="left"/>
    </xf>
    <xf numFmtId="0" fontId="49" fillId="0" borderId="0" xfId="7" applyFont="1" applyFill="1" applyAlignment="1">
      <alignment horizontal="left" wrapText="1"/>
    </xf>
    <xf numFmtId="0" fontId="49" fillId="0" borderId="84" xfId="7" applyFont="1" applyFill="1" applyBorder="1" applyAlignment="1">
      <alignment horizontal="left" wrapText="1"/>
    </xf>
    <xf numFmtId="0" fontId="49" fillId="0" borderId="88" xfId="7" applyFont="1" applyFill="1" applyBorder="1" applyAlignment="1">
      <alignment horizontal="distributed" vertical="center" wrapText="1"/>
    </xf>
    <xf numFmtId="0" fontId="49" fillId="0" borderId="89" xfId="7" applyFont="1" applyFill="1" applyBorder="1" applyAlignment="1">
      <alignment horizontal="distributed" vertical="center" wrapText="1"/>
    </xf>
    <xf numFmtId="0" fontId="49" fillId="0" borderId="111" xfId="7" applyFont="1" applyFill="1" applyBorder="1" applyAlignment="1">
      <alignment horizontal="distributed" vertical="center" wrapText="1"/>
    </xf>
    <xf numFmtId="0" fontId="57" fillId="0" borderId="88" xfId="7" applyFont="1" applyFill="1" applyBorder="1" applyAlignment="1">
      <alignment horizontal="center" vertical="center" textRotation="255" wrapText="1"/>
    </xf>
    <xf numFmtId="0" fontId="57" fillId="0" borderId="111" xfId="7" applyFont="1" applyFill="1" applyBorder="1" applyAlignment="1">
      <alignment horizontal="center" vertical="center" textRotation="255" wrapText="1"/>
    </xf>
    <xf numFmtId="0" fontId="57" fillId="0" borderId="78" xfId="7" applyFont="1" applyFill="1" applyBorder="1" applyAlignment="1">
      <alignment horizontal="center" vertical="center" textRotation="255" wrapText="1"/>
    </xf>
    <xf numFmtId="0" fontId="57" fillId="0" borderId="1" xfId="7" applyFont="1" applyFill="1" applyBorder="1" applyAlignment="1">
      <alignment horizontal="center" vertical="center" textRotation="255" wrapText="1"/>
    </xf>
    <xf numFmtId="0" fontId="57" fillId="0" borderId="83" xfId="7" applyFont="1" applyFill="1" applyBorder="1" applyAlignment="1">
      <alignment horizontal="center" vertical="center" textRotation="255" wrapText="1"/>
    </xf>
    <xf numFmtId="0" fontId="57" fillId="0" borderId="85" xfId="7" applyFont="1" applyFill="1" applyBorder="1" applyAlignment="1">
      <alignment horizontal="center" vertical="center" textRotation="255" wrapText="1"/>
    </xf>
    <xf numFmtId="0" fontId="46" fillId="0" borderId="110" xfId="1" applyFont="1" applyFill="1" applyBorder="1" applyAlignment="1">
      <alignment horizontal="distributed" vertical="center"/>
    </xf>
    <xf numFmtId="0" fontId="46" fillId="0" borderId="89" xfId="1" applyFont="1" applyFill="1" applyBorder="1" applyAlignment="1">
      <alignment horizontal="distributed" vertical="center"/>
    </xf>
    <xf numFmtId="0" fontId="46" fillId="0" borderId="111" xfId="1" applyFont="1" applyFill="1" applyBorder="1" applyAlignment="1">
      <alignment horizontal="distributed" vertical="center"/>
    </xf>
    <xf numFmtId="0" fontId="46" fillId="0" borderId="2" xfId="1" applyFont="1" applyFill="1" applyBorder="1" applyAlignment="1">
      <alignment horizontal="distributed" vertical="center"/>
    </xf>
    <xf numFmtId="0" fontId="46" fillId="0" borderId="0" xfId="1" applyFont="1" applyFill="1" applyBorder="1" applyAlignment="1">
      <alignment horizontal="distributed" vertical="center"/>
    </xf>
    <xf numFmtId="0" fontId="46" fillId="0" borderId="1" xfId="1" applyFont="1" applyFill="1" applyBorder="1" applyAlignment="1">
      <alignment horizontal="distributed" vertical="center"/>
    </xf>
    <xf numFmtId="0" fontId="46" fillId="0" borderId="116" xfId="1" applyFont="1" applyFill="1" applyBorder="1" applyAlignment="1">
      <alignment horizontal="distributed" vertical="center"/>
    </xf>
    <xf numFmtId="0" fontId="46" fillId="0" borderId="84" xfId="1" applyFont="1" applyFill="1" applyBorder="1" applyAlignment="1">
      <alignment horizontal="distributed" vertical="center"/>
    </xf>
    <xf numFmtId="0" fontId="46" fillId="0" borderId="85" xfId="1" applyFont="1" applyFill="1" applyBorder="1" applyAlignment="1">
      <alignment horizontal="distributed" vertical="center"/>
    </xf>
    <xf numFmtId="177" fontId="46" fillId="0" borderId="110" xfId="1" applyNumberFormat="1" applyFont="1" applyFill="1" applyBorder="1" applyAlignment="1">
      <alignment horizontal="distributed" vertical="center" wrapText="1"/>
    </xf>
    <xf numFmtId="177" fontId="46" fillId="0" borderId="89" xfId="1" applyNumberFormat="1" applyFont="1" applyFill="1" applyBorder="1" applyAlignment="1">
      <alignment horizontal="distributed" vertical="center" wrapText="1"/>
    </xf>
    <xf numFmtId="177" fontId="46" fillId="0" borderId="111" xfId="1" applyNumberFormat="1" applyFont="1" applyFill="1" applyBorder="1" applyAlignment="1">
      <alignment horizontal="distributed" vertical="center" wrapText="1"/>
    </xf>
    <xf numFmtId="177" fontId="46" fillId="0" borderId="2" xfId="1" applyNumberFormat="1" applyFont="1" applyFill="1" applyBorder="1" applyAlignment="1">
      <alignment horizontal="distributed" vertical="center" wrapText="1"/>
    </xf>
    <xf numFmtId="177" fontId="46" fillId="0" borderId="0" xfId="1" applyNumberFormat="1" applyFont="1" applyFill="1" applyBorder="1" applyAlignment="1">
      <alignment horizontal="distributed" vertical="center" wrapText="1"/>
    </xf>
    <xf numFmtId="177" fontId="46" fillId="0" borderId="1" xfId="1" applyNumberFormat="1" applyFont="1" applyFill="1" applyBorder="1" applyAlignment="1">
      <alignment horizontal="distributed" vertical="center" wrapText="1"/>
    </xf>
    <xf numFmtId="177" fontId="46" fillId="0" borderId="84" xfId="1" applyNumberFormat="1" applyFont="1" applyFill="1" applyBorder="1" applyAlignment="1">
      <alignment horizontal="distributed" vertical="center" wrapText="1"/>
    </xf>
    <xf numFmtId="177" fontId="46" fillId="0" borderId="85" xfId="1" applyNumberFormat="1" applyFont="1" applyFill="1" applyBorder="1" applyAlignment="1">
      <alignment horizontal="distributed" vertical="center" wrapText="1"/>
    </xf>
    <xf numFmtId="0" fontId="45" fillId="0" borderId="110" xfId="7" applyFont="1" applyFill="1" applyBorder="1" applyAlignment="1">
      <alignment horizontal="center" vertical="center"/>
    </xf>
    <xf numFmtId="0" fontId="45" fillId="0" borderId="89" xfId="7" applyFont="1" applyFill="1" applyBorder="1" applyAlignment="1">
      <alignment horizontal="center" vertical="center"/>
    </xf>
    <xf numFmtId="0" fontId="45" fillId="0" borderId="111" xfId="7" applyFont="1" applyFill="1" applyBorder="1" applyAlignment="1">
      <alignment horizontal="center" vertical="center"/>
    </xf>
    <xf numFmtId="0" fontId="45" fillId="0" borderId="2" xfId="7" applyFont="1" applyFill="1" applyBorder="1" applyAlignment="1">
      <alignment horizontal="center" vertical="center"/>
    </xf>
    <xf numFmtId="0" fontId="45" fillId="0" borderId="1" xfId="7" applyFont="1" applyFill="1" applyBorder="1" applyAlignment="1">
      <alignment horizontal="center" vertical="center"/>
    </xf>
    <xf numFmtId="0" fontId="45" fillId="0" borderId="2" xfId="7" applyFont="1" applyFill="1" applyBorder="1" applyAlignment="1">
      <alignment horizontal="left" vertical="center" wrapText="1"/>
    </xf>
    <xf numFmtId="0" fontId="45" fillId="0" borderId="0" xfId="7" applyFont="1" applyFill="1" applyBorder="1" applyAlignment="1">
      <alignment horizontal="left" vertical="center" wrapText="1"/>
    </xf>
    <xf numFmtId="0" fontId="45" fillId="0" borderId="1" xfId="7" applyFont="1" applyFill="1" applyBorder="1" applyAlignment="1">
      <alignment horizontal="left" vertical="center" wrapText="1"/>
    </xf>
    <xf numFmtId="0" fontId="45" fillId="0" borderId="6" xfId="7" applyFont="1" applyFill="1" applyBorder="1" applyAlignment="1">
      <alignment horizontal="left" vertical="center" wrapText="1"/>
    </xf>
    <xf numFmtId="0" fontId="45" fillId="0" borderId="7" xfId="7" applyFont="1" applyFill="1" applyBorder="1" applyAlignment="1">
      <alignment horizontal="left" vertical="center" wrapText="1"/>
    </xf>
    <xf numFmtId="0" fontId="45" fillId="0" borderId="8" xfId="7" applyFont="1" applyFill="1" applyBorder="1" applyAlignment="1">
      <alignment horizontal="left" vertical="center" wrapText="1"/>
    </xf>
    <xf numFmtId="0" fontId="45" fillId="0" borderId="70" xfId="1" applyFont="1" applyFill="1" applyBorder="1" applyAlignment="1">
      <alignment horizontal="center" vertical="center"/>
    </xf>
    <xf numFmtId="0" fontId="45" fillId="0" borderId="71" xfId="1" applyFont="1" applyFill="1" applyBorder="1" applyAlignment="1">
      <alignment horizontal="center" vertical="center"/>
    </xf>
    <xf numFmtId="0" fontId="45" fillId="0" borderId="73" xfId="1" applyFont="1" applyFill="1" applyBorder="1" applyAlignment="1">
      <alignment horizontal="center" vertical="center"/>
    </xf>
    <xf numFmtId="0" fontId="46" fillId="0" borderId="67" xfId="1" applyFont="1" applyFill="1" applyBorder="1" applyAlignment="1">
      <alignment horizontal="distributed" vertical="center" wrapText="1"/>
    </xf>
    <xf numFmtId="0" fontId="46" fillId="0" borderId="67" xfId="1" applyFont="1" applyFill="1" applyBorder="1" applyAlignment="1">
      <alignment horizontal="distributed" vertical="center"/>
    </xf>
    <xf numFmtId="177" fontId="49" fillId="0" borderId="67" xfId="7" applyNumberFormat="1" applyFont="1" applyFill="1" applyBorder="1" applyAlignment="1">
      <alignment horizontal="center" vertical="center"/>
    </xf>
    <xf numFmtId="177" fontId="46" fillId="0" borderId="70" xfId="1" applyNumberFormat="1" applyFont="1" applyFill="1" applyBorder="1" applyAlignment="1">
      <alignment horizontal="distributed" vertical="center" wrapText="1"/>
    </xf>
    <xf numFmtId="177" fontId="46" fillId="0" borderId="70" xfId="1" applyNumberFormat="1" applyFont="1" applyFill="1" applyBorder="1" applyAlignment="1">
      <alignment horizontal="distributed" vertical="center"/>
    </xf>
    <xf numFmtId="177" fontId="46" fillId="0" borderId="87" xfId="1" applyNumberFormat="1" applyFont="1" applyFill="1" applyBorder="1" applyAlignment="1">
      <alignment horizontal="distributed" vertical="center"/>
    </xf>
    <xf numFmtId="177" fontId="46" fillId="0" borderId="67" xfId="1" applyNumberFormat="1" applyFont="1" applyFill="1" applyBorder="1" applyAlignment="1">
      <alignment horizontal="distributed" vertical="center"/>
    </xf>
    <xf numFmtId="3" fontId="49" fillId="0" borderId="70" xfId="1" applyNumberFormat="1" applyFont="1" applyFill="1" applyBorder="1" applyAlignment="1">
      <alignment horizontal="center" vertical="center" wrapText="1"/>
    </xf>
    <xf numFmtId="3" fontId="50" fillId="0" borderId="70" xfId="1" applyNumberFormat="1" applyFont="1" applyFill="1" applyBorder="1" applyAlignment="1">
      <alignment horizontal="distributed" vertical="center" wrapText="1" shrinkToFit="1"/>
    </xf>
    <xf numFmtId="3" fontId="50" fillId="0" borderId="67" xfId="1" applyNumberFormat="1" applyFont="1" applyFill="1" applyBorder="1" applyAlignment="1">
      <alignment horizontal="distributed" vertical="center" wrapText="1" shrinkToFit="1"/>
    </xf>
    <xf numFmtId="3" fontId="50" fillId="0" borderId="75" xfId="1" applyNumberFormat="1" applyFont="1" applyFill="1" applyBorder="1" applyAlignment="1">
      <alignment horizontal="distributed" vertical="center" wrapText="1" shrinkToFit="1"/>
    </xf>
    <xf numFmtId="3" fontId="48" fillId="0" borderId="70" xfId="1" applyNumberFormat="1" applyFont="1" applyFill="1" applyBorder="1" applyAlignment="1">
      <alignment horizontal="distributed" vertical="center" wrapText="1" shrinkToFit="1"/>
    </xf>
    <xf numFmtId="3" fontId="48" fillId="0" borderId="67" xfId="1" applyNumberFormat="1" applyFont="1" applyFill="1" applyBorder="1" applyAlignment="1">
      <alignment horizontal="distributed" vertical="center" wrapText="1" shrinkToFit="1"/>
    </xf>
    <xf numFmtId="3" fontId="48" fillId="0" borderId="75" xfId="1" applyNumberFormat="1" applyFont="1" applyFill="1" applyBorder="1" applyAlignment="1">
      <alignment horizontal="distributed" vertical="center" wrapText="1" shrinkToFit="1"/>
    </xf>
    <xf numFmtId="177" fontId="49" fillId="0" borderId="75" xfId="7" applyNumberFormat="1" applyFont="1" applyFill="1" applyBorder="1" applyAlignment="1">
      <alignment horizontal="center" vertical="center"/>
    </xf>
    <xf numFmtId="0" fontId="46" fillId="0" borderId="75" xfId="1" applyFont="1" applyFill="1" applyBorder="1" applyAlignment="1">
      <alignment horizontal="distributed" vertical="center"/>
    </xf>
    <xf numFmtId="3" fontId="48" fillId="0" borderId="110" xfId="7" applyNumberFormat="1" applyFont="1" applyFill="1" applyBorder="1" applyAlignment="1">
      <alignment horizontal="center" vertical="top"/>
    </xf>
    <xf numFmtId="3" fontId="48" fillId="0" borderId="89" xfId="7" applyNumberFormat="1" applyFont="1" applyFill="1" applyBorder="1" applyAlignment="1">
      <alignment horizontal="center" vertical="top"/>
    </xf>
    <xf numFmtId="3" fontId="48" fillId="0" borderId="2" xfId="7" applyNumberFormat="1" applyFont="1" applyFill="1" applyBorder="1" applyAlignment="1">
      <alignment horizontal="center" vertical="top"/>
    </xf>
    <xf numFmtId="3" fontId="48" fillId="0" borderId="0" xfId="7" applyNumberFormat="1" applyFont="1" applyFill="1" applyBorder="1" applyAlignment="1">
      <alignment horizontal="center" vertical="top"/>
    </xf>
    <xf numFmtId="3" fontId="48" fillId="0" borderId="116" xfId="7" applyNumberFormat="1" applyFont="1" applyFill="1" applyBorder="1" applyAlignment="1">
      <alignment horizontal="center" vertical="top"/>
    </xf>
    <xf numFmtId="3" fontId="48" fillId="0" borderId="84" xfId="7" applyNumberFormat="1" applyFont="1" applyFill="1" applyBorder="1" applyAlignment="1">
      <alignment horizontal="center" vertical="top"/>
    </xf>
    <xf numFmtId="177" fontId="48" fillId="0" borderId="67" xfId="7" applyNumberFormat="1" applyFont="1" applyFill="1" applyBorder="1" applyAlignment="1">
      <alignment horizontal="center" vertical="center"/>
    </xf>
    <xf numFmtId="177" fontId="48" fillId="0" borderId="73" xfId="7" applyNumberFormat="1" applyFont="1" applyFill="1" applyBorder="1" applyAlignment="1">
      <alignment horizontal="center" vertical="center"/>
    </xf>
    <xf numFmtId="177" fontId="48" fillId="0" borderId="75" xfId="7" applyNumberFormat="1" applyFont="1" applyFill="1" applyBorder="1" applyAlignment="1">
      <alignment horizontal="center" vertical="center"/>
    </xf>
    <xf numFmtId="177" fontId="48" fillId="0" borderId="76" xfId="7" applyNumberFormat="1" applyFont="1" applyFill="1" applyBorder="1" applyAlignment="1">
      <alignment horizontal="center" vertical="center"/>
    </xf>
    <xf numFmtId="0" fontId="45" fillId="0" borderId="90" xfId="7" applyFont="1" applyFill="1" applyBorder="1" applyAlignment="1">
      <alignment horizontal="center" vertical="center"/>
    </xf>
    <xf numFmtId="0" fontId="45" fillId="0" borderId="81" xfId="7" applyFont="1" applyFill="1" applyBorder="1" applyAlignment="1">
      <alignment horizontal="center" vertical="center"/>
    </xf>
    <xf numFmtId="0" fontId="45" fillId="0" borderId="3" xfId="7" applyFont="1" applyFill="1" applyBorder="1" applyAlignment="1">
      <alignment horizontal="right" vertical="top" wrapText="1"/>
    </xf>
    <xf numFmtId="0" fontId="45" fillId="0" borderId="5" xfId="7" applyFont="1" applyFill="1" applyBorder="1" applyAlignment="1">
      <alignment horizontal="right" vertical="top" wrapText="1"/>
    </xf>
    <xf numFmtId="0" fontId="45" fillId="0" borderId="4" xfId="7" applyFont="1" applyFill="1" applyBorder="1" applyAlignment="1">
      <alignment horizontal="right" vertical="top" wrapText="1"/>
    </xf>
    <xf numFmtId="0" fontId="45" fillId="0" borderId="2" xfId="7" applyFont="1" applyFill="1" applyBorder="1" applyAlignment="1">
      <alignment horizontal="right" vertical="top" wrapText="1"/>
    </xf>
    <xf numFmtId="0" fontId="45" fillId="0" borderId="0" xfId="7" applyFont="1" applyFill="1" applyBorder="1" applyAlignment="1">
      <alignment horizontal="right" vertical="top" wrapText="1"/>
    </xf>
    <xf numFmtId="0" fontId="45" fillId="0" borderId="1" xfId="7" applyFont="1" applyFill="1" applyBorder="1" applyAlignment="1">
      <alignment horizontal="right" vertical="top" wrapText="1"/>
    </xf>
    <xf numFmtId="0" fontId="45" fillId="0" borderId="6" xfId="7" applyFont="1" applyFill="1" applyBorder="1" applyAlignment="1">
      <alignment horizontal="right" vertical="top" wrapText="1"/>
    </xf>
    <xf numFmtId="0" fontId="45" fillId="0" borderId="7" xfId="7" applyFont="1" applyFill="1" applyBorder="1" applyAlignment="1">
      <alignment horizontal="right" vertical="top" wrapText="1"/>
    </xf>
    <xf numFmtId="0" fontId="45" fillId="0" borderId="8" xfId="7" applyFont="1" applyFill="1" applyBorder="1" applyAlignment="1">
      <alignment horizontal="right" vertical="top" wrapText="1"/>
    </xf>
    <xf numFmtId="0" fontId="49" fillId="0" borderId="2" xfId="7" applyFont="1" applyFill="1" applyBorder="1" applyAlignment="1">
      <alignment vertical="top"/>
    </xf>
    <xf numFmtId="0" fontId="49" fillId="0" borderId="0" xfId="7" applyFont="1" applyFill="1" applyBorder="1" applyAlignment="1">
      <alignment vertical="top"/>
    </xf>
    <xf numFmtId="0" fontId="49" fillId="0" borderId="81" xfId="7" applyFont="1" applyFill="1" applyBorder="1" applyAlignment="1">
      <alignment vertical="top"/>
    </xf>
    <xf numFmtId="0" fontId="49" fillId="0" borderId="6" xfId="7" applyFont="1" applyFill="1" applyBorder="1" applyAlignment="1">
      <alignment vertical="top"/>
    </xf>
    <xf numFmtId="0" fontId="49" fillId="0" borderId="7" xfId="7" applyFont="1" applyFill="1" applyBorder="1" applyAlignment="1">
      <alignment vertical="top"/>
    </xf>
    <xf numFmtId="0" fontId="49" fillId="0" borderId="82" xfId="7" applyFont="1" applyFill="1" applyBorder="1" applyAlignment="1">
      <alignment vertical="top"/>
    </xf>
    <xf numFmtId="0" fontId="49" fillId="0" borderId="67" xfId="7" applyFont="1" applyFill="1" applyBorder="1" applyAlignment="1">
      <alignment horizontal="distributed" vertical="center" justifyLastLine="1"/>
    </xf>
    <xf numFmtId="0" fontId="49" fillId="0" borderId="88" xfId="7" applyFont="1" applyFill="1" applyBorder="1" applyAlignment="1">
      <alignment horizontal="center" vertical="distributed" textRotation="255" indent="1"/>
    </xf>
    <xf numFmtId="0" fontId="49" fillId="0" borderId="111" xfId="7" applyFont="1" applyFill="1" applyBorder="1" applyAlignment="1">
      <alignment horizontal="center" vertical="distributed" textRotation="255" indent="1"/>
    </xf>
    <xf numFmtId="0" fontId="49" fillId="0" borderId="78" xfId="7" applyFont="1" applyFill="1" applyBorder="1" applyAlignment="1">
      <alignment horizontal="center" vertical="distributed" textRotation="255" indent="1"/>
    </xf>
    <xf numFmtId="0" fontId="49" fillId="0" borderId="1" xfId="7" applyFont="1" applyFill="1" applyBorder="1" applyAlignment="1">
      <alignment horizontal="center" vertical="distributed" textRotation="255" indent="1"/>
    </xf>
    <xf numFmtId="0" fontId="49" fillId="0" borderId="79" xfId="7" applyFont="1" applyFill="1" applyBorder="1" applyAlignment="1">
      <alignment horizontal="center" vertical="distributed" textRotation="255" indent="1"/>
    </xf>
    <xf numFmtId="0" fontId="49" fillId="0" borderId="8" xfId="7" applyFont="1" applyFill="1" applyBorder="1" applyAlignment="1">
      <alignment horizontal="center" vertical="distributed" textRotation="255" indent="1"/>
    </xf>
    <xf numFmtId="0" fontId="48" fillId="0" borderId="67" xfId="7" applyFont="1" applyFill="1" applyBorder="1" applyAlignment="1">
      <alignment horizontal="center" vertical="center" justifyLastLine="1"/>
    </xf>
    <xf numFmtId="177" fontId="46" fillId="0" borderId="67" xfId="1" applyNumberFormat="1" applyFont="1" applyFill="1" applyBorder="1" applyAlignment="1">
      <alignment horizontal="distributed" vertical="center" wrapText="1"/>
    </xf>
    <xf numFmtId="177" fontId="49" fillId="0" borderId="68" xfId="7" applyNumberFormat="1" applyFont="1" applyFill="1" applyBorder="1" applyAlignment="1">
      <alignment horizontal="center" vertical="center"/>
    </xf>
    <xf numFmtId="177" fontId="49" fillId="0" borderId="73" xfId="7" applyNumberFormat="1" applyFont="1" applyFill="1" applyBorder="1" applyAlignment="1">
      <alignment horizontal="center" vertical="center"/>
    </xf>
    <xf numFmtId="3" fontId="48" fillId="0" borderId="89" xfId="7" applyNumberFormat="1" applyFont="1" applyFill="1" applyBorder="1" applyAlignment="1">
      <alignment horizontal="right" vertical="top"/>
    </xf>
    <xf numFmtId="3" fontId="48" fillId="0" borderId="90" xfId="7" applyNumberFormat="1" applyFont="1" applyFill="1" applyBorder="1" applyAlignment="1">
      <alignment horizontal="right" vertical="top"/>
    </xf>
    <xf numFmtId="3" fontId="48" fillId="0" borderId="0" xfId="7" applyNumberFormat="1" applyFont="1" applyFill="1" applyBorder="1" applyAlignment="1">
      <alignment horizontal="right" vertical="top"/>
    </xf>
    <xf numFmtId="3" fontId="48" fillId="0" borderId="81" xfId="7" applyNumberFormat="1" applyFont="1" applyFill="1" applyBorder="1" applyAlignment="1">
      <alignment horizontal="right" vertical="top"/>
    </xf>
    <xf numFmtId="3" fontId="48" fillId="0" borderId="84" xfId="7" applyNumberFormat="1" applyFont="1" applyFill="1" applyBorder="1" applyAlignment="1">
      <alignment horizontal="right" vertical="top"/>
    </xf>
    <xf numFmtId="3" fontId="48" fillId="0" borderId="91" xfId="7" applyNumberFormat="1" applyFont="1" applyFill="1" applyBorder="1" applyAlignment="1">
      <alignment horizontal="right" vertical="top"/>
    </xf>
    <xf numFmtId="3" fontId="48" fillId="0" borderId="111" xfId="7" applyNumberFormat="1" applyFont="1" applyFill="1" applyBorder="1" applyAlignment="1">
      <alignment horizontal="right" vertical="top"/>
    </xf>
    <xf numFmtId="3" fontId="48" fillId="0" borderId="1" xfId="7" applyNumberFormat="1" applyFont="1" applyFill="1" applyBorder="1" applyAlignment="1">
      <alignment horizontal="right" vertical="top"/>
    </xf>
    <xf numFmtId="3" fontId="48" fillId="0" borderId="85" xfId="7" applyNumberFormat="1" applyFont="1" applyFill="1" applyBorder="1" applyAlignment="1">
      <alignment horizontal="right" vertical="top"/>
    </xf>
    <xf numFmtId="0" fontId="48" fillId="0" borderId="3" xfId="7" applyFont="1" applyFill="1" applyBorder="1" applyAlignment="1">
      <alignment horizontal="center" vertical="top"/>
    </xf>
    <xf numFmtId="0" fontId="48" fillId="0" borderId="5" xfId="7" applyFont="1" applyFill="1" applyBorder="1" applyAlignment="1">
      <alignment horizontal="center" vertical="top"/>
    </xf>
    <xf numFmtId="0" fontId="48" fillId="0" borderId="2" xfId="7" applyFont="1" applyFill="1" applyBorder="1" applyAlignment="1">
      <alignment horizontal="center" vertical="top"/>
    </xf>
    <xf numFmtId="0" fontId="48" fillId="0" borderId="0" xfId="7" applyFont="1" applyFill="1" applyBorder="1" applyAlignment="1">
      <alignment horizontal="center" vertical="top"/>
    </xf>
    <xf numFmtId="0" fontId="48" fillId="0" borderId="6" xfId="7" applyFont="1" applyFill="1" applyBorder="1" applyAlignment="1">
      <alignment horizontal="center" vertical="top"/>
    </xf>
    <xf numFmtId="0" fontId="48" fillId="0" borderId="7" xfId="7" applyFont="1" applyFill="1" applyBorder="1" applyAlignment="1">
      <alignment horizontal="center" vertical="top"/>
    </xf>
    <xf numFmtId="3" fontId="49" fillId="0" borderId="3" xfId="7" applyNumberFormat="1" applyFont="1" applyFill="1" applyBorder="1" applyAlignment="1">
      <alignment horizontal="center"/>
    </xf>
    <xf numFmtId="3" fontId="49" fillId="0" borderId="5" xfId="7" applyNumberFormat="1" applyFont="1" applyFill="1" applyBorder="1" applyAlignment="1">
      <alignment horizontal="center"/>
    </xf>
    <xf numFmtId="3" fontId="49" fillId="0" borderId="2" xfId="7" applyNumberFormat="1" applyFont="1" applyFill="1" applyBorder="1" applyAlignment="1">
      <alignment horizontal="center"/>
    </xf>
    <xf numFmtId="3" fontId="49" fillId="0" borderId="0" xfId="7" applyNumberFormat="1" applyFont="1" applyFill="1" applyBorder="1" applyAlignment="1">
      <alignment horizontal="center"/>
    </xf>
    <xf numFmtId="3" fontId="49" fillId="0" borderId="6" xfId="7" applyNumberFormat="1" applyFont="1" applyFill="1" applyBorder="1" applyAlignment="1">
      <alignment horizontal="center"/>
    </xf>
    <xf numFmtId="3" fontId="49" fillId="0" borderId="7" xfId="7" applyNumberFormat="1" applyFont="1" applyFill="1" applyBorder="1" applyAlignment="1">
      <alignment horizontal="center"/>
    </xf>
    <xf numFmtId="3" fontId="48" fillId="0" borderId="5" xfId="1" applyNumberFormat="1" applyFont="1" applyFill="1" applyBorder="1" applyAlignment="1">
      <alignment horizontal="right" vertical="top"/>
    </xf>
    <xf numFmtId="3" fontId="48" fillId="0" borderId="4" xfId="1" applyNumberFormat="1" applyFont="1" applyFill="1" applyBorder="1" applyAlignment="1">
      <alignment horizontal="right" vertical="top"/>
    </xf>
    <xf numFmtId="3" fontId="48" fillId="0" borderId="0" xfId="1" applyNumberFormat="1" applyFont="1" applyFill="1" applyBorder="1" applyAlignment="1">
      <alignment horizontal="right" vertical="top"/>
    </xf>
    <xf numFmtId="3" fontId="48" fillId="0" borderId="1" xfId="1" applyNumberFormat="1" applyFont="1" applyFill="1" applyBorder="1" applyAlignment="1">
      <alignment horizontal="right" vertical="top"/>
    </xf>
    <xf numFmtId="3" fontId="48" fillId="0" borderId="7" xfId="1" applyNumberFormat="1" applyFont="1" applyFill="1" applyBorder="1" applyAlignment="1">
      <alignment horizontal="right" vertical="top"/>
    </xf>
    <xf numFmtId="3" fontId="48" fillId="0" borderId="8" xfId="1" applyNumberFormat="1" applyFont="1" applyFill="1" applyBorder="1" applyAlignment="1">
      <alignment horizontal="right" vertical="top"/>
    </xf>
    <xf numFmtId="3" fontId="49" fillId="0" borderId="67" xfId="7" applyNumberFormat="1" applyFont="1" applyFill="1" applyBorder="1" applyAlignment="1">
      <alignment horizontal="center"/>
    </xf>
    <xf numFmtId="3" fontId="49" fillId="0" borderId="73" xfId="7" applyNumberFormat="1" applyFont="1" applyFill="1" applyBorder="1" applyAlignment="1">
      <alignment horizontal="center"/>
    </xf>
    <xf numFmtId="0" fontId="49" fillId="0" borderId="70" xfId="7" applyFont="1" applyFill="1" applyBorder="1" applyAlignment="1">
      <alignment horizontal="center" vertical="center" justifyLastLine="1"/>
    </xf>
    <xf numFmtId="3" fontId="47" fillId="0" borderId="67" xfId="7" applyNumberFormat="1" applyFont="1" applyFill="1" applyBorder="1" applyAlignment="1">
      <alignment horizontal="center"/>
    </xf>
    <xf numFmtId="0" fontId="51" fillId="0" borderId="0" xfId="7" applyFont="1" applyFill="1" applyAlignment="1">
      <alignment horizontal="center" vertical="center"/>
    </xf>
    <xf numFmtId="0" fontId="49" fillId="0" borderId="0" xfId="7" applyFont="1" applyFill="1" applyAlignment="1">
      <alignment horizontal="left" vertical="center" wrapText="1"/>
    </xf>
    <xf numFmtId="0" fontId="49" fillId="0" borderId="71" xfId="7" applyFont="1" applyFill="1" applyBorder="1" applyAlignment="1">
      <alignment horizontal="center" vertical="center" justifyLastLine="1"/>
    </xf>
    <xf numFmtId="0" fontId="49" fillId="0" borderId="73" xfId="7" applyFont="1" applyFill="1" applyBorder="1" applyAlignment="1">
      <alignment horizontal="center" vertical="center" justifyLastLine="1"/>
    </xf>
    <xf numFmtId="0" fontId="52" fillId="0" borderId="0" xfId="7" applyFont="1" applyFill="1" applyAlignment="1">
      <alignment horizontal="center" vertical="center"/>
    </xf>
    <xf numFmtId="3" fontId="49" fillId="0" borderId="67" xfId="1" applyNumberFormat="1" applyFont="1" applyFill="1" applyBorder="1" applyAlignment="1">
      <alignment horizontal="right" vertical="top"/>
    </xf>
    <xf numFmtId="3" fontId="49" fillId="0" borderId="75" xfId="1" applyNumberFormat="1" applyFont="1" applyFill="1" applyBorder="1" applyAlignment="1">
      <alignment horizontal="right" vertical="top"/>
    </xf>
    <xf numFmtId="3" fontId="49" fillId="0" borderId="73" xfId="1" applyNumberFormat="1" applyFont="1" applyFill="1" applyBorder="1" applyAlignment="1">
      <alignment horizontal="right" vertical="top"/>
    </xf>
    <xf numFmtId="3" fontId="49" fillId="0" borderId="76" xfId="1" applyNumberFormat="1" applyFont="1" applyFill="1" applyBorder="1" applyAlignment="1">
      <alignment horizontal="right" vertical="top"/>
    </xf>
    <xf numFmtId="3" fontId="48" fillId="0" borderId="80" xfId="1" applyNumberFormat="1" applyFont="1" applyFill="1" applyBorder="1" applyAlignment="1">
      <alignment horizontal="right" vertical="top"/>
    </xf>
    <xf numFmtId="3" fontId="48" fillId="0" borderId="81" xfId="1" applyNumberFormat="1" applyFont="1" applyFill="1" applyBorder="1" applyAlignment="1">
      <alignment horizontal="right" vertical="top"/>
    </xf>
    <xf numFmtId="3" fontId="48" fillId="0" borderId="82" xfId="1" applyNumberFormat="1" applyFont="1" applyFill="1" applyBorder="1" applyAlignment="1">
      <alignment horizontal="right" vertical="top"/>
    </xf>
    <xf numFmtId="0" fontId="46" fillId="0" borderId="70" xfId="1" applyFont="1" applyFill="1" applyBorder="1" applyAlignment="1">
      <alignment horizontal="distributed" vertical="center"/>
    </xf>
    <xf numFmtId="0" fontId="46" fillId="0" borderId="87" xfId="1" applyFont="1" applyFill="1" applyBorder="1" applyAlignment="1">
      <alignment horizontal="distributed" vertical="center"/>
    </xf>
    <xf numFmtId="3" fontId="48" fillId="0" borderId="87" xfId="1" applyNumberFormat="1" applyFont="1" applyFill="1" applyBorder="1" applyAlignment="1">
      <alignment horizontal="center" vertical="center" wrapText="1"/>
    </xf>
    <xf numFmtId="3" fontId="48" fillId="0" borderId="87" xfId="1" applyNumberFormat="1" applyFont="1" applyFill="1" applyBorder="1" applyAlignment="1">
      <alignment horizontal="center" vertical="center"/>
    </xf>
    <xf numFmtId="3" fontId="48" fillId="0" borderId="67" xfId="1" applyNumberFormat="1" applyFont="1" applyFill="1" applyBorder="1" applyAlignment="1">
      <alignment horizontal="center" vertical="center"/>
    </xf>
    <xf numFmtId="3" fontId="48" fillId="0" borderId="75" xfId="1" applyNumberFormat="1" applyFont="1" applyFill="1" applyBorder="1" applyAlignment="1">
      <alignment horizontal="center" vertical="center"/>
    </xf>
    <xf numFmtId="3" fontId="48" fillId="0" borderId="110" xfId="7" applyNumberFormat="1" applyFont="1" applyFill="1" applyBorder="1" applyAlignment="1">
      <alignment horizontal="center"/>
    </xf>
    <xf numFmtId="3" fontId="48" fillId="0" borderId="89" xfId="7" applyNumberFormat="1" applyFont="1" applyFill="1" applyBorder="1" applyAlignment="1">
      <alignment horizontal="center"/>
    </xf>
    <xf numFmtId="3" fontId="48" fillId="0" borderId="2" xfId="7" applyNumberFormat="1" applyFont="1" applyFill="1" applyBorder="1" applyAlignment="1">
      <alignment horizontal="center"/>
    </xf>
    <xf numFmtId="3" fontId="48" fillId="0" borderId="0" xfId="7" applyNumberFormat="1" applyFont="1" applyFill="1" applyAlignment="1">
      <alignment horizontal="center"/>
    </xf>
    <xf numFmtId="3" fontId="48" fillId="0" borderId="116" xfId="7" applyNumberFormat="1" applyFont="1" applyFill="1" applyBorder="1" applyAlignment="1">
      <alignment horizontal="center"/>
    </xf>
    <xf numFmtId="3" fontId="48" fillId="0" borderId="84" xfId="7" applyNumberFormat="1" applyFont="1" applyFill="1" applyBorder="1" applyAlignment="1">
      <alignment horizontal="center"/>
    </xf>
    <xf numFmtId="0" fontId="48" fillId="0" borderId="5" xfId="7" applyFont="1" applyFill="1" applyBorder="1" applyAlignment="1">
      <alignment horizontal="right" vertical="top"/>
    </xf>
    <xf numFmtId="0" fontId="48" fillId="0" borderId="80" xfId="7" applyFont="1" applyFill="1" applyBorder="1" applyAlignment="1">
      <alignment horizontal="right" vertical="top"/>
    </xf>
    <xf numFmtId="0" fontId="48" fillId="0" borderId="0" xfId="7" applyFont="1" applyFill="1" applyBorder="1" applyAlignment="1">
      <alignment horizontal="right" vertical="top"/>
    </xf>
    <xf numFmtId="0" fontId="48" fillId="0" borderId="81" xfId="7" applyFont="1" applyFill="1" applyBorder="1" applyAlignment="1">
      <alignment horizontal="right" vertical="top"/>
    </xf>
    <xf numFmtId="0" fontId="48" fillId="0" borderId="7" xfId="7" applyFont="1" applyFill="1" applyBorder="1" applyAlignment="1">
      <alignment horizontal="right" vertical="top"/>
    </xf>
    <xf numFmtId="0" fontId="48" fillId="0" borderId="82" xfId="7" applyFont="1" applyFill="1" applyBorder="1" applyAlignment="1">
      <alignment horizontal="right" vertical="top"/>
    </xf>
    <xf numFmtId="177" fontId="48" fillId="0" borderId="89" xfId="7" applyNumberFormat="1" applyFont="1" applyFill="1" applyBorder="1" applyAlignment="1">
      <alignment horizontal="right" vertical="top"/>
    </xf>
    <xf numFmtId="177" fontId="48" fillId="0" borderId="111" xfId="7" applyNumberFormat="1" applyFont="1" applyFill="1" applyBorder="1" applyAlignment="1">
      <alignment horizontal="right" vertical="top"/>
    </xf>
    <xf numFmtId="177" fontId="48" fillId="0" borderId="0" xfId="7" applyNumberFormat="1" applyFont="1" applyFill="1" applyBorder="1" applyAlignment="1">
      <alignment horizontal="right" vertical="top"/>
    </xf>
    <xf numFmtId="177" fontId="48" fillId="0" borderId="1" xfId="7" applyNumberFormat="1" applyFont="1" applyFill="1" applyBorder="1" applyAlignment="1">
      <alignment horizontal="right" vertical="top"/>
    </xf>
    <xf numFmtId="177" fontId="48" fillId="0" borderId="7" xfId="7" applyNumberFormat="1" applyFont="1" applyFill="1" applyBorder="1" applyAlignment="1">
      <alignment horizontal="right" vertical="top"/>
    </xf>
    <xf numFmtId="177" fontId="48" fillId="0" borderId="8" xfId="7" applyNumberFormat="1" applyFont="1" applyFill="1" applyBorder="1" applyAlignment="1">
      <alignment horizontal="right" vertical="top"/>
    </xf>
    <xf numFmtId="177" fontId="48" fillId="0" borderId="84" xfId="7" applyNumberFormat="1" applyFont="1" applyFill="1" applyBorder="1" applyAlignment="1">
      <alignment horizontal="right" vertical="top"/>
    </xf>
    <xf numFmtId="177" fontId="48" fillId="0" borderId="85" xfId="7" applyNumberFormat="1" applyFont="1" applyFill="1" applyBorder="1" applyAlignment="1">
      <alignment horizontal="right" vertical="top"/>
    </xf>
    <xf numFmtId="0" fontId="49" fillId="0" borderId="67" xfId="7" applyFont="1" applyFill="1" applyBorder="1" applyAlignment="1">
      <alignment horizontal="center"/>
    </xf>
    <xf numFmtId="0" fontId="49" fillId="0" borderId="73" xfId="7" applyFont="1" applyFill="1" applyBorder="1" applyAlignment="1">
      <alignment horizontal="center"/>
    </xf>
    <xf numFmtId="0" fontId="49" fillId="0" borderId="75" xfId="7" applyFont="1" applyFill="1" applyBorder="1" applyAlignment="1">
      <alignment horizontal="center"/>
    </xf>
    <xf numFmtId="0" fontId="49" fillId="0" borderId="76" xfId="7" applyFont="1" applyFill="1" applyBorder="1" applyAlignment="1">
      <alignment horizontal="center"/>
    </xf>
    <xf numFmtId="0" fontId="49" fillId="0" borderId="3" xfId="7" applyFont="1" applyFill="1" applyBorder="1" applyAlignment="1">
      <alignment horizontal="center" vertical="center" justifyLastLine="1"/>
    </xf>
    <xf numFmtId="0" fontId="49" fillId="0" borderId="5" xfId="7" applyFont="1" applyFill="1" applyBorder="1" applyAlignment="1">
      <alignment horizontal="center" vertical="center" justifyLastLine="1"/>
    </xf>
    <xf numFmtId="0" fontId="49" fillId="0" borderId="4" xfId="7" applyFont="1" applyFill="1" applyBorder="1" applyAlignment="1">
      <alignment horizontal="center" vertical="center" justifyLastLine="1"/>
    </xf>
    <xf numFmtId="0" fontId="49" fillId="0" borderId="2" xfId="7" applyFont="1" applyFill="1" applyBorder="1" applyAlignment="1">
      <alignment horizontal="center" vertical="center" justifyLastLine="1"/>
    </xf>
    <xf numFmtId="0" fontId="49" fillId="0" borderId="0" xfId="7" applyFont="1" applyFill="1" applyBorder="1" applyAlignment="1">
      <alignment horizontal="center" vertical="center" justifyLastLine="1"/>
    </xf>
    <xf numFmtId="0" fontId="49" fillId="0" borderId="1" xfId="7" applyFont="1" applyFill="1" applyBorder="1" applyAlignment="1">
      <alignment horizontal="center" vertical="center" justifyLastLine="1"/>
    </xf>
    <xf numFmtId="0" fontId="49" fillId="0" borderId="6" xfId="7" applyFont="1" applyFill="1" applyBorder="1" applyAlignment="1">
      <alignment horizontal="center" vertical="center" justifyLastLine="1"/>
    </xf>
    <xf numFmtId="0" fontId="49" fillId="0" borderId="7" xfId="7" applyFont="1" applyFill="1" applyBorder="1" applyAlignment="1">
      <alignment horizontal="center" vertical="center" justifyLastLine="1"/>
    </xf>
    <xf numFmtId="0" fontId="49" fillId="0" borderId="8" xfId="7" applyFont="1" applyFill="1" applyBorder="1" applyAlignment="1">
      <alignment horizontal="center" vertical="center" justifyLastLine="1"/>
    </xf>
    <xf numFmtId="3" fontId="49" fillId="0" borderId="110" xfId="1" applyNumberFormat="1" applyFont="1" applyFill="1" applyBorder="1" applyAlignment="1">
      <alignment horizontal="left" vertical="center" wrapText="1"/>
    </xf>
    <xf numFmtId="3" fontId="49" fillId="0" borderId="89" xfId="1" applyNumberFormat="1" applyFont="1" applyFill="1" applyBorder="1" applyAlignment="1">
      <alignment horizontal="left" vertical="center" wrapText="1"/>
    </xf>
    <xf numFmtId="3" fontId="49" fillId="0" borderId="90" xfId="1" applyNumberFormat="1" applyFont="1" applyFill="1" applyBorder="1" applyAlignment="1">
      <alignment horizontal="left" vertical="center" wrapText="1"/>
    </xf>
    <xf numFmtId="3" fontId="49" fillId="0" borderId="2" xfId="1" applyNumberFormat="1" applyFont="1" applyFill="1" applyBorder="1" applyAlignment="1">
      <alignment horizontal="left" vertical="center" wrapText="1"/>
    </xf>
    <xf numFmtId="3" fontId="49" fillId="0" borderId="0" xfId="1" applyNumberFormat="1" applyFont="1" applyFill="1" applyBorder="1" applyAlignment="1">
      <alignment horizontal="left" vertical="center" wrapText="1"/>
    </xf>
    <xf numFmtId="3" fontId="49" fillId="0" borderId="81" xfId="1" applyNumberFormat="1" applyFont="1" applyFill="1" applyBorder="1" applyAlignment="1">
      <alignment horizontal="left" vertical="center" wrapText="1"/>
    </xf>
    <xf numFmtId="3" fontId="49" fillId="0" borderId="116" xfId="1" applyNumberFormat="1" applyFont="1" applyFill="1" applyBorder="1" applyAlignment="1">
      <alignment horizontal="left" vertical="center" wrapText="1"/>
    </xf>
    <xf numFmtId="3" fontId="49" fillId="0" borderId="84" xfId="1" applyNumberFormat="1" applyFont="1" applyFill="1" applyBorder="1" applyAlignment="1">
      <alignment horizontal="left" vertical="center" wrapText="1"/>
    </xf>
    <xf numFmtId="3" fontId="49" fillId="0" borderId="91" xfId="1" applyNumberFormat="1" applyFont="1" applyFill="1" applyBorder="1" applyAlignment="1">
      <alignment horizontal="left" vertical="center" wrapText="1"/>
    </xf>
    <xf numFmtId="0" fontId="49" fillId="0" borderId="80" xfId="7" applyFont="1" applyFill="1" applyBorder="1" applyAlignment="1">
      <alignment horizontal="center" vertical="center" justifyLastLine="1"/>
    </xf>
    <xf numFmtId="0" fontId="49" fillId="0" borderId="81" xfId="7" applyFont="1" applyFill="1" applyBorder="1" applyAlignment="1">
      <alignment horizontal="center" vertical="center" justifyLastLine="1"/>
    </xf>
    <xf numFmtId="0" fontId="49" fillId="0" borderId="82" xfId="7" applyFont="1" applyFill="1" applyBorder="1" applyAlignment="1">
      <alignment horizontal="center" vertical="center" justifyLastLine="1"/>
    </xf>
    <xf numFmtId="3" fontId="48" fillId="0" borderId="88" xfId="1" applyNumberFormat="1" applyFont="1" applyFill="1" applyBorder="1" applyAlignment="1">
      <alignment horizontal="center" vertical="center" textRotation="255" wrapText="1"/>
    </xf>
    <xf numFmtId="3" fontId="48" fillId="0" borderId="111" xfId="1" applyNumberFormat="1" applyFont="1" applyFill="1" applyBorder="1" applyAlignment="1">
      <alignment horizontal="center" vertical="center" textRotation="255" wrapText="1"/>
    </xf>
    <xf numFmtId="3" fontId="48" fillId="0" borderId="78" xfId="1" applyNumberFormat="1" applyFont="1" applyFill="1" applyBorder="1" applyAlignment="1">
      <alignment horizontal="center" vertical="center" textRotation="255" wrapText="1"/>
    </xf>
    <xf numFmtId="3" fontId="48" fillId="0" borderId="1" xfId="1" applyNumberFormat="1" applyFont="1" applyFill="1" applyBorder="1" applyAlignment="1">
      <alignment horizontal="center" vertical="center" textRotation="255" wrapText="1"/>
    </xf>
    <xf numFmtId="3" fontId="48" fillId="0" borderId="83" xfId="1" applyNumberFormat="1" applyFont="1" applyFill="1" applyBorder="1" applyAlignment="1">
      <alignment horizontal="center" vertical="center" textRotation="255" wrapText="1"/>
    </xf>
    <xf numFmtId="3" fontId="48" fillId="0" borderId="85" xfId="1" applyNumberFormat="1" applyFont="1" applyFill="1" applyBorder="1" applyAlignment="1">
      <alignment horizontal="center" vertical="center" textRotation="255" wrapText="1"/>
    </xf>
    <xf numFmtId="0" fontId="49" fillId="0" borderId="88" xfId="1" applyFont="1" applyFill="1" applyBorder="1" applyAlignment="1">
      <alignment horizontal="center" vertical="center" wrapText="1"/>
    </xf>
    <xf numFmtId="0" fontId="49" fillId="0" borderId="89" xfId="1" applyFont="1" applyFill="1" applyBorder="1" applyAlignment="1">
      <alignment horizontal="center" vertical="center" wrapText="1"/>
    </xf>
    <xf numFmtId="0" fontId="49" fillId="0" borderId="111" xfId="1" applyFont="1" applyFill="1" applyBorder="1" applyAlignment="1">
      <alignment horizontal="center" vertical="center" wrapText="1"/>
    </xf>
    <xf numFmtId="0" fontId="49" fillId="0" borderId="78" xfId="1" applyFont="1" applyFill="1" applyBorder="1" applyAlignment="1">
      <alignment horizontal="center" vertical="center" wrapText="1"/>
    </xf>
    <xf numFmtId="0" fontId="49" fillId="0" borderId="83" xfId="1" applyFont="1" applyFill="1" applyBorder="1" applyAlignment="1">
      <alignment horizontal="center" vertical="center" wrapText="1"/>
    </xf>
    <xf numFmtId="0" fontId="49" fillId="0" borderId="84" xfId="1" applyFont="1" applyFill="1" applyBorder="1" applyAlignment="1">
      <alignment horizontal="center" vertical="center" wrapText="1"/>
    </xf>
    <xf numFmtId="0" fontId="49" fillId="0" borderId="85" xfId="1" applyFont="1" applyFill="1" applyBorder="1" applyAlignment="1">
      <alignment horizontal="center" vertical="center" wrapText="1"/>
    </xf>
    <xf numFmtId="0" fontId="49" fillId="0" borderId="88" xfId="1" applyFont="1" applyFill="1" applyBorder="1" applyAlignment="1">
      <alignment horizontal="center" vertical="center" textRotation="255" wrapText="1"/>
    </xf>
    <xf numFmtId="0" fontId="49" fillId="0" borderId="111" xfId="1" applyFont="1" applyFill="1" applyBorder="1" applyAlignment="1">
      <alignment horizontal="center" vertical="center" textRotation="255" wrapText="1"/>
    </xf>
    <xf numFmtId="0" fontId="49" fillId="0" borderId="78" xfId="1" applyFont="1" applyFill="1" applyBorder="1" applyAlignment="1">
      <alignment horizontal="center" vertical="center" textRotation="255" wrapText="1"/>
    </xf>
    <xf numFmtId="0" fontId="49" fillId="0" borderId="83" xfId="1" applyFont="1" applyFill="1" applyBorder="1" applyAlignment="1">
      <alignment horizontal="center" vertical="center" textRotation="255" wrapText="1"/>
    </xf>
    <xf numFmtId="0" fontId="49" fillId="0" borderId="85" xfId="1" applyFont="1" applyFill="1" applyBorder="1" applyAlignment="1">
      <alignment horizontal="center" vertical="center" textRotation="255" wrapText="1"/>
    </xf>
    <xf numFmtId="0" fontId="46" fillId="0" borderId="70" xfId="1" applyFont="1" applyFill="1" applyBorder="1" applyAlignment="1">
      <alignment horizontal="distributed" vertical="center" wrapText="1"/>
    </xf>
    <xf numFmtId="3" fontId="48" fillId="0" borderId="89" xfId="1" applyNumberFormat="1" applyFont="1" applyFill="1" applyBorder="1" applyAlignment="1">
      <alignment horizontal="center" vertical="center" textRotation="255" wrapText="1"/>
    </xf>
    <xf numFmtId="3" fontId="48" fillId="0" borderId="0" xfId="1" applyNumberFormat="1" applyFont="1" applyFill="1" applyBorder="1" applyAlignment="1">
      <alignment horizontal="center" vertical="center" textRotation="255" wrapText="1"/>
    </xf>
    <xf numFmtId="3" fontId="48" fillId="0" borderId="84" xfId="1" applyNumberFormat="1" applyFont="1" applyFill="1" applyBorder="1" applyAlignment="1">
      <alignment horizontal="center" vertical="center" textRotation="255" wrapText="1"/>
    </xf>
    <xf numFmtId="0" fontId="49" fillId="0" borderId="69" xfId="1" applyFont="1" applyFill="1" applyBorder="1" applyAlignment="1">
      <alignment horizontal="center" vertical="center" textRotation="255" wrapText="1"/>
    </xf>
    <xf numFmtId="0" fontId="49" fillId="0" borderId="70" xfId="1" applyFont="1" applyFill="1" applyBorder="1" applyAlignment="1">
      <alignment horizontal="center" vertical="center" textRotation="255" wrapText="1"/>
    </xf>
    <xf numFmtId="0" fontId="49" fillId="0" borderId="72" xfId="1" applyFont="1" applyFill="1" applyBorder="1" applyAlignment="1">
      <alignment horizontal="center" vertical="center" textRotation="255" wrapText="1"/>
    </xf>
    <xf numFmtId="0" fontId="49" fillId="0" borderId="74" xfId="1" applyFont="1" applyFill="1" applyBorder="1" applyAlignment="1">
      <alignment horizontal="center" vertical="center" textRotation="255" wrapText="1"/>
    </xf>
    <xf numFmtId="0" fontId="49" fillId="0" borderId="75" xfId="1" applyFont="1" applyFill="1" applyBorder="1" applyAlignment="1">
      <alignment horizontal="center" vertical="center" textRotation="255" wrapText="1"/>
    </xf>
    <xf numFmtId="0" fontId="49" fillId="0" borderId="73" xfId="7" applyFont="1" applyFill="1" applyBorder="1" applyAlignment="1">
      <alignment horizontal="distributed" vertical="center" justifyLastLine="1"/>
    </xf>
    <xf numFmtId="3" fontId="49" fillId="0" borderId="87" xfId="1" applyNumberFormat="1" applyFont="1" applyFill="1" applyBorder="1" applyAlignment="1">
      <alignment horizontal="center" vertical="center" wrapText="1"/>
    </xf>
    <xf numFmtId="3" fontId="49" fillId="0" borderId="87" xfId="1" applyNumberFormat="1" applyFont="1" applyFill="1" applyBorder="1" applyAlignment="1">
      <alignment horizontal="center" vertical="center"/>
    </xf>
    <xf numFmtId="177" fontId="46" fillId="0" borderId="67" xfId="1" applyNumberFormat="1" applyFont="1" applyFill="1" applyBorder="1" applyAlignment="1">
      <alignment horizontal="center" vertical="center"/>
    </xf>
    <xf numFmtId="177" fontId="46" fillId="0" borderId="75" xfId="1" applyNumberFormat="1" applyFont="1" applyFill="1" applyBorder="1" applyAlignment="1">
      <alignment horizontal="center" vertical="center"/>
    </xf>
    <xf numFmtId="3" fontId="48" fillId="0" borderId="5" xfId="7" applyNumberFormat="1" applyFont="1" applyFill="1" applyBorder="1" applyAlignment="1">
      <alignment horizontal="right" vertical="top"/>
    </xf>
    <xf numFmtId="3" fontId="48" fillId="0" borderId="4" xfId="7" applyNumberFormat="1" applyFont="1" applyFill="1" applyBorder="1" applyAlignment="1">
      <alignment horizontal="right" vertical="top"/>
    </xf>
    <xf numFmtId="3" fontId="48" fillId="0" borderId="7" xfId="7" applyNumberFormat="1" applyFont="1" applyFill="1" applyBorder="1" applyAlignment="1">
      <alignment horizontal="right" vertical="top"/>
    </xf>
    <xf numFmtId="3" fontId="48" fillId="0" borderId="8" xfId="7" applyNumberFormat="1" applyFont="1" applyFill="1" applyBorder="1" applyAlignment="1">
      <alignment horizontal="right" vertical="top"/>
    </xf>
    <xf numFmtId="3" fontId="48" fillId="0" borderId="80" xfId="7" applyNumberFormat="1" applyFont="1" applyFill="1" applyBorder="1" applyAlignment="1">
      <alignment horizontal="right" vertical="top"/>
    </xf>
    <xf numFmtId="3" fontId="48" fillId="0" borderId="82" xfId="7" applyNumberFormat="1" applyFont="1" applyFill="1" applyBorder="1" applyAlignment="1">
      <alignment horizontal="right" vertical="top"/>
    </xf>
    <xf numFmtId="3" fontId="49" fillId="0" borderId="0" xfId="7" applyNumberFormat="1" applyFont="1" applyFill="1" applyBorder="1" applyAlignment="1">
      <alignment horizontal="center" vertical="center"/>
    </xf>
    <xf numFmtId="3" fontId="49" fillId="0" borderId="3" xfId="7" applyNumberFormat="1" applyFont="1" applyFill="1" applyBorder="1" applyAlignment="1">
      <alignment horizontal="center" vertical="top"/>
    </xf>
    <xf numFmtId="3" fontId="49" fillId="0" borderId="5" xfId="7" applyNumberFormat="1" applyFont="1" applyFill="1" applyBorder="1" applyAlignment="1">
      <alignment horizontal="center" vertical="top"/>
    </xf>
    <xf numFmtId="3" fontId="49" fillId="0" borderId="2" xfId="7" applyNumberFormat="1" applyFont="1" applyFill="1" applyBorder="1" applyAlignment="1">
      <alignment horizontal="center" vertical="top"/>
    </xf>
    <xf numFmtId="3" fontId="49" fillId="0" borderId="0" xfId="7" applyNumberFormat="1" applyFont="1" applyFill="1" applyBorder="1" applyAlignment="1">
      <alignment horizontal="center" vertical="top"/>
    </xf>
    <xf numFmtId="3" fontId="49" fillId="0" borderId="6" xfId="7" applyNumberFormat="1" applyFont="1" applyFill="1" applyBorder="1" applyAlignment="1">
      <alignment horizontal="center" vertical="top"/>
    </xf>
    <xf numFmtId="3" fontId="49" fillId="0" borderId="7" xfId="7" applyNumberFormat="1" applyFont="1" applyFill="1" applyBorder="1" applyAlignment="1">
      <alignment horizontal="center" vertical="top"/>
    </xf>
    <xf numFmtId="0" fontId="48" fillId="0" borderId="3" xfId="7" applyFont="1" applyFill="1" applyBorder="1" applyAlignment="1">
      <alignment horizontal="left" vertical="center"/>
    </xf>
    <xf numFmtId="0" fontId="48" fillId="0" borderId="5" xfId="7" applyFont="1" applyFill="1" applyBorder="1" applyAlignment="1">
      <alignment horizontal="left" vertical="center"/>
    </xf>
    <xf numFmtId="0" fontId="48" fillId="0" borderId="4" xfId="7" applyFont="1" applyFill="1" applyBorder="1" applyAlignment="1">
      <alignment horizontal="left" vertical="center"/>
    </xf>
    <xf numFmtId="0" fontId="48" fillId="0" borderId="2" xfId="7" applyFont="1" applyFill="1" applyBorder="1" applyAlignment="1">
      <alignment horizontal="left" vertical="center"/>
    </xf>
    <xf numFmtId="0" fontId="48" fillId="0" borderId="0" xfId="7" applyFont="1" applyFill="1" applyBorder="1" applyAlignment="1">
      <alignment horizontal="left" vertical="center"/>
    </xf>
    <xf numFmtId="0" fontId="48" fillId="0" borderId="1" xfId="7" applyFont="1" applyFill="1" applyBorder="1" applyAlignment="1">
      <alignment horizontal="left" vertical="center"/>
    </xf>
    <xf numFmtId="0" fontId="49" fillId="0" borderId="74" xfId="7" applyFont="1" applyFill="1" applyBorder="1" applyAlignment="1">
      <alignment horizontal="center" vertical="center" justifyLastLine="1"/>
    </xf>
    <xf numFmtId="0" fontId="49" fillId="0" borderId="75" xfId="7" applyFont="1" applyFill="1" applyBorder="1" applyAlignment="1">
      <alignment horizontal="center" vertical="center" justifyLastLine="1"/>
    </xf>
    <xf numFmtId="0" fontId="47" fillId="0" borderId="0" xfId="7" applyFont="1" applyFill="1" applyBorder="1" applyAlignment="1">
      <alignment horizontal="left"/>
    </xf>
    <xf numFmtId="0" fontId="49" fillId="0" borderId="88" xfId="7" applyFont="1" applyFill="1" applyBorder="1" applyAlignment="1">
      <alignment horizontal="center" vertical="center" wrapText="1"/>
    </xf>
    <xf numFmtId="0" fontId="49" fillId="0" borderId="89" xfId="7" applyFont="1" applyFill="1" applyBorder="1" applyAlignment="1">
      <alignment horizontal="center" vertical="center" wrapText="1"/>
    </xf>
    <xf numFmtId="0" fontId="49" fillId="0" borderId="111" xfId="7" applyFont="1" applyFill="1" applyBorder="1" applyAlignment="1">
      <alignment horizontal="center" vertical="center" wrapText="1"/>
    </xf>
    <xf numFmtId="0" fontId="49" fillId="0" borderId="78" xfId="7" applyFont="1" applyFill="1" applyBorder="1" applyAlignment="1">
      <alignment horizontal="center" vertical="center" wrapText="1"/>
    </xf>
    <xf numFmtId="0" fontId="49" fillId="0" borderId="1" xfId="7" applyFont="1" applyFill="1" applyBorder="1" applyAlignment="1">
      <alignment horizontal="center" vertical="center" wrapText="1"/>
    </xf>
    <xf numFmtId="0" fontId="49" fillId="0" borderId="79" xfId="7" applyFont="1" applyFill="1" applyBorder="1" applyAlignment="1">
      <alignment horizontal="center" vertical="center" wrapText="1"/>
    </xf>
    <xf numFmtId="0" fontId="49" fillId="0" borderId="8" xfId="7" applyFont="1" applyFill="1" applyBorder="1" applyAlignment="1">
      <alignment horizontal="center" vertical="center" wrapText="1"/>
    </xf>
    <xf numFmtId="0" fontId="49" fillId="0" borderId="69" xfId="1" applyFont="1" applyFill="1" applyBorder="1" applyAlignment="1">
      <alignment horizontal="center" vertical="center" wrapText="1" shrinkToFit="1"/>
    </xf>
    <xf numFmtId="0" fontId="49" fillId="0" borderId="70" xfId="1" applyFont="1" applyFill="1" applyBorder="1" applyAlignment="1">
      <alignment horizontal="center" vertical="center" wrapText="1" shrinkToFit="1"/>
    </xf>
    <xf numFmtId="0" fontId="49" fillId="0" borderId="72" xfId="1" applyFont="1" applyFill="1" applyBorder="1" applyAlignment="1">
      <alignment horizontal="center" vertical="center" wrapText="1" shrinkToFit="1"/>
    </xf>
    <xf numFmtId="0" fontId="49" fillId="0" borderId="67" xfId="1" applyFont="1" applyFill="1" applyBorder="1" applyAlignment="1">
      <alignment horizontal="center" vertical="center" wrapText="1" shrinkToFit="1"/>
    </xf>
    <xf numFmtId="0" fontId="48" fillId="0" borderId="72" xfId="1" applyFont="1" applyFill="1" applyBorder="1" applyAlignment="1">
      <alignment horizontal="center" vertical="center" wrapText="1"/>
    </xf>
    <xf numFmtId="0" fontId="48" fillId="0" borderId="74" xfId="1" applyFont="1" applyFill="1" applyBorder="1" applyAlignment="1">
      <alignment horizontal="center" vertical="center" wrapText="1"/>
    </xf>
    <xf numFmtId="0" fontId="48" fillId="0" borderId="75" xfId="1" applyFont="1" applyFill="1" applyBorder="1" applyAlignment="1">
      <alignment horizontal="center" vertical="center" wrapText="1"/>
    </xf>
    <xf numFmtId="0" fontId="48" fillId="0" borderId="3" xfId="7" applyFont="1" applyFill="1" applyBorder="1" applyAlignment="1">
      <alignment horizontal="right" vertical="top"/>
    </xf>
    <xf numFmtId="0" fontId="48" fillId="0" borderId="4" xfId="7" applyFont="1" applyFill="1" applyBorder="1" applyAlignment="1">
      <alignment horizontal="right" vertical="top"/>
    </xf>
    <xf numFmtId="0" fontId="48" fillId="0" borderId="2" xfId="7" applyFont="1" applyFill="1" applyBorder="1" applyAlignment="1">
      <alignment horizontal="right" vertical="top"/>
    </xf>
    <xf numFmtId="0" fontId="48" fillId="0" borderId="1" xfId="7" applyFont="1" applyFill="1" applyBorder="1" applyAlignment="1">
      <alignment horizontal="right" vertical="top"/>
    </xf>
    <xf numFmtId="0" fontId="48" fillId="0" borderId="1" xfId="7" applyFont="1" applyFill="1" applyBorder="1" applyAlignment="1">
      <alignment horizontal="center" vertical="top"/>
    </xf>
    <xf numFmtId="0" fontId="48" fillId="0" borderId="8" xfId="7" applyFont="1" applyFill="1" applyBorder="1" applyAlignment="1">
      <alignment horizontal="center" vertical="top"/>
    </xf>
    <xf numFmtId="0" fontId="49" fillId="0" borderId="92" xfId="0" applyFont="1" applyFill="1" applyBorder="1" applyAlignment="1">
      <alignment horizontal="center" vertical="center"/>
    </xf>
    <xf numFmtId="0" fontId="49" fillId="0" borderId="6" xfId="0" applyFont="1" applyFill="1" applyBorder="1" applyAlignment="1">
      <alignment horizontal="center" vertical="center"/>
    </xf>
    <xf numFmtId="0" fontId="49" fillId="0" borderId="68" xfId="0" applyFont="1" applyFill="1" applyBorder="1" applyAlignment="1">
      <alignment horizontal="center" vertical="center"/>
    </xf>
    <xf numFmtId="0" fontId="49" fillId="0" borderId="110" xfId="0" applyFont="1" applyFill="1" applyBorder="1" applyAlignment="1">
      <alignment horizontal="center" vertical="center"/>
    </xf>
    <xf numFmtId="0" fontId="49" fillId="0" borderId="89" xfId="0" applyFont="1" applyFill="1" applyBorder="1" applyAlignment="1">
      <alignment horizontal="center" vertical="center"/>
    </xf>
    <xf numFmtId="0" fontId="49" fillId="0" borderId="90" xfId="0" applyFont="1" applyFill="1" applyBorder="1" applyAlignment="1">
      <alignment horizontal="center" vertical="center"/>
    </xf>
    <xf numFmtId="0" fontId="49" fillId="0" borderId="2" xfId="0" applyFont="1" applyFill="1" applyBorder="1" applyAlignment="1">
      <alignment horizontal="center" vertical="center"/>
    </xf>
    <xf numFmtId="0" fontId="49" fillId="0" borderId="0" xfId="0" applyFont="1" applyFill="1" applyBorder="1" applyAlignment="1">
      <alignment horizontal="center" vertical="center"/>
    </xf>
    <xf numFmtId="0" fontId="49" fillId="0" borderId="81" xfId="0" applyFont="1" applyFill="1" applyBorder="1" applyAlignment="1">
      <alignment horizontal="center" vertical="center"/>
    </xf>
    <xf numFmtId="0" fontId="49" fillId="0" borderId="7" xfId="0" applyFont="1" applyFill="1" applyBorder="1" applyAlignment="1">
      <alignment horizontal="center" vertical="center"/>
    </xf>
    <xf numFmtId="0" fontId="49" fillId="0" borderId="82" xfId="0" applyFont="1" applyFill="1" applyBorder="1" applyAlignment="1">
      <alignment horizontal="center" vertical="center"/>
    </xf>
    <xf numFmtId="0" fontId="49" fillId="0" borderId="70" xfId="0" applyFont="1" applyFill="1" applyBorder="1" applyAlignment="1">
      <alignment horizontal="center" vertical="center" wrapText="1"/>
    </xf>
    <xf numFmtId="0" fontId="49" fillId="0" borderId="71" xfId="0" applyFont="1" applyFill="1" applyBorder="1" applyAlignment="1">
      <alignment horizontal="center" vertical="center"/>
    </xf>
    <xf numFmtId="0" fontId="49" fillId="0" borderId="109" xfId="0" applyFont="1" applyFill="1" applyBorder="1" applyAlignment="1">
      <alignment horizontal="center" vertical="center"/>
    </xf>
    <xf numFmtId="0" fontId="49" fillId="0" borderId="73" xfId="0" applyFont="1" applyFill="1" applyBorder="1" applyAlignment="1">
      <alignment horizontal="center" vertical="center"/>
    </xf>
    <xf numFmtId="0" fontId="49" fillId="0" borderId="86" xfId="7" applyFont="1" applyFill="1" applyBorder="1" applyAlignment="1">
      <alignment horizontal="center" vertical="center"/>
    </xf>
    <xf numFmtId="0" fontId="49" fillId="0" borderId="73" xfId="7" applyFont="1" applyFill="1" applyBorder="1" applyAlignment="1">
      <alignment horizontal="center" vertical="center"/>
    </xf>
    <xf numFmtId="0" fontId="49" fillId="0" borderId="127" xfId="7" applyFont="1" applyFill="1" applyBorder="1" applyAlignment="1">
      <alignment horizontal="center" vertical="center"/>
    </xf>
    <xf numFmtId="0" fontId="47" fillId="0" borderId="3" xfId="7" applyFont="1" applyFill="1" applyBorder="1" applyAlignment="1">
      <alignment horizontal="left" vertical="top" wrapText="1"/>
    </xf>
    <xf numFmtId="0" fontId="47" fillId="0" borderId="5" xfId="7" applyFont="1" applyFill="1" applyBorder="1" applyAlignment="1">
      <alignment horizontal="left" vertical="top"/>
    </xf>
    <xf numFmtId="0" fontId="47" fillId="0" borderId="80" xfId="7" applyFont="1" applyFill="1" applyBorder="1" applyAlignment="1">
      <alignment horizontal="left" vertical="top"/>
    </xf>
    <xf numFmtId="0" fontId="47" fillId="0" borderId="2" xfId="7" applyFont="1" applyFill="1" applyBorder="1" applyAlignment="1">
      <alignment horizontal="left" vertical="top"/>
    </xf>
    <xf numFmtId="0" fontId="47" fillId="0" borderId="0" xfId="7" applyFont="1" applyFill="1" applyBorder="1" applyAlignment="1">
      <alignment horizontal="left" vertical="top"/>
    </xf>
    <xf numFmtId="0" fontId="47" fillId="0" borderId="81" xfId="7" applyFont="1" applyFill="1" applyBorder="1" applyAlignment="1">
      <alignment horizontal="left" vertical="top"/>
    </xf>
    <xf numFmtId="0" fontId="47" fillId="0" borderId="116" xfId="7" applyFont="1" applyFill="1" applyBorder="1" applyAlignment="1">
      <alignment horizontal="left" vertical="top"/>
    </xf>
    <xf numFmtId="0" fontId="47" fillId="0" borderId="84" xfId="7" applyFont="1" applyFill="1" applyBorder="1" applyAlignment="1">
      <alignment horizontal="left" vertical="top"/>
    </xf>
    <xf numFmtId="0" fontId="47" fillId="0" borderId="91" xfId="7" applyFont="1" applyFill="1" applyBorder="1" applyAlignment="1">
      <alignment horizontal="left" vertical="top"/>
    </xf>
    <xf numFmtId="0" fontId="48" fillId="0" borderId="88" xfId="7" applyFont="1" applyFill="1" applyBorder="1" applyAlignment="1">
      <alignment horizontal="center" vertical="center" textRotation="255"/>
    </xf>
    <xf numFmtId="0" fontId="48" fillId="0" borderId="111" xfId="7" applyFont="1" applyFill="1" applyBorder="1" applyAlignment="1">
      <alignment horizontal="center" vertical="center" textRotation="255"/>
    </xf>
    <xf numFmtId="0" fontId="48" fillId="0" borderId="78" xfId="7" applyFont="1" applyFill="1" applyBorder="1" applyAlignment="1">
      <alignment horizontal="center" vertical="center" textRotation="255"/>
    </xf>
    <xf numFmtId="0" fontId="48" fillId="0" borderId="1" xfId="7" applyFont="1" applyFill="1" applyBorder="1" applyAlignment="1">
      <alignment horizontal="center" vertical="center" textRotation="255"/>
    </xf>
    <xf numFmtId="0" fontId="48" fillId="0" borderId="83" xfId="7" applyFont="1" applyFill="1" applyBorder="1" applyAlignment="1">
      <alignment horizontal="center" vertical="center" textRotation="255"/>
    </xf>
    <xf numFmtId="0" fontId="48" fillId="0" borderId="85" xfId="7" applyFont="1" applyFill="1" applyBorder="1" applyAlignment="1">
      <alignment horizontal="center" vertical="center" textRotation="255"/>
    </xf>
    <xf numFmtId="0" fontId="48" fillId="0" borderId="69" xfId="0" applyFont="1" applyFill="1" applyBorder="1" applyAlignment="1">
      <alignment horizontal="center" vertical="center"/>
    </xf>
    <xf numFmtId="0" fontId="48" fillId="0" borderId="70" xfId="0" applyFont="1" applyFill="1" applyBorder="1" applyAlignment="1">
      <alignment horizontal="center" vertical="center"/>
    </xf>
    <xf numFmtId="0" fontId="48" fillId="0" borderId="103" xfId="0" applyFont="1" applyFill="1" applyBorder="1" applyAlignment="1">
      <alignment horizontal="center" vertical="center"/>
    </xf>
    <xf numFmtId="0" fontId="48" fillId="0" borderId="87" xfId="0" applyFont="1" applyFill="1" applyBorder="1" applyAlignment="1">
      <alignment horizontal="center" vertical="center"/>
    </xf>
    <xf numFmtId="0" fontId="48" fillId="0" borderId="72" xfId="0" applyFont="1" applyFill="1" applyBorder="1" applyAlignment="1">
      <alignment horizontal="center" vertical="center"/>
    </xf>
    <xf numFmtId="0" fontId="48" fillId="0" borderId="67" xfId="0" applyFont="1" applyFill="1" applyBorder="1" applyAlignment="1">
      <alignment horizontal="center" vertical="center"/>
    </xf>
    <xf numFmtId="3" fontId="48" fillId="0" borderId="89" xfId="1" applyNumberFormat="1" applyFont="1" applyFill="1" applyBorder="1" applyAlignment="1">
      <alignment horizontal="right" vertical="top"/>
    </xf>
    <xf numFmtId="3" fontId="48" fillId="0" borderId="111" xfId="1" applyNumberFormat="1" applyFont="1" applyFill="1" applyBorder="1" applyAlignment="1">
      <alignment horizontal="right" vertical="top"/>
    </xf>
    <xf numFmtId="0" fontId="49" fillId="0" borderId="72" xfId="1" applyFont="1" applyFill="1" applyBorder="1" applyAlignment="1">
      <alignment horizontal="right" vertical="top"/>
    </xf>
    <xf numFmtId="0" fontId="49" fillId="0" borderId="67" xfId="1" applyFont="1" applyFill="1" applyBorder="1" applyAlignment="1">
      <alignment horizontal="right" vertical="top"/>
    </xf>
    <xf numFmtId="0" fontId="49" fillId="0" borderId="74" xfId="1" applyFont="1" applyFill="1" applyBorder="1" applyAlignment="1">
      <alignment horizontal="right" vertical="top"/>
    </xf>
    <xf numFmtId="0" fontId="49" fillId="0" borderId="75" xfId="1" applyFont="1" applyFill="1" applyBorder="1" applyAlignment="1">
      <alignment horizontal="right" vertical="top"/>
    </xf>
    <xf numFmtId="3" fontId="49" fillId="0" borderId="68" xfId="1" applyNumberFormat="1" applyFont="1" applyFill="1" applyBorder="1" applyAlignment="1">
      <alignment horizontal="right" vertical="top"/>
    </xf>
    <xf numFmtId="3" fontId="49" fillId="0" borderId="128" xfId="1" applyNumberFormat="1" applyFont="1" applyFill="1" applyBorder="1" applyAlignment="1">
      <alignment horizontal="right" vertical="top"/>
    </xf>
    <xf numFmtId="0" fontId="0" fillId="0" borderId="0" xfId="0">
      <alignment vertical="center"/>
    </xf>
    <xf numFmtId="0" fontId="0" fillId="0" borderId="84" xfId="0" applyBorder="1">
      <alignment vertical="center"/>
    </xf>
    <xf numFmtId="0" fontId="48" fillId="0" borderId="34" xfId="7" applyFont="1" applyFill="1" applyBorder="1" applyAlignment="1">
      <alignment horizontal="right" vertical="top"/>
    </xf>
    <xf numFmtId="0" fontId="48" fillId="0" borderId="22" xfId="7" applyFont="1" applyFill="1" applyBorder="1" applyAlignment="1">
      <alignment horizontal="right" vertical="top"/>
    </xf>
    <xf numFmtId="0" fontId="48" fillId="0" borderId="201" xfId="7" applyFont="1" applyFill="1" applyBorder="1" applyAlignment="1">
      <alignment horizontal="right" vertical="top"/>
    </xf>
    <xf numFmtId="0" fontId="48" fillId="0" borderId="110" xfId="7" applyFont="1" applyFill="1" applyBorder="1" applyAlignment="1">
      <alignment horizontal="center"/>
    </xf>
    <xf numFmtId="0" fontId="48" fillId="0" borderId="89" xfId="7" applyFont="1" applyFill="1" applyBorder="1" applyAlignment="1">
      <alignment horizontal="center"/>
    </xf>
    <xf numFmtId="0" fontId="48" fillId="0" borderId="89" xfId="7" applyFont="1" applyFill="1" applyBorder="1" applyAlignment="1">
      <alignment horizontal="right" vertical="top"/>
    </xf>
    <xf numFmtId="0" fontId="48" fillId="0" borderId="90" xfId="7" applyFont="1" applyFill="1" applyBorder="1" applyAlignment="1">
      <alignment horizontal="right" vertical="top"/>
    </xf>
    <xf numFmtId="0" fontId="48" fillId="0" borderId="9" xfId="7" applyFont="1" applyFill="1" applyBorder="1" applyAlignment="1">
      <alignment horizontal="right" vertical="top"/>
    </xf>
    <xf numFmtId="0" fontId="48" fillId="0" borderId="179" xfId="7" applyFont="1" applyFill="1" applyBorder="1" applyAlignment="1">
      <alignment horizontal="right" vertical="top"/>
    </xf>
    <xf numFmtId="177" fontId="49" fillId="0" borderId="110" xfId="7" applyNumberFormat="1" applyFont="1" applyFill="1" applyBorder="1" applyAlignment="1">
      <alignment horizontal="center" vertical="center"/>
    </xf>
    <xf numFmtId="177" fontId="49" fillId="0" borderId="89" xfId="7" applyNumberFormat="1" applyFont="1" applyFill="1" applyBorder="1" applyAlignment="1">
      <alignment horizontal="center" vertical="center"/>
    </xf>
    <xf numFmtId="177" fontId="49" fillId="0" borderId="2" xfId="7" applyNumberFormat="1" applyFont="1" applyFill="1" applyBorder="1" applyAlignment="1">
      <alignment horizontal="center" vertical="center"/>
    </xf>
    <xf numFmtId="177" fontId="49" fillId="0" borderId="0" xfId="7" applyNumberFormat="1" applyFont="1" applyFill="1" applyAlignment="1">
      <alignment horizontal="center" vertical="center"/>
    </xf>
    <xf numFmtId="177" fontId="49" fillId="0" borderId="6" xfId="7" applyNumberFormat="1" applyFont="1" applyFill="1" applyBorder="1" applyAlignment="1">
      <alignment horizontal="center" vertical="center"/>
    </xf>
    <xf numFmtId="177" fontId="49" fillId="0" borderId="7" xfId="7" applyNumberFormat="1" applyFont="1" applyFill="1" applyBorder="1" applyAlignment="1">
      <alignment horizontal="center" vertical="center"/>
    </xf>
    <xf numFmtId="177" fontId="48" fillId="0" borderId="112" xfId="7" applyNumberFormat="1" applyFont="1" applyFill="1" applyBorder="1" applyAlignment="1">
      <alignment horizontal="center"/>
    </xf>
    <xf numFmtId="177" fontId="48" fillId="0" borderId="113" xfId="7" applyNumberFormat="1" applyFont="1" applyFill="1" applyBorder="1" applyAlignment="1">
      <alignment horizontal="center"/>
    </xf>
    <xf numFmtId="177" fontId="48" fillId="0" borderId="117" xfId="7" applyNumberFormat="1" applyFont="1" applyFill="1" applyBorder="1" applyAlignment="1">
      <alignment horizontal="center"/>
    </xf>
    <xf numFmtId="177" fontId="48" fillId="0" borderId="114" xfId="7" applyNumberFormat="1" applyFont="1" applyFill="1" applyBorder="1" applyAlignment="1">
      <alignment horizontal="center"/>
    </xf>
    <xf numFmtId="177" fontId="48" fillId="0" borderId="115" xfId="7" applyNumberFormat="1" applyFont="1" applyFill="1" applyBorder="1" applyAlignment="1">
      <alignment horizontal="center"/>
    </xf>
    <xf numFmtId="177" fontId="48" fillId="0" borderId="118" xfId="7" applyNumberFormat="1" applyFont="1" applyFill="1" applyBorder="1" applyAlignment="1">
      <alignment horizontal="center"/>
    </xf>
    <xf numFmtId="177" fontId="48" fillId="0" borderId="119" xfId="7" applyNumberFormat="1" applyFont="1" applyFill="1" applyBorder="1" applyAlignment="1">
      <alignment horizontal="center"/>
    </xf>
    <xf numFmtId="177" fontId="48" fillId="0" borderId="120" xfId="7" applyNumberFormat="1" applyFont="1" applyFill="1" applyBorder="1" applyAlignment="1">
      <alignment horizontal="center"/>
    </xf>
    <xf numFmtId="177" fontId="48" fillId="0" borderId="121" xfId="7" applyNumberFormat="1" applyFont="1" applyFill="1" applyBorder="1" applyAlignment="1">
      <alignment horizontal="center"/>
    </xf>
    <xf numFmtId="177" fontId="48" fillId="0" borderId="90" xfId="7" applyNumberFormat="1" applyFont="1" applyFill="1" applyBorder="1" applyAlignment="1">
      <alignment horizontal="right" vertical="top"/>
    </xf>
    <xf numFmtId="177" fontId="48" fillId="0" borderId="81" xfId="7" applyNumberFormat="1" applyFont="1" applyFill="1" applyBorder="1" applyAlignment="1">
      <alignment horizontal="right" vertical="top"/>
    </xf>
    <xf numFmtId="177" fontId="48" fillId="0" borderId="91" xfId="7" applyNumberFormat="1" applyFont="1" applyFill="1" applyBorder="1" applyAlignment="1">
      <alignment horizontal="right" vertical="top"/>
    </xf>
    <xf numFmtId="177" fontId="49" fillId="0" borderId="110" xfId="7" applyNumberFormat="1" applyFont="1" applyFill="1" applyBorder="1" applyAlignment="1">
      <alignment horizontal="center"/>
    </xf>
    <xf numFmtId="177" fontId="49" fillId="0" borderId="89" xfId="7" applyNumberFormat="1" applyFont="1" applyFill="1" applyBorder="1" applyAlignment="1">
      <alignment horizontal="center"/>
    </xf>
    <xf numFmtId="177" fontId="49" fillId="0" borderId="2" xfId="7" applyNumberFormat="1" applyFont="1" applyFill="1" applyBorder="1" applyAlignment="1">
      <alignment horizontal="center"/>
    </xf>
    <xf numFmtId="177" fontId="49" fillId="0" borderId="0" xfId="7" applyNumberFormat="1" applyFont="1" applyFill="1" applyAlignment="1">
      <alignment horizontal="center"/>
    </xf>
    <xf numFmtId="177" fontId="49" fillId="0" borderId="116" xfId="7" applyNumberFormat="1" applyFont="1" applyFill="1" applyBorder="1" applyAlignment="1">
      <alignment horizontal="center"/>
    </xf>
    <xf numFmtId="177" fontId="49" fillId="0" borderId="84" xfId="7" applyNumberFormat="1" applyFont="1" applyFill="1" applyBorder="1" applyAlignment="1">
      <alignment horizontal="center"/>
    </xf>
    <xf numFmtId="0" fontId="45" fillId="0" borderId="0" xfId="1" applyFont="1" applyFill="1" applyBorder="1" applyAlignment="1">
      <alignment horizontal="left" vertical="center"/>
    </xf>
    <xf numFmtId="0" fontId="49" fillId="0" borderId="69" xfId="1" applyFont="1" applyFill="1" applyBorder="1" applyAlignment="1">
      <alignment horizontal="center" vertical="center" wrapText="1"/>
    </xf>
    <xf numFmtId="3" fontId="49" fillId="0" borderId="110" xfId="7" applyNumberFormat="1" applyFont="1" applyFill="1" applyBorder="1" applyAlignment="1">
      <alignment horizontal="center"/>
    </xf>
    <xf numFmtId="3" fontId="49" fillId="0" borderId="89" xfId="7" applyNumberFormat="1" applyFont="1" applyFill="1" applyBorder="1" applyAlignment="1">
      <alignment horizontal="center"/>
    </xf>
    <xf numFmtId="3" fontId="49" fillId="0" borderId="0" xfId="7" applyNumberFormat="1" applyFont="1" applyFill="1" applyAlignment="1">
      <alignment horizontal="center"/>
    </xf>
    <xf numFmtId="3" fontId="49" fillId="0" borderId="116" xfId="7" applyNumberFormat="1" applyFont="1" applyFill="1" applyBorder="1" applyAlignment="1">
      <alignment horizontal="center"/>
    </xf>
    <xf numFmtId="3" fontId="49" fillId="0" borderId="84" xfId="7" applyNumberFormat="1" applyFont="1" applyFill="1" applyBorder="1" applyAlignment="1">
      <alignment horizontal="center"/>
    </xf>
    <xf numFmtId="0" fontId="48" fillId="0" borderId="84" xfId="7" applyFont="1" applyFill="1" applyBorder="1" applyAlignment="1">
      <alignment horizontal="right" vertical="top"/>
    </xf>
    <xf numFmtId="0" fontId="48" fillId="0" borderId="91" xfId="7" applyFont="1" applyFill="1" applyBorder="1" applyAlignment="1">
      <alignment horizontal="right" vertical="top"/>
    </xf>
    <xf numFmtId="177" fontId="49" fillId="0" borderId="6" xfId="7" applyNumberFormat="1" applyFont="1" applyFill="1" applyBorder="1" applyAlignment="1">
      <alignment horizontal="center"/>
    </xf>
    <xf numFmtId="177" fontId="49" fillId="0" borderId="7" xfId="7" applyNumberFormat="1" applyFont="1" applyFill="1" applyBorder="1" applyAlignment="1">
      <alignment horizontal="center"/>
    </xf>
    <xf numFmtId="177" fontId="48" fillId="0" borderId="82" xfId="7" applyNumberFormat="1" applyFont="1" applyFill="1" applyBorder="1" applyAlignment="1">
      <alignment horizontal="right" vertical="top"/>
    </xf>
    <xf numFmtId="0" fontId="46" fillId="0" borderId="110" xfId="1" applyFont="1" applyFill="1" applyBorder="1" applyAlignment="1">
      <alignment horizontal="center" vertical="center" wrapText="1"/>
    </xf>
    <xf numFmtId="0" fontId="46" fillId="0" borderId="89" xfId="1" applyFont="1" applyFill="1" applyBorder="1" applyAlignment="1">
      <alignment horizontal="center" vertical="center" wrapText="1"/>
    </xf>
    <xf numFmtId="0" fontId="46" fillId="0" borderId="111" xfId="1" applyFont="1" applyFill="1" applyBorder="1" applyAlignment="1">
      <alignment horizontal="center" vertical="center" wrapText="1"/>
    </xf>
    <xf numFmtId="0" fontId="46" fillId="0" borderId="116" xfId="1" applyFont="1" applyFill="1" applyBorder="1" applyAlignment="1">
      <alignment horizontal="center" vertical="center" wrapText="1"/>
    </xf>
    <xf numFmtId="0" fontId="46" fillId="0" borderId="84" xfId="1" applyFont="1" applyFill="1" applyBorder="1" applyAlignment="1">
      <alignment horizontal="center" vertical="center" wrapText="1"/>
    </xf>
    <xf numFmtId="0" fontId="46" fillId="0" borderId="85" xfId="1" applyFont="1" applyFill="1" applyBorder="1" applyAlignment="1">
      <alignment horizontal="center" vertical="center" wrapText="1"/>
    </xf>
    <xf numFmtId="0" fontId="60" fillId="0" borderId="88" xfId="1" applyFont="1" applyFill="1" applyBorder="1" applyAlignment="1">
      <alignment horizontal="left" vertical="center" wrapText="1"/>
    </xf>
    <xf numFmtId="0" fontId="60" fillId="0" borderId="89" xfId="1" applyFont="1" applyFill="1" applyBorder="1" applyAlignment="1">
      <alignment horizontal="left" vertical="center" wrapText="1"/>
    </xf>
    <xf numFmtId="0" fontId="60" fillId="0" borderId="90" xfId="1" applyFont="1" applyFill="1" applyBorder="1" applyAlignment="1">
      <alignment horizontal="left" vertical="center" wrapText="1"/>
    </xf>
    <xf numFmtId="0" fontId="60" fillId="0" borderId="78" xfId="1" applyFont="1" applyFill="1" applyBorder="1" applyAlignment="1">
      <alignment horizontal="left" vertical="center" wrapText="1"/>
    </xf>
    <xf numFmtId="0" fontId="60" fillId="0" borderId="0" xfId="1" applyFont="1" applyFill="1" applyBorder="1" applyAlignment="1">
      <alignment horizontal="left" vertical="center" wrapText="1"/>
    </xf>
    <xf numFmtId="0" fontId="60" fillId="0" borderId="81" xfId="1" applyFont="1" applyFill="1" applyBorder="1" applyAlignment="1">
      <alignment horizontal="left" vertical="center" wrapText="1"/>
    </xf>
    <xf numFmtId="0" fontId="60" fillId="0" borderId="83" xfId="1" applyFont="1" applyFill="1" applyBorder="1" applyAlignment="1">
      <alignment horizontal="left" vertical="center" wrapText="1"/>
    </xf>
    <xf numFmtId="0" fontId="60" fillId="0" borderId="84" xfId="1" applyFont="1" applyFill="1" applyBorder="1" applyAlignment="1">
      <alignment horizontal="left" vertical="center" wrapText="1"/>
    </xf>
    <xf numFmtId="0" fontId="60" fillId="0" borderId="91" xfId="1" applyFont="1" applyFill="1" applyBorder="1" applyAlignment="1">
      <alignment horizontal="left" vertical="center" wrapText="1"/>
    </xf>
    <xf numFmtId="3" fontId="48" fillId="0" borderId="73" xfId="1" applyNumberFormat="1" applyFont="1" applyFill="1" applyBorder="1" applyAlignment="1">
      <alignment horizontal="center" vertical="center"/>
    </xf>
    <xf numFmtId="3" fontId="48" fillId="0" borderId="76" xfId="1" applyNumberFormat="1" applyFont="1" applyFill="1" applyBorder="1" applyAlignment="1">
      <alignment horizontal="center" vertical="center"/>
    </xf>
    <xf numFmtId="3" fontId="48" fillId="0" borderId="90" xfId="1" applyNumberFormat="1" applyFont="1" applyFill="1" applyBorder="1" applyAlignment="1">
      <alignment horizontal="right" vertical="top"/>
    </xf>
    <xf numFmtId="0" fontId="49" fillId="0" borderId="0" xfId="1" applyFont="1" applyFill="1" applyBorder="1" applyAlignment="1">
      <alignment vertical="top" wrapText="1"/>
    </xf>
    <xf numFmtId="0" fontId="49" fillId="0" borderId="84" xfId="1" applyFont="1" applyFill="1" applyBorder="1" applyAlignment="1">
      <alignment vertical="top" wrapText="1"/>
    </xf>
    <xf numFmtId="0" fontId="48" fillId="0" borderId="11" xfId="7" applyFont="1" applyFill="1" applyBorder="1" applyAlignment="1">
      <alignment horizontal="center"/>
    </xf>
    <xf numFmtId="0" fontId="48" fillId="0" borderId="195" xfId="7" applyFont="1" applyFill="1" applyBorder="1" applyAlignment="1">
      <alignment horizontal="center"/>
    </xf>
    <xf numFmtId="0" fontId="48" fillId="0" borderId="197" xfId="7" applyFont="1" applyFill="1" applyBorder="1" applyAlignment="1">
      <alignment horizontal="center"/>
    </xf>
    <xf numFmtId="0" fontId="48" fillId="0" borderId="198" xfId="7" applyFont="1" applyFill="1" applyBorder="1" applyAlignment="1">
      <alignment horizontal="center"/>
    </xf>
    <xf numFmtId="0" fontId="48" fillId="0" borderId="192" xfId="1" applyFont="1" applyFill="1" applyBorder="1" applyAlignment="1">
      <alignment horizontal="center" vertical="center"/>
    </xf>
    <xf numFmtId="0" fontId="48" fillId="0" borderId="193" xfId="1" applyFont="1" applyFill="1" applyBorder="1" applyAlignment="1">
      <alignment horizontal="center" vertical="center"/>
    </xf>
    <xf numFmtId="0" fontId="48" fillId="0" borderId="199" xfId="1" applyFont="1" applyFill="1" applyBorder="1" applyAlignment="1">
      <alignment horizontal="center" vertical="center"/>
    </xf>
    <xf numFmtId="0" fontId="48" fillId="0" borderId="194" xfId="1" applyFont="1" applyFill="1" applyBorder="1" applyAlignment="1">
      <alignment horizontal="center" vertical="center"/>
    </xf>
    <xf numFmtId="0" fontId="48" fillId="0" borderId="11" xfId="1" applyFont="1" applyFill="1" applyBorder="1" applyAlignment="1">
      <alignment horizontal="center" vertical="center"/>
    </xf>
    <xf numFmtId="0" fontId="48" fillId="0" borderId="60" xfId="1" applyFont="1" applyFill="1" applyBorder="1" applyAlignment="1">
      <alignment horizontal="center" vertical="center"/>
    </xf>
    <xf numFmtId="0" fontId="45" fillId="0" borderId="194" xfId="1" applyFont="1" applyFill="1" applyBorder="1" applyAlignment="1">
      <alignment horizontal="center" vertical="center"/>
    </xf>
    <xf numFmtId="0" fontId="45" fillId="0" borderId="11" xfId="1" applyFont="1" applyFill="1" applyBorder="1" applyAlignment="1">
      <alignment horizontal="center" vertical="center"/>
    </xf>
    <xf numFmtId="0" fontId="45" fillId="0" borderId="60" xfId="1" applyFont="1" applyFill="1" applyBorder="1" applyAlignment="1">
      <alignment horizontal="center" vertical="center"/>
    </xf>
    <xf numFmtId="0" fontId="49" fillId="0" borderId="194" xfId="1" applyFont="1" applyFill="1" applyBorder="1" applyAlignment="1">
      <alignment horizontal="center" vertical="center"/>
    </xf>
    <xf numFmtId="0" fontId="49" fillId="0" borderId="11" xfId="1" applyFont="1" applyFill="1" applyBorder="1" applyAlignment="1">
      <alignment horizontal="center" vertical="center"/>
    </xf>
    <xf numFmtId="0" fontId="49" fillId="0" borderId="60" xfId="1" applyFont="1" applyFill="1" applyBorder="1" applyAlignment="1">
      <alignment horizontal="center" vertical="center"/>
    </xf>
    <xf numFmtId="0" fontId="49" fillId="0" borderId="196" xfId="1" applyFont="1" applyFill="1" applyBorder="1" applyAlignment="1">
      <alignment horizontal="center" vertical="center"/>
    </xf>
    <xf numFmtId="0" fontId="49" fillId="0" borderId="197" xfId="1" applyFont="1" applyFill="1" applyBorder="1" applyAlignment="1">
      <alignment horizontal="center" vertical="center"/>
    </xf>
    <xf numFmtId="0" fontId="49" fillId="0" borderId="200" xfId="1" applyFont="1" applyFill="1" applyBorder="1" applyAlignment="1">
      <alignment horizontal="center" vertical="center"/>
    </xf>
    <xf numFmtId="0" fontId="49" fillId="0" borderId="44" xfId="1" applyFont="1" applyFill="1" applyBorder="1" applyAlignment="1">
      <alignment horizontal="center" vertical="center"/>
    </xf>
  </cellXfs>
  <cellStyles count="9">
    <cellStyle name="桁区切り" xfId="8" builtinId="6"/>
    <cellStyle name="桁区切り 2" xfId="2"/>
    <cellStyle name="通貨 2" xfId="4"/>
    <cellStyle name="標準" xfId="0" builtinId="0"/>
    <cellStyle name="標準 2" xfId="3"/>
    <cellStyle name="標準 3" xfId="1"/>
    <cellStyle name="標準 3 2" xfId="6"/>
    <cellStyle name="標準 4" xfId="5"/>
    <cellStyle name="標準_03⑰第五号の四様式(裏)" xfId="7"/>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65</xdr:col>
      <xdr:colOff>28575</xdr:colOff>
      <xdr:row>84</xdr:row>
      <xdr:rowOff>57150</xdr:rowOff>
    </xdr:from>
    <xdr:to>
      <xdr:col>79</xdr:col>
      <xdr:colOff>57150</xdr:colOff>
      <xdr:row>89</xdr:row>
      <xdr:rowOff>19050</xdr:rowOff>
    </xdr:to>
    <xdr:sp macro="" textlink="">
      <xdr:nvSpPr>
        <xdr:cNvPr id="2" name="AutoShape 1"/>
        <xdr:cNvSpPr>
          <a:spLocks noChangeArrowheads="1"/>
        </xdr:cNvSpPr>
      </xdr:nvSpPr>
      <xdr:spPr bwMode="auto">
        <a:xfrm>
          <a:off x="3876675" y="5543550"/>
          <a:ext cx="1362075" cy="295275"/>
        </a:xfrm>
        <a:prstGeom prst="bracketPair">
          <a:avLst>
            <a:gd name="adj" fmla="val 16667"/>
          </a:avLst>
        </a:prstGeom>
        <a:noFill/>
        <a:ln w="9525">
          <a:solidFill>
            <a:srgbClr val="000000"/>
          </a:solidFill>
          <a:round/>
          <a:headEnd/>
          <a:tailEnd/>
        </a:ln>
      </xdr:spPr>
    </xdr:sp>
    <xdr:clientData/>
  </xdr:twoCellAnchor>
  <xdr:twoCellAnchor>
    <xdr:from>
      <xdr:col>114</xdr:col>
      <xdr:colOff>74543</xdr:colOff>
      <xdr:row>152</xdr:row>
      <xdr:rowOff>8284</xdr:rowOff>
    </xdr:from>
    <xdr:to>
      <xdr:col>116</xdr:col>
      <xdr:colOff>12837</xdr:colOff>
      <xdr:row>154</xdr:row>
      <xdr:rowOff>16567</xdr:rowOff>
    </xdr:to>
    <xdr:sp macro="" textlink="">
      <xdr:nvSpPr>
        <xdr:cNvPr id="3" name="Oval 30"/>
        <xdr:cNvSpPr>
          <a:spLocks noChangeArrowheads="1"/>
        </xdr:cNvSpPr>
      </xdr:nvSpPr>
      <xdr:spPr bwMode="auto">
        <a:xfrm>
          <a:off x="8589893" y="10047634"/>
          <a:ext cx="128794" cy="141633"/>
        </a:xfrm>
        <a:prstGeom prst="ellipse">
          <a:avLst/>
        </a:prstGeom>
        <a:noFill/>
        <a:ln w="9525">
          <a:solidFill>
            <a:schemeClr val="tx1"/>
          </a:solidFill>
          <a:round/>
          <a:headEnd/>
          <a:tailEnd/>
        </a:ln>
      </xdr:spPr>
    </xdr:sp>
    <xdr:clientData/>
  </xdr:twoCellAnchor>
  <xdr:twoCellAnchor>
    <xdr:from>
      <xdr:col>114</xdr:col>
      <xdr:colOff>66260</xdr:colOff>
      <xdr:row>156</xdr:row>
      <xdr:rowOff>16565</xdr:rowOff>
    </xdr:from>
    <xdr:to>
      <xdr:col>116</xdr:col>
      <xdr:colOff>4554</xdr:colOff>
      <xdr:row>158</xdr:row>
      <xdr:rowOff>8282</xdr:rowOff>
    </xdr:to>
    <xdr:sp macro="" textlink="">
      <xdr:nvSpPr>
        <xdr:cNvPr id="4" name="Oval 30"/>
        <xdr:cNvSpPr>
          <a:spLocks noChangeArrowheads="1"/>
        </xdr:cNvSpPr>
      </xdr:nvSpPr>
      <xdr:spPr bwMode="auto">
        <a:xfrm>
          <a:off x="8581610" y="10322615"/>
          <a:ext cx="128794" cy="144117"/>
        </a:xfrm>
        <a:prstGeom prst="ellipse">
          <a:avLst/>
        </a:prstGeom>
        <a:noFill/>
        <a:ln w="9525">
          <a:solidFill>
            <a:schemeClr val="tx1"/>
          </a:solidFill>
          <a:round/>
          <a:headEnd/>
          <a:tailEnd/>
        </a:ln>
      </xdr:spPr>
    </xdr:sp>
    <xdr:clientData/>
  </xdr:twoCellAnchor>
  <xdr:twoCellAnchor>
    <xdr:from>
      <xdr:col>114</xdr:col>
      <xdr:colOff>74543</xdr:colOff>
      <xdr:row>160</xdr:row>
      <xdr:rowOff>33130</xdr:rowOff>
    </xdr:from>
    <xdr:to>
      <xdr:col>116</xdr:col>
      <xdr:colOff>12837</xdr:colOff>
      <xdr:row>162</xdr:row>
      <xdr:rowOff>41412</xdr:rowOff>
    </xdr:to>
    <xdr:sp macro="" textlink="">
      <xdr:nvSpPr>
        <xdr:cNvPr id="5" name="Oval 30"/>
        <xdr:cNvSpPr>
          <a:spLocks noChangeArrowheads="1"/>
        </xdr:cNvSpPr>
      </xdr:nvSpPr>
      <xdr:spPr bwMode="auto">
        <a:xfrm>
          <a:off x="8589893" y="10643980"/>
          <a:ext cx="128794" cy="141632"/>
        </a:xfrm>
        <a:prstGeom prst="ellipse">
          <a:avLst/>
        </a:prstGeom>
        <a:noFill/>
        <a:ln w="9525">
          <a:solidFill>
            <a:schemeClr val="tx1"/>
          </a:solidFill>
          <a:round/>
          <a:headEnd/>
          <a:tailEnd/>
        </a:ln>
      </xdr:spPr>
    </xdr:sp>
    <xdr:clientData/>
  </xdr:twoCellAnchor>
  <xdr:twoCellAnchor>
    <xdr:from>
      <xdr:col>55</xdr:col>
      <xdr:colOff>49696</xdr:colOff>
      <xdr:row>107</xdr:row>
      <xdr:rowOff>57979</xdr:rowOff>
    </xdr:from>
    <xdr:to>
      <xdr:col>57</xdr:col>
      <xdr:colOff>41413</xdr:colOff>
      <xdr:row>110</xdr:row>
      <xdr:rowOff>24847</xdr:rowOff>
    </xdr:to>
    <xdr:sp macro="" textlink="">
      <xdr:nvSpPr>
        <xdr:cNvPr id="6" name="Oval 30"/>
        <xdr:cNvSpPr>
          <a:spLocks noChangeArrowheads="1"/>
        </xdr:cNvSpPr>
      </xdr:nvSpPr>
      <xdr:spPr bwMode="auto">
        <a:xfrm>
          <a:off x="2945296" y="7096954"/>
          <a:ext cx="182217" cy="166893"/>
        </a:xfrm>
        <a:prstGeom prst="ellipse">
          <a:avLst/>
        </a:prstGeom>
        <a:noFill/>
        <a:ln w="9525">
          <a:solidFill>
            <a:schemeClr val="tx1"/>
          </a:solidFill>
          <a:round/>
          <a:headEnd/>
          <a:tailEnd/>
        </a:ln>
      </xdr:spPr>
    </xdr:sp>
    <xdr:clientData/>
  </xdr:twoCellAnchor>
  <xdr:twoCellAnchor>
    <xdr:from>
      <xdr:col>53</xdr:col>
      <xdr:colOff>44450</xdr:colOff>
      <xdr:row>165</xdr:row>
      <xdr:rowOff>171450</xdr:rowOff>
    </xdr:from>
    <xdr:to>
      <xdr:col>99</xdr:col>
      <xdr:colOff>0</xdr:colOff>
      <xdr:row>165</xdr:row>
      <xdr:rowOff>527050</xdr:rowOff>
    </xdr:to>
    <xdr:sp macro="" textlink="">
      <xdr:nvSpPr>
        <xdr:cNvPr id="8" name="テキスト ボックス 7"/>
        <xdr:cNvSpPr txBox="1"/>
      </xdr:nvSpPr>
      <xdr:spPr>
        <a:xfrm>
          <a:off x="2889250" y="9779000"/>
          <a:ext cx="4292600" cy="3556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endParaRPr kumimoji="1" lang="ja-JP" altLang="en-US" sz="1100"/>
        </a:p>
      </xdr:txBody>
    </xdr:sp>
    <xdr:clientData/>
  </xdr:twoCellAnchor>
  <xdr:twoCellAnchor>
    <xdr:from>
      <xdr:col>53</xdr:col>
      <xdr:colOff>38100</xdr:colOff>
      <xdr:row>150</xdr:row>
      <xdr:rowOff>31750</xdr:rowOff>
    </xdr:from>
    <xdr:to>
      <xdr:col>102</xdr:col>
      <xdr:colOff>38100</xdr:colOff>
      <xdr:row>161</xdr:row>
      <xdr:rowOff>44450</xdr:rowOff>
    </xdr:to>
    <xdr:sp macro="" textlink="">
      <xdr:nvSpPr>
        <xdr:cNvPr id="9" name="テキスト ボックス 8"/>
        <xdr:cNvSpPr txBox="1"/>
      </xdr:nvSpPr>
      <xdr:spPr>
        <a:xfrm>
          <a:off x="2882900" y="10293350"/>
          <a:ext cx="4622800" cy="781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1000"/>
            <a:t>５</a:t>
          </a:r>
          <a:r>
            <a:rPr kumimoji="1" lang="ja-JP" altLang="en-US" sz="1000" baseline="0"/>
            <a:t> 給与・公的年金等に係る所得以外（平成　年</a:t>
          </a:r>
          <a:r>
            <a:rPr kumimoji="1" lang="en-US" altLang="ja-JP" sz="1000" baseline="0"/>
            <a:t>4</a:t>
          </a:r>
          <a:r>
            <a:rPr kumimoji="1" lang="ja-JP" altLang="en-US" sz="1000" baseline="0"/>
            <a:t>月</a:t>
          </a:r>
          <a:r>
            <a:rPr kumimoji="1" lang="en-US" altLang="ja-JP" sz="1000" baseline="0"/>
            <a:t>1</a:t>
          </a:r>
          <a:r>
            <a:rPr kumimoji="1" lang="ja-JP" altLang="en-US" sz="1000" baseline="0"/>
            <a:t>日において</a:t>
          </a:r>
          <a:r>
            <a:rPr kumimoji="1" lang="en-US" altLang="ja-JP" sz="1000" baseline="0"/>
            <a:t>65</a:t>
          </a:r>
          <a:r>
            <a:rPr kumimoji="1" lang="ja-JP" altLang="en-US" sz="1000" baseline="0"/>
            <a:t>歳</a:t>
          </a:r>
          <a:endParaRPr kumimoji="1" lang="en-US" altLang="ja-JP" sz="1000" baseline="0"/>
        </a:p>
        <a:p>
          <a:r>
            <a:rPr kumimoji="1" lang="ja-JP" altLang="en-US" sz="1000" baseline="0"/>
            <a:t>　未満の方は給与所得以外）の市町村民税・道府県民税の納税方法</a:t>
          </a:r>
          <a:endParaRPr kumimoji="1" lang="ja-JP" altLang="en-US" sz="1000"/>
        </a:p>
      </xdr:txBody>
    </xdr:sp>
    <xdr:clientData/>
  </xdr:twoCellAnchor>
  <xdr:twoCellAnchor>
    <xdr:from>
      <xdr:col>53</xdr:col>
      <xdr:colOff>25400</xdr:colOff>
      <xdr:row>160</xdr:row>
      <xdr:rowOff>6350</xdr:rowOff>
    </xdr:from>
    <xdr:to>
      <xdr:col>98</xdr:col>
      <xdr:colOff>0</xdr:colOff>
      <xdr:row>164</xdr:row>
      <xdr:rowOff>12700</xdr:rowOff>
    </xdr:to>
    <xdr:sp macro="" textlink="">
      <xdr:nvSpPr>
        <xdr:cNvPr id="10" name="テキスト ボックス 9"/>
        <xdr:cNvSpPr txBox="1"/>
      </xdr:nvSpPr>
      <xdr:spPr>
        <a:xfrm>
          <a:off x="2870200" y="10966450"/>
          <a:ext cx="4216400" cy="285750"/>
        </a:xfrm>
        <a:prstGeom prst="rect">
          <a:avLst/>
        </a:prstGeom>
        <a:noFill/>
        <a:ln w="63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1100"/>
            <a:t>　</a:t>
          </a:r>
          <a:r>
            <a:rPr kumimoji="1" lang="ja-JP" altLang="en-US" sz="1050">
              <a:latin typeface="ＭＳ Ｐ明朝" pitchFamily="18" charset="-128"/>
              <a:ea typeface="ＭＳ Ｐ明朝" pitchFamily="18" charset="-128"/>
            </a:rPr>
            <a:t>□　給与から差引き（特別徴収）　　□　自分で納付（普通徴収）</a:t>
          </a:r>
        </a:p>
      </xdr:txBody>
    </xdr:sp>
    <xdr:clientData/>
  </xdr:twoCellAnchor>
  <xdr:twoCellAnchor>
    <xdr:from>
      <xdr:col>54</xdr:col>
      <xdr:colOff>19050</xdr:colOff>
      <xdr:row>165</xdr:row>
      <xdr:rowOff>12700</xdr:rowOff>
    </xdr:from>
    <xdr:to>
      <xdr:col>99</xdr:col>
      <xdr:colOff>63500</xdr:colOff>
      <xdr:row>165</xdr:row>
      <xdr:rowOff>406400</xdr:rowOff>
    </xdr:to>
    <xdr:sp macro="" textlink="">
      <xdr:nvSpPr>
        <xdr:cNvPr id="11" name="テキスト ボックス 10"/>
        <xdr:cNvSpPr txBox="1"/>
      </xdr:nvSpPr>
      <xdr:spPr>
        <a:xfrm>
          <a:off x="2914650" y="11322050"/>
          <a:ext cx="4330700" cy="393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r>
            <a:rPr kumimoji="1" lang="ja-JP" altLang="en-US" sz="800"/>
            <a:t>分離課税に係る所得等のある方は、「市町村民税・道府県民税申告書（分離課税等用）」をあわせて提出して下さい。</a:t>
          </a:r>
        </a:p>
      </xdr:txBody>
    </xdr:sp>
    <xdr:clientData/>
  </xdr:twoCellAnchor>
  <xdr:twoCellAnchor>
    <xdr:from>
      <xdr:col>54</xdr:col>
      <xdr:colOff>44450</xdr:colOff>
      <xdr:row>143</xdr:row>
      <xdr:rowOff>0</xdr:rowOff>
    </xdr:from>
    <xdr:to>
      <xdr:col>96</xdr:col>
      <xdr:colOff>0</xdr:colOff>
      <xdr:row>150</xdr:row>
      <xdr:rowOff>50800</xdr:rowOff>
    </xdr:to>
    <xdr:sp macro="" textlink="">
      <xdr:nvSpPr>
        <xdr:cNvPr id="12" name="テキスト ボックス 11"/>
        <xdr:cNvSpPr txBox="1"/>
      </xdr:nvSpPr>
      <xdr:spPr>
        <a:xfrm>
          <a:off x="2940050" y="9772650"/>
          <a:ext cx="3956050" cy="539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en-US" altLang="ja-JP" sz="800">
              <a:solidFill>
                <a:srgbClr val="FF0000"/>
              </a:solidFill>
              <a:latin typeface="ＭＳ Ｐ明朝" pitchFamily="18" charset="-128"/>
              <a:ea typeface="ＭＳ Ｐ明朝" pitchFamily="18" charset="-128"/>
            </a:rPr>
            <a:t>16</a:t>
          </a:r>
          <a:r>
            <a:rPr kumimoji="1" lang="ja-JP" altLang="en-US" sz="800">
              <a:solidFill>
                <a:srgbClr val="FF0000"/>
              </a:solidFill>
              <a:latin typeface="ＭＳ Ｐ明朝" pitchFamily="18" charset="-128"/>
              <a:ea typeface="ＭＳ Ｐ明朝" pitchFamily="18" charset="-128"/>
            </a:rPr>
            <a:t>歳未満（平成　年</a:t>
          </a:r>
          <a:r>
            <a:rPr kumimoji="1" lang="en-US" altLang="ja-JP" sz="800">
              <a:solidFill>
                <a:srgbClr val="FF0000"/>
              </a:solidFill>
              <a:latin typeface="ＭＳ Ｐ明朝" pitchFamily="18" charset="-128"/>
              <a:ea typeface="ＭＳ Ｐ明朝" pitchFamily="18" charset="-128"/>
            </a:rPr>
            <a:t>1</a:t>
          </a:r>
          <a:r>
            <a:rPr kumimoji="1" lang="ja-JP" altLang="en-US" sz="800">
              <a:solidFill>
                <a:srgbClr val="FF0000"/>
              </a:solidFill>
              <a:latin typeface="ＭＳ Ｐ明朝" pitchFamily="18" charset="-128"/>
              <a:ea typeface="ＭＳ Ｐ明朝" pitchFamily="18" charset="-128"/>
            </a:rPr>
            <a:t>月</a:t>
          </a:r>
          <a:r>
            <a:rPr kumimoji="1" lang="en-US" altLang="ja-JP" sz="800">
              <a:solidFill>
                <a:srgbClr val="FF0000"/>
              </a:solidFill>
              <a:latin typeface="ＭＳ Ｐ明朝" pitchFamily="18" charset="-128"/>
              <a:ea typeface="ＭＳ Ｐ明朝" pitchFamily="18" charset="-128"/>
            </a:rPr>
            <a:t>2</a:t>
          </a:r>
          <a:r>
            <a:rPr kumimoji="1" lang="ja-JP" altLang="en-US" sz="800">
              <a:solidFill>
                <a:srgbClr val="FF0000"/>
              </a:solidFill>
              <a:latin typeface="ＭＳ Ｐ明朝" pitchFamily="18" charset="-128"/>
              <a:ea typeface="ＭＳ Ｐ明朝" pitchFamily="18" charset="-128"/>
            </a:rPr>
            <a:t>日以降に生まれた者）の扶養親族がいる場合には、裏面「</a:t>
          </a:r>
          <a:r>
            <a:rPr kumimoji="1" lang="en-US" altLang="ja-JP" sz="800">
              <a:solidFill>
                <a:srgbClr val="FF0000"/>
              </a:solidFill>
              <a:latin typeface="ＭＳ Ｐ明朝" pitchFamily="18" charset="-128"/>
              <a:ea typeface="ＭＳ Ｐ明朝" pitchFamily="18" charset="-128"/>
            </a:rPr>
            <a:t>16</a:t>
          </a:r>
          <a:r>
            <a:rPr kumimoji="1" lang="ja-JP" altLang="en-US" sz="800">
              <a:solidFill>
                <a:srgbClr val="FF0000"/>
              </a:solidFill>
              <a:latin typeface="ＭＳ Ｐ明朝" pitchFamily="18" charset="-128"/>
              <a:ea typeface="ＭＳ Ｐ明朝" pitchFamily="18" charset="-128"/>
            </a:rPr>
            <a:t>」に氏名及び住所を記入し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8</xdr:col>
      <xdr:colOff>0</xdr:colOff>
      <xdr:row>0</xdr:row>
      <xdr:rowOff>0</xdr:rowOff>
    </xdr:from>
    <xdr:to>
      <xdr:col>68</xdr:col>
      <xdr:colOff>0</xdr:colOff>
      <xdr:row>0</xdr:row>
      <xdr:rowOff>0</xdr:rowOff>
    </xdr:to>
    <xdr:sp macro="" textlink="">
      <xdr:nvSpPr>
        <xdr:cNvPr id="2" name="Line 1"/>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twoCellAnchor>
    <xdr:from>
      <xdr:col>68</xdr:col>
      <xdr:colOff>0</xdr:colOff>
      <xdr:row>0</xdr:row>
      <xdr:rowOff>0</xdr:rowOff>
    </xdr:from>
    <xdr:to>
      <xdr:col>68</xdr:col>
      <xdr:colOff>0</xdr:colOff>
      <xdr:row>0</xdr:row>
      <xdr:rowOff>0</xdr:rowOff>
    </xdr:to>
    <xdr:sp macro="" textlink="">
      <xdr:nvSpPr>
        <xdr:cNvPr id="3" name="Line 2"/>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twoCellAnchor>
    <xdr:from>
      <xdr:col>68</xdr:col>
      <xdr:colOff>0</xdr:colOff>
      <xdr:row>0</xdr:row>
      <xdr:rowOff>0</xdr:rowOff>
    </xdr:from>
    <xdr:to>
      <xdr:col>68</xdr:col>
      <xdr:colOff>0</xdr:colOff>
      <xdr:row>0</xdr:row>
      <xdr:rowOff>0</xdr:rowOff>
    </xdr:to>
    <xdr:sp macro="" textlink="">
      <xdr:nvSpPr>
        <xdr:cNvPr id="4" name="Line 3"/>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wsDr>
</file>

<file path=xl/drawings/drawing3.xml><?xml version="1.0" encoding="utf-8"?>
<xdr:wsDr xmlns:xdr="http://schemas.openxmlformats.org/drawingml/2006/spreadsheetDrawing" xmlns:a="http://schemas.openxmlformats.org/drawingml/2006/main">
  <xdr:twoCellAnchor>
    <xdr:from>
      <xdr:col>68</xdr:col>
      <xdr:colOff>0</xdr:colOff>
      <xdr:row>0</xdr:row>
      <xdr:rowOff>0</xdr:rowOff>
    </xdr:from>
    <xdr:to>
      <xdr:col>68</xdr:col>
      <xdr:colOff>0</xdr:colOff>
      <xdr:row>0</xdr:row>
      <xdr:rowOff>0</xdr:rowOff>
    </xdr:to>
    <xdr:sp macro="" textlink="">
      <xdr:nvSpPr>
        <xdr:cNvPr id="2" name="Line 1"/>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twoCellAnchor>
    <xdr:from>
      <xdr:col>68</xdr:col>
      <xdr:colOff>0</xdr:colOff>
      <xdr:row>0</xdr:row>
      <xdr:rowOff>0</xdr:rowOff>
    </xdr:from>
    <xdr:to>
      <xdr:col>68</xdr:col>
      <xdr:colOff>0</xdr:colOff>
      <xdr:row>0</xdr:row>
      <xdr:rowOff>0</xdr:rowOff>
    </xdr:to>
    <xdr:sp macro="" textlink="">
      <xdr:nvSpPr>
        <xdr:cNvPr id="3" name="Line 2"/>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twoCellAnchor>
    <xdr:from>
      <xdr:col>68</xdr:col>
      <xdr:colOff>0</xdr:colOff>
      <xdr:row>0</xdr:row>
      <xdr:rowOff>0</xdr:rowOff>
    </xdr:from>
    <xdr:to>
      <xdr:col>68</xdr:col>
      <xdr:colOff>0</xdr:colOff>
      <xdr:row>0</xdr:row>
      <xdr:rowOff>0</xdr:rowOff>
    </xdr:to>
    <xdr:sp macro="" textlink="">
      <xdr:nvSpPr>
        <xdr:cNvPr id="4" name="Line 3"/>
        <xdr:cNvSpPr>
          <a:spLocks noChangeShapeType="1"/>
        </xdr:cNvSpPr>
      </xdr:nvSpPr>
      <xdr:spPr bwMode="auto">
        <a:xfrm>
          <a:off x="7677150" y="0"/>
          <a:ext cx="0" cy="0"/>
        </a:xfrm>
        <a:prstGeom prst="line">
          <a:avLst/>
        </a:prstGeom>
        <a:noFill/>
        <a:ln w="9525">
          <a:solidFill>
            <a:srgbClr val="3366FF"/>
          </a:solidFill>
          <a:round/>
          <a:headEnd/>
          <a:tailEnd/>
        </a:ln>
      </xdr:spPr>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8283</xdr:colOff>
      <xdr:row>0</xdr:row>
      <xdr:rowOff>0</xdr:rowOff>
    </xdr:from>
    <xdr:to>
      <xdr:col>9</xdr:col>
      <xdr:colOff>13761</xdr:colOff>
      <xdr:row>13</xdr:row>
      <xdr:rowOff>38609</xdr:rowOff>
    </xdr:to>
    <xdr:sp macro="" textlink="">
      <xdr:nvSpPr>
        <xdr:cNvPr id="10" name="円/楕円 9"/>
        <xdr:cNvSpPr>
          <a:spLocks/>
        </xdr:cNvSpPr>
      </xdr:nvSpPr>
      <xdr:spPr bwMode="auto">
        <a:xfrm>
          <a:off x="8283" y="0"/>
          <a:ext cx="900000" cy="900000"/>
        </a:xfrm>
        <a:prstGeom prst="ellipse">
          <a:avLst/>
        </a:prstGeom>
        <a:solidFill>
          <a:schemeClr val="bg1"/>
        </a:solidFill>
        <a:ln w="9525">
          <a:solidFill>
            <a:schemeClr val="tx1"/>
          </a:solidFill>
          <a:prstDash val="dash"/>
          <a:round/>
          <a:headEnd/>
          <a:tailEnd/>
        </a:ln>
      </xdr:spPr>
      <xdr:txBody>
        <a:bodyPr vertOverflow="clip" horzOverflow="clip" rtlCol="0" anchor="t"/>
        <a:lstStyle/>
        <a:p>
          <a:pPr algn="ctr"/>
          <a:r>
            <a:rPr kumimoji="1" lang="ja-JP" altLang="en-US" sz="900">
              <a:latin typeface="ＭＳ 明朝" panose="02020609040205080304" pitchFamily="17" charset="-128"/>
              <a:ea typeface="ＭＳ 明朝" panose="02020609040205080304" pitchFamily="17" charset="-128"/>
            </a:rPr>
            <a:t>受付日</a:t>
          </a:r>
        </a:p>
      </xdr:txBody>
    </xdr:sp>
    <xdr:clientData/>
  </xdr:twoCellAnchor>
  <xdr:twoCellAnchor>
    <xdr:from>
      <xdr:col>64</xdr:col>
      <xdr:colOff>47625</xdr:colOff>
      <xdr:row>136</xdr:row>
      <xdr:rowOff>28575</xdr:rowOff>
    </xdr:from>
    <xdr:to>
      <xdr:col>66</xdr:col>
      <xdr:colOff>19050</xdr:colOff>
      <xdr:row>139</xdr:row>
      <xdr:rowOff>19050</xdr:rowOff>
    </xdr:to>
    <xdr:sp macro="" textlink="">
      <xdr:nvSpPr>
        <xdr:cNvPr id="4" name="テキスト ボックス 3"/>
        <xdr:cNvSpPr txBox="1"/>
      </xdr:nvSpPr>
      <xdr:spPr>
        <a:xfrm>
          <a:off x="6143625" y="9096375"/>
          <a:ext cx="161925" cy="190500"/>
        </a:xfrm>
        <a:prstGeom prst="rect">
          <a:avLst/>
        </a:prstGeom>
        <a:noFill/>
        <a:ln w="63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endParaRPr kumimoji="1" lang="ja-JP" altLang="en-US" sz="800">
            <a:latin typeface="ＭＳ Ｐ明朝" pitchFamily="18" charset="-128"/>
            <a:ea typeface="ＭＳ Ｐ明朝" pitchFamily="18" charset="-128"/>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1</xdr:col>
      <xdr:colOff>111400</xdr:colOff>
      <xdr:row>58</xdr:row>
      <xdr:rowOff>48452</xdr:rowOff>
    </xdr:from>
    <xdr:to>
      <xdr:col>47</xdr:col>
      <xdr:colOff>19049</xdr:colOff>
      <xdr:row>62</xdr:row>
      <xdr:rowOff>48451</xdr:rowOff>
    </xdr:to>
    <xdr:sp macro="" textlink="">
      <xdr:nvSpPr>
        <xdr:cNvPr id="4" name="大かっこ 3"/>
        <xdr:cNvSpPr/>
      </xdr:nvSpPr>
      <xdr:spPr>
        <a:xfrm>
          <a:off x="3654700" y="3915602"/>
          <a:ext cx="1736449" cy="266699"/>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a:solidFill>
            <a:schemeClr val="tx1"/>
          </a:solidFill>
          <a:round/>
          <a:headEnd/>
          <a:tailEnd/>
        </a:ln>
      </a:spPr>
      <a:bodyPr/>
      <a:lstStyle/>
    </a:spDef>
    <a:txDef>
      <a:spPr>
        <a:noFill/>
        <a:ln w="6350" cmpd="sng">
          <a:solidFill>
            <a:schemeClr val="tx1"/>
          </a:solidFill>
        </a:ln>
      </a:spPr>
      <a:bodyPr vertOverflow="clip" wrap="square" rtlCol="0" anchor="ctr"/>
      <a:lstStyle>
        <a:defPPr>
          <a:defRPr kumimoji="1" sz="800">
            <a:latin typeface="ＭＳ Ｐ明朝" pitchFamily="18" charset="-128"/>
            <a:ea typeface="ＭＳ Ｐ明朝" pitchFamily="18" charset="-128"/>
          </a:defRPr>
        </a:defPPr>
      </a:lstStyle>
      <a:style>
        <a:lnRef idx="0">
          <a:scrgbClr r="0" g="0" b="0"/>
        </a:lnRef>
        <a:fillRef idx="0">
          <a:scrgbClr r="0" g="0" b="0"/>
        </a:fillRef>
        <a:effectRef idx="0">
          <a:scrgbClr r="0" g="0" b="0"/>
        </a:effectRef>
        <a:fontRef idx="minor">
          <a:schemeClr val="dk1"/>
        </a:fontRef>
      </a:style>
    </a:tx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theme="1"/>
  </sheetPr>
  <dimension ref="W1:EO430"/>
  <sheetViews>
    <sheetView topLeftCell="A49" zoomScale="110" zoomScaleNormal="110" zoomScaleSheetLayoutView="100" workbookViewId="0">
      <selection activeCell="BC140" sqref="BC140:CE141"/>
    </sheetView>
  </sheetViews>
  <sheetFormatPr defaultRowHeight="13.5"/>
  <cols>
    <col min="1" max="24" width="0.75" style="1" customWidth="1"/>
    <col min="25" max="54" width="0.625" style="1" customWidth="1"/>
    <col min="55" max="132" width="1.25" style="1" customWidth="1"/>
    <col min="133" max="134" width="2.375" style="1" customWidth="1"/>
    <col min="135" max="175" width="1.625" style="1" customWidth="1"/>
    <col min="176" max="176" width="1.375" style="1" customWidth="1"/>
    <col min="177" max="177" width="1.625" style="1" customWidth="1"/>
    <col min="178" max="256" width="9" style="1"/>
    <col min="257" max="280" width="0.75" style="1" customWidth="1"/>
    <col min="281" max="310" width="0.625" style="1" customWidth="1"/>
    <col min="311" max="388" width="1.25" style="1" customWidth="1"/>
    <col min="389" max="390" width="2.375" style="1" customWidth="1"/>
    <col min="391" max="431" width="1.625" style="1" customWidth="1"/>
    <col min="432" max="432" width="1.375" style="1" customWidth="1"/>
    <col min="433" max="433" width="1.625" style="1" customWidth="1"/>
    <col min="434" max="512" width="9" style="1"/>
    <col min="513" max="536" width="0.75" style="1" customWidth="1"/>
    <col min="537" max="566" width="0.625" style="1" customWidth="1"/>
    <col min="567" max="644" width="1.25" style="1" customWidth="1"/>
    <col min="645" max="646" width="2.375" style="1" customWidth="1"/>
    <col min="647" max="687" width="1.625" style="1" customWidth="1"/>
    <col min="688" max="688" width="1.375" style="1" customWidth="1"/>
    <col min="689" max="689" width="1.625" style="1" customWidth="1"/>
    <col min="690" max="768" width="9" style="1"/>
    <col min="769" max="792" width="0.75" style="1" customWidth="1"/>
    <col min="793" max="822" width="0.625" style="1" customWidth="1"/>
    <col min="823" max="900" width="1.25" style="1" customWidth="1"/>
    <col min="901" max="902" width="2.375" style="1" customWidth="1"/>
    <col min="903" max="943" width="1.625" style="1" customWidth="1"/>
    <col min="944" max="944" width="1.375" style="1" customWidth="1"/>
    <col min="945" max="945" width="1.625" style="1" customWidth="1"/>
    <col min="946" max="1024" width="9" style="1"/>
    <col min="1025" max="1048" width="0.75" style="1" customWidth="1"/>
    <col min="1049" max="1078" width="0.625" style="1" customWidth="1"/>
    <col min="1079" max="1156" width="1.25" style="1" customWidth="1"/>
    <col min="1157" max="1158" width="2.375" style="1" customWidth="1"/>
    <col min="1159" max="1199" width="1.625" style="1" customWidth="1"/>
    <col min="1200" max="1200" width="1.375" style="1" customWidth="1"/>
    <col min="1201" max="1201" width="1.625" style="1" customWidth="1"/>
    <col min="1202" max="1280" width="9" style="1"/>
    <col min="1281" max="1304" width="0.75" style="1" customWidth="1"/>
    <col min="1305" max="1334" width="0.625" style="1" customWidth="1"/>
    <col min="1335" max="1412" width="1.25" style="1" customWidth="1"/>
    <col min="1413" max="1414" width="2.375" style="1" customWidth="1"/>
    <col min="1415" max="1455" width="1.625" style="1" customWidth="1"/>
    <col min="1456" max="1456" width="1.375" style="1" customWidth="1"/>
    <col min="1457" max="1457" width="1.625" style="1" customWidth="1"/>
    <col min="1458" max="1536" width="9" style="1"/>
    <col min="1537" max="1560" width="0.75" style="1" customWidth="1"/>
    <col min="1561" max="1590" width="0.625" style="1" customWidth="1"/>
    <col min="1591" max="1668" width="1.25" style="1" customWidth="1"/>
    <col min="1669" max="1670" width="2.375" style="1" customWidth="1"/>
    <col min="1671" max="1711" width="1.625" style="1" customWidth="1"/>
    <col min="1712" max="1712" width="1.375" style="1" customWidth="1"/>
    <col min="1713" max="1713" width="1.625" style="1" customWidth="1"/>
    <col min="1714" max="1792" width="9" style="1"/>
    <col min="1793" max="1816" width="0.75" style="1" customWidth="1"/>
    <col min="1817" max="1846" width="0.625" style="1" customWidth="1"/>
    <col min="1847" max="1924" width="1.25" style="1" customWidth="1"/>
    <col min="1925" max="1926" width="2.375" style="1" customWidth="1"/>
    <col min="1927" max="1967" width="1.625" style="1" customWidth="1"/>
    <col min="1968" max="1968" width="1.375" style="1" customWidth="1"/>
    <col min="1969" max="1969" width="1.625" style="1" customWidth="1"/>
    <col min="1970" max="2048" width="9" style="1"/>
    <col min="2049" max="2072" width="0.75" style="1" customWidth="1"/>
    <col min="2073" max="2102" width="0.625" style="1" customWidth="1"/>
    <col min="2103" max="2180" width="1.25" style="1" customWidth="1"/>
    <col min="2181" max="2182" width="2.375" style="1" customWidth="1"/>
    <col min="2183" max="2223" width="1.625" style="1" customWidth="1"/>
    <col min="2224" max="2224" width="1.375" style="1" customWidth="1"/>
    <col min="2225" max="2225" width="1.625" style="1" customWidth="1"/>
    <col min="2226" max="2304" width="9" style="1"/>
    <col min="2305" max="2328" width="0.75" style="1" customWidth="1"/>
    <col min="2329" max="2358" width="0.625" style="1" customWidth="1"/>
    <col min="2359" max="2436" width="1.25" style="1" customWidth="1"/>
    <col min="2437" max="2438" width="2.375" style="1" customWidth="1"/>
    <col min="2439" max="2479" width="1.625" style="1" customWidth="1"/>
    <col min="2480" max="2480" width="1.375" style="1" customWidth="1"/>
    <col min="2481" max="2481" width="1.625" style="1" customWidth="1"/>
    <col min="2482" max="2560" width="9" style="1"/>
    <col min="2561" max="2584" width="0.75" style="1" customWidth="1"/>
    <col min="2585" max="2614" width="0.625" style="1" customWidth="1"/>
    <col min="2615" max="2692" width="1.25" style="1" customWidth="1"/>
    <col min="2693" max="2694" width="2.375" style="1" customWidth="1"/>
    <col min="2695" max="2735" width="1.625" style="1" customWidth="1"/>
    <col min="2736" max="2736" width="1.375" style="1" customWidth="1"/>
    <col min="2737" max="2737" width="1.625" style="1" customWidth="1"/>
    <col min="2738" max="2816" width="9" style="1"/>
    <col min="2817" max="2840" width="0.75" style="1" customWidth="1"/>
    <col min="2841" max="2870" width="0.625" style="1" customWidth="1"/>
    <col min="2871" max="2948" width="1.25" style="1" customWidth="1"/>
    <col min="2949" max="2950" width="2.375" style="1" customWidth="1"/>
    <col min="2951" max="2991" width="1.625" style="1" customWidth="1"/>
    <col min="2992" max="2992" width="1.375" style="1" customWidth="1"/>
    <col min="2993" max="2993" width="1.625" style="1" customWidth="1"/>
    <col min="2994" max="3072" width="9" style="1"/>
    <col min="3073" max="3096" width="0.75" style="1" customWidth="1"/>
    <col min="3097" max="3126" width="0.625" style="1" customWidth="1"/>
    <col min="3127" max="3204" width="1.25" style="1" customWidth="1"/>
    <col min="3205" max="3206" width="2.375" style="1" customWidth="1"/>
    <col min="3207" max="3247" width="1.625" style="1" customWidth="1"/>
    <col min="3248" max="3248" width="1.375" style="1" customWidth="1"/>
    <col min="3249" max="3249" width="1.625" style="1" customWidth="1"/>
    <col min="3250" max="3328" width="9" style="1"/>
    <col min="3329" max="3352" width="0.75" style="1" customWidth="1"/>
    <col min="3353" max="3382" width="0.625" style="1" customWidth="1"/>
    <col min="3383" max="3460" width="1.25" style="1" customWidth="1"/>
    <col min="3461" max="3462" width="2.375" style="1" customWidth="1"/>
    <col min="3463" max="3503" width="1.625" style="1" customWidth="1"/>
    <col min="3504" max="3504" width="1.375" style="1" customWidth="1"/>
    <col min="3505" max="3505" width="1.625" style="1" customWidth="1"/>
    <col min="3506" max="3584" width="9" style="1"/>
    <col min="3585" max="3608" width="0.75" style="1" customWidth="1"/>
    <col min="3609" max="3638" width="0.625" style="1" customWidth="1"/>
    <col min="3639" max="3716" width="1.25" style="1" customWidth="1"/>
    <col min="3717" max="3718" width="2.375" style="1" customWidth="1"/>
    <col min="3719" max="3759" width="1.625" style="1" customWidth="1"/>
    <col min="3760" max="3760" width="1.375" style="1" customWidth="1"/>
    <col min="3761" max="3761" width="1.625" style="1" customWidth="1"/>
    <col min="3762" max="3840" width="9" style="1"/>
    <col min="3841" max="3864" width="0.75" style="1" customWidth="1"/>
    <col min="3865" max="3894" width="0.625" style="1" customWidth="1"/>
    <col min="3895" max="3972" width="1.25" style="1" customWidth="1"/>
    <col min="3973" max="3974" width="2.375" style="1" customWidth="1"/>
    <col min="3975" max="4015" width="1.625" style="1" customWidth="1"/>
    <col min="4016" max="4016" width="1.375" style="1" customWidth="1"/>
    <col min="4017" max="4017" width="1.625" style="1" customWidth="1"/>
    <col min="4018" max="4096" width="9" style="1"/>
    <col min="4097" max="4120" width="0.75" style="1" customWidth="1"/>
    <col min="4121" max="4150" width="0.625" style="1" customWidth="1"/>
    <col min="4151" max="4228" width="1.25" style="1" customWidth="1"/>
    <col min="4229" max="4230" width="2.375" style="1" customWidth="1"/>
    <col min="4231" max="4271" width="1.625" style="1" customWidth="1"/>
    <col min="4272" max="4272" width="1.375" style="1" customWidth="1"/>
    <col min="4273" max="4273" width="1.625" style="1" customWidth="1"/>
    <col min="4274" max="4352" width="9" style="1"/>
    <col min="4353" max="4376" width="0.75" style="1" customWidth="1"/>
    <col min="4377" max="4406" width="0.625" style="1" customWidth="1"/>
    <col min="4407" max="4484" width="1.25" style="1" customWidth="1"/>
    <col min="4485" max="4486" width="2.375" style="1" customWidth="1"/>
    <col min="4487" max="4527" width="1.625" style="1" customWidth="1"/>
    <col min="4528" max="4528" width="1.375" style="1" customWidth="1"/>
    <col min="4529" max="4529" width="1.625" style="1" customWidth="1"/>
    <col min="4530" max="4608" width="9" style="1"/>
    <col min="4609" max="4632" width="0.75" style="1" customWidth="1"/>
    <col min="4633" max="4662" width="0.625" style="1" customWidth="1"/>
    <col min="4663" max="4740" width="1.25" style="1" customWidth="1"/>
    <col min="4741" max="4742" width="2.375" style="1" customWidth="1"/>
    <col min="4743" max="4783" width="1.625" style="1" customWidth="1"/>
    <col min="4784" max="4784" width="1.375" style="1" customWidth="1"/>
    <col min="4785" max="4785" width="1.625" style="1" customWidth="1"/>
    <col min="4786" max="4864" width="9" style="1"/>
    <col min="4865" max="4888" width="0.75" style="1" customWidth="1"/>
    <col min="4889" max="4918" width="0.625" style="1" customWidth="1"/>
    <col min="4919" max="4996" width="1.25" style="1" customWidth="1"/>
    <col min="4997" max="4998" width="2.375" style="1" customWidth="1"/>
    <col min="4999" max="5039" width="1.625" style="1" customWidth="1"/>
    <col min="5040" max="5040" width="1.375" style="1" customWidth="1"/>
    <col min="5041" max="5041" width="1.625" style="1" customWidth="1"/>
    <col min="5042" max="5120" width="9" style="1"/>
    <col min="5121" max="5144" width="0.75" style="1" customWidth="1"/>
    <col min="5145" max="5174" width="0.625" style="1" customWidth="1"/>
    <col min="5175" max="5252" width="1.25" style="1" customWidth="1"/>
    <col min="5253" max="5254" width="2.375" style="1" customWidth="1"/>
    <col min="5255" max="5295" width="1.625" style="1" customWidth="1"/>
    <col min="5296" max="5296" width="1.375" style="1" customWidth="1"/>
    <col min="5297" max="5297" width="1.625" style="1" customWidth="1"/>
    <col min="5298" max="5376" width="9" style="1"/>
    <col min="5377" max="5400" width="0.75" style="1" customWidth="1"/>
    <col min="5401" max="5430" width="0.625" style="1" customWidth="1"/>
    <col min="5431" max="5508" width="1.25" style="1" customWidth="1"/>
    <col min="5509" max="5510" width="2.375" style="1" customWidth="1"/>
    <col min="5511" max="5551" width="1.625" style="1" customWidth="1"/>
    <col min="5552" max="5552" width="1.375" style="1" customWidth="1"/>
    <col min="5553" max="5553" width="1.625" style="1" customWidth="1"/>
    <col min="5554" max="5632" width="9" style="1"/>
    <col min="5633" max="5656" width="0.75" style="1" customWidth="1"/>
    <col min="5657" max="5686" width="0.625" style="1" customWidth="1"/>
    <col min="5687" max="5764" width="1.25" style="1" customWidth="1"/>
    <col min="5765" max="5766" width="2.375" style="1" customWidth="1"/>
    <col min="5767" max="5807" width="1.625" style="1" customWidth="1"/>
    <col min="5808" max="5808" width="1.375" style="1" customWidth="1"/>
    <col min="5809" max="5809" width="1.625" style="1" customWidth="1"/>
    <col min="5810" max="5888" width="9" style="1"/>
    <col min="5889" max="5912" width="0.75" style="1" customWidth="1"/>
    <col min="5913" max="5942" width="0.625" style="1" customWidth="1"/>
    <col min="5943" max="6020" width="1.25" style="1" customWidth="1"/>
    <col min="6021" max="6022" width="2.375" style="1" customWidth="1"/>
    <col min="6023" max="6063" width="1.625" style="1" customWidth="1"/>
    <col min="6064" max="6064" width="1.375" style="1" customWidth="1"/>
    <col min="6065" max="6065" width="1.625" style="1" customWidth="1"/>
    <col min="6066" max="6144" width="9" style="1"/>
    <col min="6145" max="6168" width="0.75" style="1" customWidth="1"/>
    <col min="6169" max="6198" width="0.625" style="1" customWidth="1"/>
    <col min="6199" max="6276" width="1.25" style="1" customWidth="1"/>
    <col min="6277" max="6278" width="2.375" style="1" customWidth="1"/>
    <col min="6279" max="6319" width="1.625" style="1" customWidth="1"/>
    <col min="6320" max="6320" width="1.375" style="1" customWidth="1"/>
    <col min="6321" max="6321" width="1.625" style="1" customWidth="1"/>
    <col min="6322" max="6400" width="9" style="1"/>
    <col min="6401" max="6424" width="0.75" style="1" customWidth="1"/>
    <col min="6425" max="6454" width="0.625" style="1" customWidth="1"/>
    <col min="6455" max="6532" width="1.25" style="1" customWidth="1"/>
    <col min="6533" max="6534" width="2.375" style="1" customWidth="1"/>
    <col min="6535" max="6575" width="1.625" style="1" customWidth="1"/>
    <col min="6576" max="6576" width="1.375" style="1" customWidth="1"/>
    <col min="6577" max="6577" width="1.625" style="1" customWidth="1"/>
    <col min="6578" max="6656" width="9" style="1"/>
    <col min="6657" max="6680" width="0.75" style="1" customWidth="1"/>
    <col min="6681" max="6710" width="0.625" style="1" customWidth="1"/>
    <col min="6711" max="6788" width="1.25" style="1" customWidth="1"/>
    <col min="6789" max="6790" width="2.375" style="1" customWidth="1"/>
    <col min="6791" max="6831" width="1.625" style="1" customWidth="1"/>
    <col min="6832" max="6832" width="1.375" style="1" customWidth="1"/>
    <col min="6833" max="6833" width="1.625" style="1" customWidth="1"/>
    <col min="6834" max="6912" width="9" style="1"/>
    <col min="6913" max="6936" width="0.75" style="1" customWidth="1"/>
    <col min="6937" max="6966" width="0.625" style="1" customWidth="1"/>
    <col min="6967" max="7044" width="1.25" style="1" customWidth="1"/>
    <col min="7045" max="7046" width="2.375" style="1" customWidth="1"/>
    <col min="7047" max="7087" width="1.625" style="1" customWidth="1"/>
    <col min="7088" max="7088" width="1.375" style="1" customWidth="1"/>
    <col min="7089" max="7089" width="1.625" style="1" customWidth="1"/>
    <col min="7090" max="7168" width="9" style="1"/>
    <col min="7169" max="7192" width="0.75" style="1" customWidth="1"/>
    <col min="7193" max="7222" width="0.625" style="1" customWidth="1"/>
    <col min="7223" max="7300" width="1.25" style="1" customWidth="1"/>
    <col min="7301" max="7302" width="2.375" style="1" customWidth="1"/>
    <col min="7303" max="7343" width="1.625" style="1" customWidth="1"/>
    <col min="7344" max="7344" width="1.375" style="1" customWidth="1"/>
    <col min="7345" max="7345" width="1.625" style="1" customWidth="1"/>
    <col min="7346" max="7424" width="9" style="1"/>
    <col min="7425" max="7448" width="0.75" style="1" customWidth="1"/>
    <col min="7449" max="7478" width="0.625" style="1" customWidth="1"/>
    <col min="7479" max="7556" width="1.25" style="1" customWidth="1"/>
    <col min="7557" max="7558" width="2.375" style="1" customWidth="1"/>
    <col min="7559" max="7599" width="1.625" style="1" customWidth="1"/>
    <col min="7600" max="7600" width="1.375" style="1" customWidth="1"/>
    <col min="7601" max="7601" width="1.625" style="1" customWidth="1"/>
    <col min="7602" max="7680" width="9" style="1"/>
    <col min="7681" max="7704" width="0.75" style="1" customWidth="1"/>
    <col min="7705" max="7734" width="0.625" style="1" customWidth="1"/>
    <col min="7735" max="7812" width="1.25" style="1" customWidth="1"/>
    <col min="7813" max="7814" width="2.375" style="1" customWidth="1"/>
    <col min="7815" max="7855" width="1.625" style="1" customWidth="1"/>
    <col min="7856" max="7856" width="1.375" style="1" customWidth="1"/>
    <col min="7857" max="7857" width="1.625" style="1" customWidth="1"/>
    <col min="7858" max="7936" width="9" style="1"/>
    <col min="7937" max="7960" width="0.75" style="1" customWidth="1"/>
    <col min="7961" max="7990" width="0.625" style="1" customWidth="1"/>
    <col min="7991" max="8068" width="1.25" style="1" customWidth="1"/>
    <col min="8069" max="8070" width="2.375" style="1" customWidth="1"/>
    <col min="8071" max="8111" width="1.625" style="1" customWidth="1"/>
    <col min="8112" max="8112" width="1.375" style="1" customWidth="1"/>
    <col min="8113" max="8113" width="1.625" style="1" customWidth="1"/>
    <col min="8114" max="8192" width="9" style="1"/>
    <col min="8193" max="8216" width="0.75" style="1" customWidth="1"/>
    <col min="8217" max="8246" width="0.625" style="1" customWidth="1"/>
    <col min="8247" max="8324" width="1.25" style="1" customWidth="1"/>
    <col min="8325" max="8326" width="2.375" style="1" customWidth="1"/>
    <col min="8327" max="8367" width="1.625" style="1" customWidth="1"/>
    <col min="8368" max="8368" width="1.375" style="1" customWidth="1"/>
    <col min="8369" max="8369" width="1.625" style="1" customWidth="1"/>
    <col min="8370" max="8448" width="9" style="1"/>
    <col min="8449" max="8472" width="0.75" style="1" customWidth="1"/>
    <col min="8473" max="8502" width="0.625" style="1" customWidth="1"/>
    <col min="8503" max="8580" width="1.25" style="1" customWidth="1"/>
    <col min="8581" max="8582" width="2.375" style="1" customWidth="1"/>
    <col min="8583" max="8623" width="1.625" style="1" customWidth="1"/>
    <col min="8624" max="8624" width="1.375" style="1" customWidth="1"/>
    <col min="8625" max="8625" width="1.625" style="1" customWidth="1"/>
    <col min="8626" max="8704" width="9" style="1"/>
    <col min="8705" max="8728" width="0.75" style="1" customWidth="1"/>
    <col min="8729" max="8758" width="0.625" style="1" customWidth="1"/>
    <col min="8759" max="8836" width="1.25" style="1" customWidth="1"/>
    <col min="8837" max="8838" width="2.375" style="1" customWidth="1"/>
    <col min="8839" max="8879" width="1.625" style="1" customWidth="1"/>
    <col min="8880" max="8880" width="1.375" style="1" customWidth="1"/>
    <col min="8881" max="8881" width="1.625" style="1" customWidth="1"/>
    <col min="8882" max="8960" width="9" style="1"/>
    <col min="8961" max="8984" width="0.75" style="1" customWidth="1"/>
    <col min="8985" max="9014" width="0.625" style="1" customWidth="1"/>
    <col min="9015" max="9092" width="1.25" style="1" customWidth="1"/>
    <col min="9093" max="9094" width="2.375" style="1" customWidth="1"/>
    <col min="9095" max="9135" width="1.625" style="1" customWidth="1"/>
    <col min="9136" max="9136" width="1.375" style="1" customWidth="1"/>
    <col min="9137" max="9137" width="1.625" style="1" customWidth="1"/>
    <col min="9138" max="9216" width="9" style="1"/>
    <col min="9217" max="9240" width="0.75" style="1" customWidth="1"/>
    <col min="9241" max="9270" width="0.625" style="1" customWidth="1"/>
    <col min="9271" max="9348" width="1.25" style="1" customWidth="1"/>
    <col min="9349" max="9350" width="2.375" style="1" customWidth="1"/>
    <col min="9351" max="9391" width="1.625" style="1" customWidth="1"/>
    <col min="9392" max="9392" width="1.375" style="1" customWidth="1"/>
    <col min="9393" max="9393" width="1.625" style="1" customWidth="1"/>
    <col min="9394" max="9472" width="9" style="1"/>
    <col min="9473" max="9496" width="0.75" style="1" customWidth="1"/>
    <col min="9497" max="9526" width="0.625" style="1" customWidth="1"/>
    <col min="9527" max="9604" width="1.25" style="1" customWidth="1"/>
    <col min="9605" max="9606" width="2.375" style="1" customWidth="1"/>
    <col min="9607" max="9647" width="1.625" style="1" customWidth="1"/>
    <col min="9648" max="9648" width="1.375" style="1" customWidth="1"/>
    <col min="9649" max="9649" width="1.625" style="1" customWidth="1"/>
    <col min="9650" max="9728" width="9" style="1"/>
    <col min="9729" max="9752" width="0.75" style="1" customWidth="1"/>
    <col min="9753" max="9782" width="0.625" style="1" customWidth="1"/>
    <col min="9783" max="9860" width="1.25" style="1" customWidth="1"/>
    <col min="9861" max="9862" width="2.375" style="1" customWidth="1"/>
    <col min="9863" max="9903" width="1.625" style="1" customWidth="1"/>
    <col min="9904" max="9904" width="1.375" style="1" customWidth="1"/>
    <col min="9905" max="9905" width="1.625" style="1" customWidth="1"/>
    <col min="9906" max="9984" width="9" style="1"/>
    <col min="9985" max="10008" width="0.75" style="1" customWidth="1"/>
    <col min="10009" max="10038" width="0.625" style="1" customWidth="1"/>
    <col min="10039" max="10116" width="1.25" style="1" customWidth="1"/>
    <col min="10117" max="10118" width="2.375" style="1" customWidth="1"/>
    <col min="10119" max="10159" width="1.625" style="1" customWidth="1"/>
    <col min="10160" max="10160" width="1.375" style="1" customWidth="1"/>
    <col min="10161" max="10161" width="1.625" style="1" customWidth="1"/>
    <col min="10162" max="10240" width="9" style="1"/>
    <col min="10241" max="10264" width="0.75" style="1" customWidth="1"/>
    <col min="10265" max="10294" width="0.625" style="1" customWidth="1"/>
    <col min="10295" max="10372" width="1.25" style="1" customWidth="1"/>
    <col min="10373" max="10374" width="2.375" style="1" customWidth="1"/>
    <col min="10375" max="10415" width="1.625" style="1" customWidth="1"/>
    <col min="10416" max="10416" width="1.375" style="1" customWidth="1"/>
    <col min="10417" max="10417" width="1.625" style="1" customWidth="1"/>
    <col min="10418" max="10496" width="9" style="1"/>
    <col min="10497" max="10520" width="0.75" style="1" customWidth="1"/>
    <col min="10521" max="10550" width="0.625" style="1" customWidth="1"/>
    <col min="10551" max="10628" width="1.25" style="1" customWidth="1"/>
    <col min="10629" max="10630" width="2.375" style="1" customWidth="1"/>
    <col min="10631" max="10671" width="1.625" style="1" customWidth="1"/>
    <col min="10672" max="10672" width="1.375" style="1" customWidth="1"/>
    <col min="10673" max="10673" width="1.625" style="1" customWidth="1"/>
    <col min="10674" max="10752" width="9" style="1"/>
    <col min="10753" max="10776" width="0.75" style="1" customWidth="1"/>
    <col min="10777" max="10806" width="0.625" style="1" customWidth="1"/>
    <col min="10807" max="10884" width="1.25" style="1" customWidth="1"/>
    <col min="10885" max="10886" width="2.375" style="1" customWidth="1"/>
    <col min="10887" max="10927" width="1.625" style="1" customWidth="1"/>
    <col min="10928" max="10928" width="1.375" style="1" customWidth="1"/>
    <col min="10929" max="10929" width="1.625" style="1" customWidth="1"/>
    <col min="10930" max="11008" width="9" style="1"/>
    <col min="11009" max="11032" width="0.75" style="1" customWidth="1"/>
    <col min="11033" max="11062" width="0.625" style="1" customWidth="1"/>
    <col min="11063" max="11140" width="1.25" style="1" customWidth="1"/>
    <col min="11141" max="11142" width="2.375" style="1" customWidth="1"/>
    <col min="11143" max="11183" width="1.625" style="1" customWidth="1"/>
    <col min="11184" max="11184" width="1.375" style="1" customWidth="1"/>
    <col min="11185" max="11185" width="1.625" style="1" customWidth="1"/>
    <col min="11186" max="11264" width="9" style="1"/>
    <col min="11265" max="11288" width="0.75" style="1" customWidth="1"/>
    <col min="11289" max="11318" width="0.625" style="1" customWidth="1"/>
    <col min="11319" max="11396" width="1.25" style="1" customWidth="1"/>
    <col min="11397" max="11398" width="2.375" style="1" customWidth="1"/>
    <col min="11399" max="11439" width="1.625" style="1" customWidth="1"/>
    <col min="11440" max="11440" width="1.375" style="1" customWidth="1"/>
    <col min="11441" max="11441" width="1.625" style="1" customWidth="1"/>
    <col min="11442" max="11520" width="9" style="1"/>
    <col min="11521" max="11544" width="0.75" style="1" customWidth="1"/>
    <col min="11545" max="11574" width="0.625" style="1" customWidth="1"/>
    <col min="11575" max="11652" width="1.25" style="1" customWidth="1"/>
    <col min="11653" max="11654" width="2.375" style="1" customWidth="1"/>
    <col min="11655" max="11695" width="1.625" style="1" customWidth="1"/>
    <col min="11696" max="11696" width="1.375" style="1" customWidth="1"/>
    <col min="11697" max="11697" width="1.625" style="1" customWidth="1"/>
    <col min="11698" max="11776" width="9" style="1"/>
    <col min="11777" max="11800" width="0.75" style="1" customWidth="1"/>
    <col min="11801" max="11830" width="0.625" style="1" customWidth="1"/>
    <col min="11831" max="11908" width="1.25" style="1" customWidth="1"/>
    <col min="11909" max="11910" width="2.375" style="1" customWidth="1"/>
    <col min="11911" max="11951" width="1.625" style="1" customWidth="1"/>
    <col min="11952" max="11952" width="1.375" style="1" customWidth="1"/>
    <col min="11953" max="11953" width="1.625" style="1" customWidth="1"/>
    <col min="11954" max="12032" width="9" style="1"/>
    <col min="12033" max="12056" width="0.75" style="1" customWidth="1"/>
    <col min="12057" max="12086" width="0.625" style="1" customWidth="1"/>
    <col min="12087" max="12164" width="1.25" style="1" customWidth="1"/>
    <col min="12165" max="12166" width="2.375" style="1" customWidth="1"/>
    <col min="12167" max="12207" width="1.625" style="1" customWidth="1"/>
    <col min="12208" max="12208" width="1.375" style="1" customWidth="1"/>
    <col min="12209" max="12209" width="1.625" style="1" customWidth="1"/>
    <col min="12210" max="12288" width="9" style="1"/>
    <col min="12289" max="12312" width="0.75" style="1" customWidth="1"/>
    <col min="12313" max="12342" width="0.625" style="1" customWidth="1"/>
    <col min="12343" max="12420" width="1.25" style="1" customWidth="1"/>
    <col min="12421" max="12422" width="2.375" style="1" customWidth="1"/>
    <col min="12423" max="12463" width="1.625" style="1" customWidth="1"/>
    <col min="12464" max="12464" width="1.375" style="1" customWidth="1"/>
    <col min="12465" max="12465" width="1.625" style="1" customWidth="1"/>
    <col min="12466" max="12544" width="9" style="1"/>
    <col min="12545" max="12568" width="0.75" style="1" customWidth="1"/>
    <col min="12569" max="12598" width="0.625" style="1" customWidth="1"/>
    <col min="12599" max="12676" width="1.25" style="1" customWidth="1"/>
    <col min="12677" max="12678" width="2.375" style="1" customWidth="1"/>
    <col min="12679" max="12719" width="1.625" style="1" customWidth="1"/>
    <col min="12720" max="12720" width="1.375" style="1" customWidth="1"/>
    <col min="12721" max="12721" width="1.625" style="1" customWidth="1"/>
    <col min="12722" max="12800" width="9" style="1"/>
    <col min="12801" max="12824" width="0.75" style="1" customWidth="1"/>
    <col min="12825" max="12854" width="0.625" style="1" customWidth="1"/>
    <col min="12855" max="12932" width="1.25" style="1" customWidth="1"/>
    <col min="12933" max="12934" width="2.375" style="1" customWidth="1"/>
    <col min="12935" max="12975" width="1.625" style="1" customWidth="1"/>
    <col min="12976" max="12976" width="1.375" style="1" customWidth="1"/>
    <col min="12977" max="12977" width="1.625" style="1" customWidth="1"/>
    <col min="12978" max="13056" width="9" style="1"/>
    <col min="13057" max="13080" width="0.75" style="1" customWidth="1"/>
    <col min="13081" max="13110" width="0.625" style="1" customWidth="1"/>
    <col min="13111" max="13188" width="1.25" style="1" customWidth="1"/>
    <col min="13189" max="13190" width="2.375" style="1" customWidth="1"/>
    <col min="13191" max="13231" width="1.625" style="1" customWidth="1"/>
    <col min="13232" max="13232" width="1.375" style="1" customWidth="1"/>
    <col min="13233" max="13233" width="1.625" style="1" customWidth="1"/>
    <col min="13234" max="13312" width="9" style="1"/>
    <col min="13313" max="13336" width="0.75" style="1" customWidth="1"/>
    <col min="13337" max="13366" width="0.625" style="1" customWidth="1"/>
    <col min="13367" max="13444" width="1.25" style="1" customWidth="1"/>
    <col min="13445" max="13446" width="2.375" style="1" customWidth="1"/>
    <col min="13447" max="13487" width="1.625" style="1" customWidth="1"/>
    <col min="13488" max="13488" width="1.375" style="1" customWidth="1"/>
    <col min="13489" max="13489" width="1.625" style="1" customWidth="1"/>
    <col min="13490" max="13568" width="9" style="1"/>
    <col min="13569" max="13592" width="0.75" style="1" customWidth="1"/>
    <col min="13593" max="13622" width="0.625" style="1" customWidth="1"/>
    <col min="13623" max="13700" width="1.25" style="1" customWidth="1"/>
    <col min="13701" max="13702" width="2.375" style="1" customWidth="1"/>
    <col min="13703" max="13743" width="1.625" style="1" customWidth="1"/>
    <col min="13744" max="13744" width="1.375" style="1" customWidth="1"/>
    <col min="13745" max="13745" width="1.625" style="1" customWidth="1"/>
    <col min="13746" max="13824" width="9" style="1"/>
    <col min="13825" max="13848" width="0.75" style="1" customWidth="1"/>
    <col min="13849" max="13878" width="0.625" style="1" customWidth="1"/>
    <col min="13879" max="13956" width="1.25" style="1" customWidth="1"/>
    <col min="13957" max="13958" width="2.375" style="1" customWidth="1"/>
    <col min="13959" max="13999" width="1.625" style="1" customWidth="1"/>
    <col min="14000" max="14000" width="1.375" style="1" customWidth="1"/>
    <col min="14001" max="14001" width="1.625" style="1" customWidth="1"/>
    <col min="14002" max="14080" width="9" style="1"/>
    <col min="14081" max="14104" width="0.75" style="1" customWidth="1"/>
    <col min="14105" max="14134" width="0.625" style="1" customWidth="1"/>
    <col min="14135" max="14212" width="1.25" style="1" customWidth="1"/>
    <col min="14213" max="14214" width="2.375" style="1" customWidth="1"/>
    <col min="14215" max="14255" width="1.625" style="1" customWidth="1"/>
    <col min="14256" max="14256" width="1.375" style="1" customWidth="1"/>
    <col min="14257" max="14257" width="1.625" style="1" customWidth="1"/>
    <col min="14258" max="14336" width="9" style="1"/>
    <col min="14337" max="14360" width="0.75" style="1" customWidth="1"/>
    <col min="14361" max="14390" width="0.625" style="1" customWidth="1"/>
    <col min="14391" max="14468" width="1.25" style="1" customWidth="1"/>
    <col min="14469" max="14470" width="2.375" style="1" customWidth="1"/>
    <col min="14471" max="14511" width="1.625" style="1" customWidth="1"/>
    <col min="14512" max="14512" width="1.375" style="1" customWidth="1"/>
    <col min="14513" max="14513" width="1.625" style="1" customWidth="1"/>
    <col min="14514" max="14592" width="9" style="1"/>
    <col min="14593" max="14616" width="0.75" style="1" customWidth="1"/>
    <col min="14617" max="14646" width="0.625" style="1" customWidth="1"/>
    <col min="14647" max="14724" width="1.25" style="1" customWidth="1"/>
    <col min="14725" max="14726" width="2.375" style="1" customWidth="1"/>
    <col min="14727" max="14767" width="1.625" style="1" customWidth="1"/>
    <col min="14768" max="14768" width="1.375" style="1" customWidth="1"/>
    <col min="14769" max="14769" width="1.625" style="1" customWidth="1"/>
    <col min="14770" max="14848" width="9" style="1"/>
    <col min="14849" max="14872" width="0.75" style="1" customWidth="1"/>
    <col min="14873" max="14902" width="0.625" style="1" customWidth="1"/>
    <col min="14903" max="14980" width="1.25" style="1" customWidth="1"/>
    <col min="14981" max="14982" width="2.375" style="1" customWidth="1"/>
    <col min="14983" max="15023" width="1.625" style="1" customWidth="1"/>
    <col min="15024" max="15024" width="1.375" style="1" customWidth="1"/>
    <col min="15025" max="15025" width="1.625" style="1" customWidth="1"/>
    <col min="15026" max="15104" width="9" style="1"/>
    <col min="15105" max="15128" width="0.75" style="1" customWidth="1"/>
    <col min="15129" max="15158" width="0.625" style="1" customWidth="1"/>
    <col min="15159" max="15236" width="1.25" style="1" customWidth="1"/>
    <col min="15237" max="15238" width="2.375" style="1" customWidth="1"/>
    <col min="15239" max="15279" width="1.625" style="1" customWidth="1"/>
    <col min="15280" max="15280" width="1.375" style="1" customWidth="1"/>
    <col min="15281" max="15281" width="1.625" style="1" customWidth="1"/>
    <col min="15282" max="15360" width="9" style="1"/>
    <col min="15361" max="15384" width="0.75" style="1" customWidth="1"/>
    <col min="15385" max="15414" width="0.625" style="1" customWidth="1"/>
    <col min="15415" max="15492" width="1.25" style="1" customWidth="1"/>
    <col min="15493" max="15494" width="2.375" style="1" customWidth="1"/>
    <col min="15495" max="15535" width="1.625" style="1" customWidth="1"/>
    <col min="15536" max="15536" width="1.375" style="1" customWidth="1"/>
    <col min="15537" max="15537" width="1.625" style="1" customWidth="1"/>
    <col min="15538" max="15616" width="9" style="1"/>
    <col min="15617" max="15640" width="0.75" style="1" customWidth="1"/>
    <col min="15641" max="15670" width="0.625" style="1" customWidth="1"/>
    <col min="15671" max="15748" width="1.25" style="1" customWidth="1"/>
    <col min="15749" max="15750" width="2.375" style="1" customWidth="1"/>
    <col min="15751" max="15791" width="1.625" style="1" customWidth="1"/>
    <col min="15792" max="15792" width="1.375" style="1" customWidth="1"/>
    <col min="15793" max="15793" width="1.625" style="1" customWidth="1"/>
    <col min="15794" max="15872" width="9" style="1"/>
    <col min="15873" max="15896" width="0.75" style="1" customWidth="1"/>
    <col min="15897" max="15926" width="0.625" style="1" customWidth="1"/>
    <col min="15927" max="16004" width="1.25" style="1" customWidth="1"/>
    <col min="16005" max="16006" width="2.375" style="1" customWidth="1"/>
    <col min="16007" max="16047" width="1.625" style="1" customWidth="1"/>
    <col min="16048" max="16048" width="1.375" style="1" customWidth="1"/>
    <col min="16049" max="16049" width="1.625" style="1" customWidth="1"/>
    <col min="16050" max="16128" width="9" style="1"/>
    <col min="16129" max="16152" width="0.75" style="1" customWidth="1"/>
    <col min="16153" max="16182" width="0.625" style="1" customWidth="1"/>
    <col min="16183" max="16260" width="1.25" style="1" customWidth="1"/>
    <col min="16261" max="16262" width="2.375" style="1" customWidth="1"/>
    <col min="16263" max="16303" width="1.625" style="1" customWidth="1"/>
    <col min="16304" max="16304" width="1.375" style="1" customWidth="1"/>
    <col min="16305" max="16305" width="1.625" style="1" customWidth="1"/>
    <col min="16306" max="16384" width="9" style="1"/>
  </cols>
  <sheetData>
    <row r="1" spans="50:134" ht="5.25" customHeight="1">
      <c r="DY1" s="865" t="s">
        <v>3</v>
      </c>
      <c r="DZ1" s="865"/>
      <c r="EA1" s="865"/>
      <c r="EC1" s="867" t="s">
        <v>173</v>
      </c>
      <c r="ED1" s="867"/>
    </row>
    <row r="2" spans="50:134" ht="5.0999999999999996" customHeight="1">
      <c r="DE2" s="2"/>
      <c r="DF2" s="2"/>
      <c r="DG2" s="2"/>
      <c r="DH2" s="2"/>
      <c r="DI2" s="2"/>
      <c r="DJ2" s="2"/>
      <c r="DK2" s="2"/>
      <c r="DL2" s="2"/>
      <c r="DM2" s="2"/>
      <c r="DN2" s="2"/>
      <c r="DO2" s="2"/>
      <c r="DP2" s="2"/>
      <c r="DQ2" s="2"/>
      <c r="DR2" s="2"/>
      <c r="DS2" s="2"/>
      <c r="DT2" s="2"/>
      <c r="DU2" s="2"/>
      <c r="DV2" s="2"/>
      <c r="DW2" s="2"/>
      <c r="DX2" s="2"/>
      <c r="DY2" s="865"/>
      <c r="DZ2" s="865"/>
      <c r="EA2" s="865"/>
      <c r="EC2" s="867"/>
      <c r="ED2" s="867"/>
    </row>
    <row r="3" spans="50:134" ht="8.1" customHeight="1">
      <c r="BL3" s="868" t="s">
        <v>172</v>
      </c>
      <c r="BM3" s="868"/>
      <c r="BN3" s="868"/>
      <c r="BO3" s="868"/>
      <c r="BP3" s="868"/>
      <c r="BQ3" s="868"/>
      <c r="BR3" s="868"/>
      <c r="BS3" s="868"/>
      <c r="BT3" s="868"/>
      <c r="BU3" s="868"/>
      <c r="BV3" s="868"/>
      <c r="BW3" s="868"/>
      <c r="BX3" s="868"/>
      <c r="BY3" s="868"/>
      <c r="BZ3" s="868"/>
      <c r="CA3" s="868"/>
      <c r="CB3" s="868"/>
      <c r="CC3" s="869" t="s">
        <v>15</v>
      </c>
      <c r="CD3" s="869"/>
      <c r="CE3" s="869"/>
      <c r="CF3" s="869"/>
      <c r="CG3" s="869"/>
      <c r="CH3" s="869"/>
      <c r="CI3" s="869"/>
      <c r="CJ3" s="869"/>
      <c r="CK3" s="869"/>
      <c r="CL3" s="869"/>
      <c r="CM3" s="869"/>
      <c r="CN3" s="869"/>
      <c r="CO3" s="870" t="s">
        <v>171</v>
      </c>
      <c r="CP3" s="870"/>
      <c r="CQ3" s="870"/>
      <c r="CR3" s="870"/>
      <c r="CS3" s="870"/>
      <c r="CT3" s="870"/>
      <c r="CU3" s="870"/>
      <c r="CV3" s="870"/>
      <c r="CW3" s="870"/>
      <c r="CX3" s="870"/>
      <c r="CY3" s="870"/>
      <c r="CZ3" s="870"/>
      <c r="DA3" s="870"/>
      <c r="DE3" s="40"/>
      <c r="DF3" s="40"/>
      <c r="DG3" s="40"/>
      <c r="DH3" s="77"/>
      <c r="DI3" s="77"/>
      <c r="DJ3" s="77"/>
      <c r="DK3" s="77"/>
      <c r="DL3" s="77"/>
      <c r="DM3" s="77"/>
      <c r="DN3" s="77"/>
      <c r="DO3" s="77"/>
      <c r="DP3" s="77"/>
      <c r="DQ3" s="77"/>
      <c r="DR3" s="77"/>
      <c r="DS3" s="77"/>
      <c r="DT3" s="77"/>
      <c r="DU3" s="77"/>
      <c r="DV3" s="77"/>
      <c r="DW3" s="77"/>
      <c r="DX3" s="77"/>
      <c r="DY3" s="866"/>
      <c r="DZ3" s="866"/>
      <c r="EA3" s="866"/>
      <c r="EB3" s="167"/>
      <c r="EC3" s="867"/>
      <c r="ED3" s="867"/>
    </row>
    <row r="4" spans="50:134" ht="8.1" customHeight="1">
      <c r="AX4" s="871" t="s">
        <v>170</v>
      </c>
      <c r="AY4" s="872"/>
      <c r="AZ4" s="872"/>
      <c r="BL4" s="868"/>
      <c r="BM4" s="868"/>
      <c r="BN4" s="868"/>
      <c r="BO4" s="868"/>
      <c r="BP4" s="868"/>
      <c r="BQ4" s="868"/>
      <c r="BR4" s="868"/>
      <c r="BS4" s="868"/>
      <c r="BT4" s="868"/>
      <c r="BU4" s="868"/>
      <c r="BV4" s="868"/>
      <c r="BW4" s="868"/>
      <c r="BX4" s="868"/>
      <c r="BY4" s="868"/>
      <c r="BZ4" s="868"/>
      <c r="CA4" s="868"/>
      <c r="CB4" s="868"/>
      <c r="CC4" s="869"/>
      <c r="CD4" s="869"/>
      <c r="CE4" s="869"/>
      <c r="CF4" s="869"/>
      <c r="CG4" s="869"/>
      <c r="CH4" s="869"/>
      <c r="CI4" s="869"/>
      <c r="CJ4" s="869"/>
      <c r="CK4" s="869"/>
      <c r="CL4" s="869"/>
      <c r="CM4" s="869"/>
      <c r="CN4" s="869"/>
      <c r="CO4" s="870"/>
      <c r="CP4" s="870"/>
      <c r="CQ4" s="870"/>
      <c r="CR4" s="870"/>
      <c r="CS4" s="870"/>
      <c r="CT4" s="870"/>
      <c r="CU4" s="870"/>
      <c r="CV4" s="870"/>
      <c r="CW4" s="870"/>
      <c r="CX4" s="870"/>
      <c r="CY4" s="870"/>
      <c r="CZ4" s="870"/>
      <c r="DA4" s="870"/>
      <c r="DE4" s="873" t="s">
        <v>169</v>
      </c>
      <c r="DF4" s="518"/>
      <c r="DG4" s="518"/>
      <c r="DH4" s="518"/>
      <c r="DI4" s="518"/>
      <c r="DJ4" s="518"/>
      <c r="DK4" s="518"/>
      <c r="DL4" s="827"/>
      <c r="DM4" s="875"/>
      <c r="DN4" s="876"/>
      <c r="DO4" s="876"/>
      <c r="DP4" s="876"/>
      <c r="DQ4" s="876"/>
      <c r="DR4" s="876"/>
      <c r="DS4" s="876"/>
      <c r="DT4" s="876"/>
      <c r="DU4" s="876"/>
      <c r="DV4" s="876"/>
      <c r="DW4" s="876"/>
      <c r="DX4" s="876"/>
      <c r="DY4" s="876"/>
      <c r="DZ4" s="876"/>
      <c r="EA4" s="877"/>
      <c r="EB4" s="165"/>
      <c r="EC4" s="867"/>
      <c r="ED4" s="867"/>
    </row>
    <row r="5" spans="50:134" ht="8.1" customHeight="1">
      <c r="AX5" s="872"/>
      <c r="AY5" s="872"/>
      <c r="AZ5" s="872"/>
      <c r="BL5" s="868"/>
      <c r="BM5" s="868"/>
      <c r="BN5" s="868"/>
      <c r="BO5" s="868"/>
      <c r="BP5" s="868"/>
      <c r="BQ5" s="868"/>
      <c r="BR5" s="868"/>
      <c r="BS5" s="868"/>
      <c r="BT5" s="868"/>
      <c r="BU5" s="868"/>
      <c r="BV5" s="868"/>
      <c r="BW5" s="868"/>
      <c r="BX5" s="868"/>
      <c r="BY5" s="868"/>
      <c r="BZ5" s="868"/>
      <c r="CA5" s="868"/>
      <c r="CB5" s="868"/>
      <c r="CC5" s="869" t="s">
        <v>14</v>
      </c>
      <c r="CD5" s="869"/>
      <c r="CE5" s="869"/>
      <c r="CF5" s="869"/>
      <c r="CG5" s="869"/>
      <c r="CH5" s="869"/>
      <c r="CI5" s="869"/>
      <c r="CJ5" s="869"/>
      <c r="CK5" s="869"/>
      <c r="CL5" s="869"/>
      <c r="CM5" s="869"/>
      <c r="CN5" s="869"/>
      <c r="CO5" s="870"/>
      <c r="CP5" s="870"/>
      <c r="CQ5" s="870"/>
      <c r="CR5" s="870"/>
      <c r="CS5" s="870"/>
      <c r="CT5" s="870"/>
      <c r="CU5" s="870"/>
      <c r="CV5" s="870"/>
      <c r="CW5" s="870"/>
      <c r="CX5" s="870"/>
      <c r="CY5" s="870"/>
      <c r="CZ5" s="870"/>
      <c r="DA5" s="870"/>
      <c r="DE5" s="646"/>
      <c r="DF5" s="459"/>
      <c r="DG5" s="459"/>
      <c r="DH5" s="459"/>
      <c r="DI5" s="459"/>
      <c r="DJ5" s="459"/>
      <c r="DK5" s="459"/>
      <c r="DL5" s="460"/>
      <c r="DM5" s="875"/>
      <c r="DN5" s="876"/>
      <c r="DO5" s="876"/>
      <c r="DP5" s="876"/>
      <c r="DQ5" s="876"/>
      <c r="DR5" s="876"/>
      <c r="DS5" s="876"/>
      <c r="DT5" s="876"/>
      <c r="DU5" s="876"/>
      <c r="DV5" s="876"/>
      <c r="DW5" s="876"/>
      <c r="DX5" s="876"/>
      <c r="DY5" s="876"/>
      <c r="DZ5" s="876"/>
      <c r="EA5" s="877"/>
      <c r="EB5" s="165"/>
      <c r="EC5" s="867"/>
      <c r="ED5" s="867"/>
    </row>
    <row r="6" spans="50:134" ht="8.1" customHeight="1">
      <c r="AX6" s="872"/>
      <c r="AY6" s="872"/>
      <c r="AZ6" s="872"/>
      <c r="BL6" s="868"/>
      <c r="BM6" s="868"/>
      <c r="BN6" s="868"/>
      <c r="BO6" s="868"/>
      <c r="BP6" s="868"/>
      <c r="BQ6" s="868"/>
      <c r="BR6" s="868"/>
      <c r="BS6" s="868"/>
      <c r="BT6" s="868"/>
      <c r="BU6" s="868"/>
      <c r="BV6" s="868"/>
      <c r="BW6" s="868"/>
      <c r="BX6" s="868"/>
      <c r="BY6" s="868"/>
      <c r="BZ6" s="868"/>
      <c r="CA6" s="868"/>
      <c r="CB6" s="868"/>
      <c r="CC6" s="869"/>
      <c r="CD6" s="869"/>
      <c r="CE6" s="869"/>
      <c r="CF6" s="869"/>
      <c r="CG6" s="869"/>
      <c r="CH6" s="869"/>
      <c r="CI6" s="869"/>
      <c r="CJ6" s="869"/>
      <c r="CK6" s="869"/>
      <c r="CL6" s="869"/>
      <c r="CM6" s="869"/>
      <c r="CN6" s="869"/>
      <c r="CO6" s="870"/>
      <c r="CP6" s="870"/>
      <c r="CQ6" s="870"/>
      <c r="CR6" s="870"/>
      <c r="CS6" s="870"/>
      <c r="CT6" s="870"/>
      <c r="CU6" s="870"/>
      <c r="CV6" s="870"/>
      <c r="CW6" s="870"/>
      <c r="CX6" s="870"/>
      <c r="CY6" s="870"/>
      <c r="CZ6" s="870"/>
      <c r="DA6" s="870"/>
      <c r="DE6" s="646"/>
      <c r="DF6" s="459"/>
      <c r="DG6" s="459"/>
      <c r="DH6" s="459"/>
      <c r="DI6" s="459"/>
      <c r="DJ6" s="459"/>
      <c r="DK6" s="459"/>
      <c r="DL6" s="460"/>
      <c r="DM6" s="875"/>
      <c r="DN6" s="876"/>
      <c r="DO6" s="876"/>
      <c r="DP6" s="876"/>
      <c r="DQ6" s="876"/>
      <c r="DR6" s="876"/>
      <c r="DS6" s="876"/>
      <c r="DT6" s="876"/>
      <c r="DU6" s="876"/>
      <c r="DV6" s="876"/>
      <c r="DW6" s="876"/>
      <c r="DX6" s="876"/>
      <c r="DY6" s="876"/>
      <c r="DZ6" s="876"/>
      <c r="EA6" s="877"/>
      <c r="EB6" s="165"/>
      <c r="EC6" s="867"/>
      <c r="ED6" s="867"/>
    </row>
    <row r="7" spans="50:134" ht="5.0999999999999996" customHeight="1">
      <c r="AX7" s="872"/>
      <c r="AY7" s="872"/>
      <c r="AZ7" s="872"/>
      <c r="DE7" s="874"/>
      <c r="DF7" s="462"/>
      <c r="DG7" s="462"/>
      <c r="DH7" s="462"/>
      <c r="DI7" s="462"/>
      <c r="DJ7" s="462"/>
      <c r="DK7" s="462"/>
      <c r="DL7" s="463"/>
      <c r="DM7" s="875"/>
      <c r="DN7" s="876"/>
      <c r="DO7" s="876"/>
      <c r="DP7" s="876"/>
      <c r="DQ7" s="876"/>
      <c r="DR7" s="876"/>
      <c r="DS7" s="876"/>
      <c r="DT7" s="876"/>
      <c r="DU7" s="876"/>
      <c r="DV7" s="876"/>
      <c r="DW7" s="876"/>
      <c r="DX7" s="876"/>
      <c r="DY7" s="876"/>
      <c r="DZ7" s="876"/>
      <c r="EA7" s="877"/>
      <c r="EB7" s="165"/>
      <c r="EC7" s="867"/>
      <c r="ED7" s="867"/>
    </row>
    <row r="8" spans="50:134" ht="5.0999999999999996" customHeight="1">
      <c r="AX8" s="872"/>
      <c r="AY8" s="872"/>
      <c r="AZ8" s="872"/>
      <c r="BC8" s="76" t="s">
        <v>9</v>
      </c>
      <c r="BD8" s="75"/>
      <c r="BE8" s="75"/>
      <c r="BF8" s="75"/>
      <c r="BG8" s="74"/>
      <c r="BH8" s="74"/>
      <c r="BI8" s="74"/>
      <c r="BJ8" s="74"/>
      <c r="BK8" s="74"/>
      <c r="BL8" s="74"/>
      <c r="BM8" s="169"/>
      <c r="BN8" s="74"/>
      <c r="BO8" s="498" t="s">
        <v>168</v>
      </c>
      <c r="BP8" s="499"/>
      <c r="BQ8" s="499"/>
      <c r="BR8" s="499"/>
      <c r="BS8" s="499"/>
      <c r="BT8" s="499"/>
      <c r="BU8" s="499"/>
      <c r="BV8" s="499"/>
      <c r="BW8" s="500"/>
      <c r="BX8" s="633"/>
      <c r="BY8" s="633"/>
      <c r="BZ8" s="633"/>
      <c r="CA8" s="633"/>
      <c r="CB8" s="633"/>
      <c r="CC8" s="633"/>
      <c r="CD8" s="633"/>
      <c r="CE8" s="633"/>
      <c r="CF8" s="633"/>
      <c r="CG8" s="633"/>
      <c r="CH8" s="633"/>
      <c r="CI8" s="633"/>
      <c r="CJ8" s="633"/>
      <c r="CK8" s="633"/>
      <c r="CL8" s="633"/>
      <c r="CM8" s="633"/>
      <c r="CN8" s="633"/>
      <c r="CO8" s="633"/>
      <c r="CP8" s="633"/>
      <c r="CQ8" s="633"/>
      <c r="CR8" s="633"/>
      <c r="CS8" s="633"/>
      <c r="CT8" s="633"/>
      <c r="CU8" s="633"/>
      <c r="CV8" s="633"/>
      <c r="CW8" s="633"/>
      <c r="CX8" s="633"/>
      <c r="CY8" s="633"/>
      <c r="CZ8" s="633"/>
      <c r="DA8" s="633"/>
      <c r="DB8" s="633"/>
      <c r="DC8" s="633"/>
      <c r="DD8" s="633"/>
      <c r="DE8" s="647" t="s">
        <v>167</v>
      </c>
      <c r="DF8" s="648"/>
      <c r="DG8" s="648"/>
      <c r="DH8" s="648"/>
      <c r="DI8" s="648"/>
      <c r="DJ8" s="648"/>
      <c r="DK8" s="648"/>
      <c r="DL8" s="649"/>
      <c r="DM8" s="635"/>
      <c r="DN8" s="636"/>
      <c r="DO8" s="636"/>
      <c r="DP8" s="636"/>
      <c r="DQ8" s="636"/>
      <c r="DR8" s="636"/>
      <c r="DS8" s="636"/>
      <c r="DT8" s="636"/>
      <c r="DU8" s="636"/>
      <c r="DV8" s="636"/>
      <c r="DW8" s="636"/>
      <c r="DX8" s="636"/>
      <c r="DY8" s="636"/>
      <c r="DZ8" s="636"/>
      <c r="EA8" s="637"/>
      <c r="EB8" s="166"/>
      <c r="EC8" s="867"/>
      <c r="ED8" s="867"/>
    </row>
    <row r="9" spans="50:134" ht="5.0999999999999996" customHeight="1">
      <c r="AX9" s="872"/>
      <c r="AY9" s="872"/>
      <c r="AZ9" s="872"/>
      <c r="BC9" s="73"/>
      <c r="BD9" s="5"/>
      <c r="BE9" s="5"/>
      <c r="BF9" s="5"/>
      <c r="BG9" s="43"/>
      <c r="BH9" s="43"/>
      <c r="BI9" s="43"/>
      <c r="BJ9" s="43"/>
      <c r="BK9" s="43"/>
      <c r="BL9" s="43"/>
      <c r="BM9" s="170"/>
      <c r="BN9" s="43"/>
      <c r="BO9" s="467"/>
      <c r="BP9" s="468"/>
      <c r="BQ9" s="468"/>
      <c r="BR9" s="468"/>
      <c r="BS9" s="468"/>
      <c r="BT9" s="468"/>
      <c r="BU9" s="468"/>
      <c r="BV9" s="468"/>
      <c r="BW9" s="469"/>
      <c r="BX9" s="506"/>
      <c r="BY9" s="506"/>
      <c r="BZ9" s="506"/>
      <c r="CA9" s="506"/>
      <c r="CB9" s="506"/>
      <c r="CC9" s="506"/>
      <c r="CD9" s="506"/>
      <c r="CE9" s="506"/>
      <c r="CF9" s="506"/>
      <c r="CG9" s="506"/>
      <c r="CH9" s="506"/>
      <c r="CI9" s="506"/>
      <c r="CJ9" s="506"/>
      <c r="CK9" s="506"/>
      <c r="CL9" s="506"/>
      <c r="CM9" s="506"/>
      <c r="CN9" s="506"/>
      <c r="CO9" s="506"/>
      <c r="CP9" s="506"/>
      <c r="CQ9" s="506"/>
      <c r="CR9" s="506"/>
      <c r="CS9" s="506"/>
      <c r="CT9" s="506"/>
      <c r="CU9" s="506"/>
      <c r="CV9" s="506"/>
      <c r="CW9" s="506"/>
      <c r="CX9" s="506"/>
      <c r="CY9" s="506"/>
      <c r="CZ9" s="506"/>
      <c r="DA9" s="506"/>
      <c r="DB9" s="506"/>
      <c r="DC9" s="506"/>
      <c r="DD9" s="506"/>
      <c r="DE9" s="488"/>
      <c r="DF9" s="489"/>
      <c r="DG9" s="489"/>
      <c r="DH9" s="489"/>
      <c r="DI9" s="489"/>
      <c r="DJ9" s="489"/>
      <c r="DK9" s="489"/>
      <c r="DL9" s="490"/>
      <c r="DM9" s="638"/>
      <c r="DN9" s="639"/>
      <c r="DO9" s="639"/>
      <c r="DP9" s="639"/>
      <c r="DQ9" s="639"/>
      <c r="DR9" s="639"/>
      <c r="DS9" s="639"/>
      <c r="DT9" s="639"/>
      <c r="DU9" s="639"/>
      <c r="DV9" s="639"/>
      <c r="DW9" s="639"/>
      <c r="DX9" s="639"/>
      <c r="DY9" s="639"/>
      <c r="DZ9" s="639"/>
      <c r="EA9" s="640"/>
      <c r="EB9" s="166"/>
      <c r="EC9" s="867"/>
      <c r="ED9" s="867"/>
    </row>
    <row r="10" spans="50:134" ht="5.0999999999999996" customHeight="1">
      <c r="AX10" s="872"/>
      <c r="AY10" s="872"/>
      <c r="AZ10" s="872"/>
      <c r="BC10" s="73"/>
      <c r="BD10" s="5"/>
      <c r="BE10" s="5"/>
      <c r="BF10" s="5"/>
      <c r="BG10" s="43"/>
      <c r="BH10" s="43"/>
      <c r="BI10" s="43"/>
      <c r="BJ10" s="43"/>
      <c r="BK10" s="43"/>
      <c r="BL10" s="43"/>
      <c r="BM10" s="170"/>
      <c r="BN10" s="43"/>
      <c r="BO10" s="467"/>
      <c r="BP10" s="468"/>
      <c r="BQ10" s="468"/>
      <c r="BR10" s="468"/>
      <c r="BS10" s="468"/>
      <c r="BT10" s="468"/>
      <c r="BU10" s="468"/>
      <c r="BV10" s="468"/>
      <c r="BW10" s="469"/>
      <c r="BX10" s="506"/>
      <c r="BY10" s="506"/>
      <c r="BZ10" s="506"/>
      <c r="CA10" s="506"/>
      <c r="CB10" s="506"/>
      <c r="CC10" s="506"/>
      <c r="CD10" s="506"/>
      <c r="CE10" s="506"/>
      <c r="CF10" s="506"/>
      <c r="CG10" s="506"/>
      <c r="CH10" s="506"/>
      <c r="CI10" s="506"/>
      <c r="CJ10" s="506"/>
      <c r="CK10" s="506"/>
      <c r="CL10" s="506"/>
      <c r="CM10" s="506"/>
      <c r="CN10" s="506"/>
      <c r="CO10" s="506"/>
      <c r="CP10" s="506"/>
      <c r="CQ10" s="506"/>
      <c r="CR10" s="506"/>
      <c r="CS10" s="506"/>
      <c r="CT10" s="506"/>
      <c r="CU10" s="506"/>
      <c r="CV10" s="506"/>
      <c r="CW10" s="506"/>
      <c r="CX10" s="506"/>
      <c r="CY10" s="506"/>
      <c r="CZ10" s="506"/>
      <c r="DA10" s="506"/>
      <c r="DB10" s="506"/>
      <c r="DC10" s="506"/>
      <c r="DD10" s="506"/>
      <c r="DE10" s="488"/>
      <c r="DF10" s="489"/>
      <c r="DG10" s="489"/>
      <c r="DH10" s="489"/>
      <c r="DI10" s="489"/>
      <c r="DJ10" s="489"/>
      <c r="DK10" s="489"/>
      <c r="DL10" s="490"/>
      <c r="DM10" s="638"/>
      <c r="DN10" s="639"/>
      <c r="DO10" s="639"/>
      <c r="DP10" s="639"/>
      <c r="DQ10" s="639"/>
      <c r="DR10" s="639"/>
      <c r="DS10" s="639"/>
      <c r="DT10" s="639"/>
      <c r="DU10" s="639"/>
      <c r="DV10" s="639"/>
      <c r="DW10" s="639"/>
      <c r="DX10" s="639"/>
      <c r="DY10" s="639"/>
      <c r="DZ10" s="639"/>
      <c r="EA10" s="640"/>
      <c r="EB10" s="166"/>
      <c r="EC10" s="867"/>
      <c r="ED10" s="867"/>
    </row>
    <row r="11" spans="50:134" ht="5.0999999999999996" customHeight="1">
      <c r="AX11" s="872"/>
      <c r="AY11" s="872"/>
      <c r="AZ11" s="872"/>
      <c r="BC11" s="71"/>
      <c r="BD11" s="43"/>
      <c r="BE11" s="43"/>
      <c r="BF11" s="43"/>
      <c r="BG11" s="43"/>
      <c r="BH11" s="43"/>
      <c r="BI11" s="43"/>
      <c r="BJ11" s="43"/>
      <c r="BK11" s="43"/>
      <c r="BL11" s="43"/>
      <c r="BM11" s="170"/>
      <c r="BN11" s="43"/>
      <c r="BO11" s="467"/>
      <c r="BP11" s="468"/>
      <c r="BQ11" s="468"/>
      <c r="BR11" s="468"/>
      <c r="BS11" s="468"/>
      <c r="BT11" s="468"/>
      <c r="BU11" s="468"/>
      <c r="BV11" s="468"/>
      <c r="BW11" s="469"/>
      <c r="BX11" s="506"/>
      <c r="BY11" s="506"/>
      <c r="BZ11" s="506"/>
      <c r="CA11" s="506"/>
      <c r="CB11" s="506"/>
      <c r="CC11" s="506"/>
      <c r="CD11" s="506"/>
      <c r="CE11" s="506"/>
      <c r="CF11" s="506"/>
      <c r="CG11" s="506"/>
      <c r="CH11" s="506"/>
      <c r="CI11" s="506"/>
      <c r="CJ11" s="506"/>
      <c r="CK11" s="506"/>
      <c r="CL11" s="506"/>
      <c r="CM11" s="506"/>
      <c r="CN11" s="506"/>
      <c r="CO11" s="506"/>
      <c r="CP11" s="506"/>
      <c r="CQ11" s="506"/>
      <c r="CR11" s="506"/>
      <c r="CS11" s="506"/>
      <c r="CT11" s="506"/>
      <c r="CU11" s="506"/>
      <c r="CV11" s="506"/>
      <c r="CW11" s="506"/>
      <c r="CX11" s="506"/>
      <c r="CY11" s="506"/>
      <c r="CZ11" s="506"/>
      <c r="DA11" s="506"/>
      <c r="DB11" s="506"/>
      <c r="DC11" s="506"/>
      <c r="DD11" s="506"/>
      <c r="DE11" s="488"/>
      <c r="DF11" s="489"/>
      <c r="DG11" s="489"/>
      <c r="DH11" s="489"/>
      <c r="DI11" s="489"/>
      <c r="DJ11" s="489"/>
      <c r="DK11" s="489"/>
      <c r="DL11" s="490"/>
      <c r="DM11" s="638"/>
      <c r="DN11" s="639"/>
      <c r="DO11" s="639"/>
      <c r="DP11" s="639"/>
      <c r="DQ11" s="639"/>
      <c r="DR11" s="639"/>
      <c r="DS11" s="639"/>
      <c r="DT11" s="639"/>
      <c r="DU11" s="639"/>
      <c r="DV11" s="639"/>
      <c r="DW11" s="639"/>
      <c r="DX11" s="639"/>
      <c r="DY11" s="639"/>
      <c r="DZ11" s="639"/>
      <c r="EA11" s="640"/>
      <c r="EB11" s="166"/>
      <c r="EC11" s="867"/>
      <c r="ED11" s="867"/>
    </row>
    <row r="12" spans="50:134" ht="5.0999999999999996" customHeight="1">
      <c r="AX12" s="872"/>
      <c r="AY12" s="872"/>
      <c r="AZ12" s="872"/>
      <c r="BC12" s="71"/>
      <c r="BD12" s="43"/>
      <c r="BE12" s="43"/>
      <c r="BF12" s="43"/>
      <c r="BG12" s="43"/>
      <c r="BH12" s="43"/>
      <c r="BI12" s="43"/>
      <c r="BJ12" s="43"/>
      <c r="BK12" s="43"/>
      <c r="BL12" s="43"/>
      <c r="BM12" s="170"/>
      <c r="BN12" s="43"/>
      <c r="BO12" s="467"/>
      <c r="BP12" s="468"/>
      <c r="BQ12" s="468"/>
      <c r="BR12" s="468"/>
      <c r="BS12" s="468"/>
      <c r="BT12" s="468"/>
      <c r="BU12" s="468"/>
      <c r="BV12" s="468"/>
      <c r="BW12" s="469"/>
      <c r="BX12" s="506"/>
      <c r="BY12" s="506"/>
      <c r="BZ12" s="506"/>
      <c r="CA12" s="506"/>
      <c r="CB12" s="506"/>
      <c r="CC12" s="506"/>
      <c r="CD12" s="506"/>
      <c r="CE12" s="506"/>
      <c r="CF12" s="506"/>
      <c r="CG12" s="506"/>
      <c r="CH12" s="506"/>
      <c r="CI12" s="506"/>
      <c r="CJ12" s="506"/>
      <c r="CK12" s="506"/>
      <c r="CL12" s="506"/>
      <c r="CM12" s="506"/>
      <c r="CN12" s="506"/>
      <c r="CO12" s="506"/>
      <c r="CP12" s="506"/>
      <c r="CQ12" s="506"/>
      <c r="CR12" s="506"/>
      <c r="CS12" s="506"/>
      <c r="CT12" s="506"/>
      <c r="CU12" s="506"/>
      <c r="CV12" s="506"/>
      <c r="CW12" s="506"/>
      <c r="CX12" s="506"/>
      <c r="CY12" s="506"/>
      <c r="CZ12" s="506"/>
      <c r="DA12" s="506"/>
      <c r="DB12" s="506"/>
      <c r="DC12" s="506"/>
      <c r="DD12" s="506"/>
      <c r="DE12" s="488"/>
      <c r="DF12" s="489"/>
      <c r="DG12" s="489"/>
      <c r="DH12" s="489"/>
      <c r="DI12" s="489"/>
      <c r="DJ12" s="489"/>
      <c r="DK12" s="489"/>
      <c r="DL12" s="490"/>
      <c r="DM12" s="638"/>
      <c r="DN12" s="639"/>
      <c r="DO12" s="639"/>
      <c r="DP12" s="639"/>
      <c r="DQ12" s="639"/>
      <c r="DR12" s="639"/>
      <c r="DS12" s="639"/>
      <c r="DT12" s="639"/>
      <c r="DU12" s="639"/>
      <c r="DV12" s="639"/>
      <c r="DW12" s="639"/>
      <c r="DX12" s="639"/>
      <c r="DY12" s="639"/>
      <c r="DZ12" s="639"/>
      <c r="EA12" s="640"/>
      <c r="EB12" s="166"/>
      <c r="EC12" s="867"/>
      <c r="ED12" s="867"/>
    </row>
    <row r="13" spans="50:134" ht="5.0999999999999996" customHeight="1">
      <c r="AX13" s="872"/>
      <c r="AY13" s="872"/>
      <c r="AZ13" s="872"/>
      <c r="BC13" s="71"/>
      <c r="BD13" s="43"/>
      <c r="BE13" s="43"/>
      <c r="BF13" s="43"/>
      <c r="BG13" s="43"/>
      <c r="BH13" s="43"/>
      <c r="BI13" s="43"/>
      <c r="BJ13" s="43"/>
      <c r="BK13" s="43"/>
      <c r="BL13" s="43"/>
      <c r="BM13" s="170"/>
      <c r="BN13" s="43"/>
      <c r="BO13" s="467"/>
      <c r="BP13" s="468"/>
      <c r="BQ13" s="468"/>
      <c r="BR13" s="468"/>
      <c r="BS13" s="468"/>
      <c r="BT13" s="468"/>
      <c r="BU13" s="468"/>
      <c r="BV13" s="468"/>
      <c r="BW13" s="469"/>
      <c r="BX13" s="506"/>
      <c r="BY13" s="506"/>
      <c r="BZ13" s="506"/>
      <c r="CA13" s="506"/>
      <c r="CB13" s="506"/>
      <c r="CC13" s="506"/>
      <c r="CD13" s="506"/>
      <c r="CE13" s="506"/>
      <c r="CF13" s="506"/>
      <c r="CG13" s="506"/>
      <c r="CH13" s="506"/>
      <c r="CI13" s="506"/>
      <c r="CJ13" s="506"/>
      <c r="CK13" s="506"/>
      <c r="CL13" s="506"/>
      <c r="CM13" s="506"/>
      <c r="CN13" s="506"/>
      <c r="CO13" s="506"/>
      <c r="CP13" s="506"/>
      <c r="CQ13" s="506"/>
      <c r="CR13" s="506"/>
      <c r="CS13" s="506"/>
      <c r="CT13" s="506"/>
      <c r="CU13" s="506"/>
      <c r="CV13" s="506"/>
      <c r="CW13" s="506"/>
      <c r="CX13" s="506"/>
      <c r="CY13" s="506"/>
      <c r="CZ13" s="506"/>
      <c r="DA13" s="506"/>
      <c r="DB13" s="506"/>
      <c r="DC13" s="506"/>
      <c r="DD13" s="506"/>
      <c r="DE13" s="488"/>
      <c r="DF13" s="489"/>
      <c r="DG13" s="489"/>
      <c r="DH13" s="489"/>
      <c r="DI13" s="489"/>
      <c r="DJ13" s="489"/>
      <c r="DK13" s="489"/>
      <c r="DL13" s="490"/>
      <c r="DM13" s="638"/>
      <c r="DN13" s="639"/>
      <c r="DO13" s="639"/>
      <c r="DP13" s="639"/>
      <c r="DQ13" s="639"/>
      <c r="DR13" s="639"/>
      <c r="DS13" s="639"/>
      <c r="DT13" s="639"/>
      <c r="DU13" s="639"/>
      <c r="DV13" s="639"/>
      <c r="DW13" s="639"/>
      <c r="DX13" s="639"/>
      <c r="DY13" s="639"/>
      <c r="DZ13" s="639"/>
      <c r="EA13" s="640"/>
      <c r="EB13" s="166"/>
      <c r="EC13" s="867"/>
      <c r="ED13" s="867"/>
    </row>
    <row r="14" spans="50:134" ht="5.0999999999999996" customHeight="1">
      <c r="AX14" s="872"/>
      <c r="AY14" s="872"/>
      <c r="AZ14" s="872"/>
      <c r="BC14" s="71"/>
      <c r="BD14" s="43"/>
      <c r="BE14" s="43"/>
      <c r="BF14" s="43"/>
      <c r="BG14" s="43"/>
      <c r="BH14" s="43"/>
      <c r="BI14" s="43"/>
      <c r="BJ14" s="43"/>
      <c r="BK14" s="43"/>
      <c r="BL14" s="43"/>
      <c r="BM14" s="170"/>
      <c r="BN14" s="43"/>
      <c r="BO14" s="467"/>
      <c r="BP14" s="468"/>
      <c r="BQ14" s="468"/>
      <c r="BR14" s="468"/>
      <c r="BS14" s="468"/>
      <c r="BT14" s="468"/>
      <c r="BU14" s="468"/>
      <c r="BV14" s="468"/>
      <c r="BW14" s="469"/>
      <c r="BX14" s="506"/>
      <c r="BY14" s="506"/>
      <c r="BZ14" s="506"/>
      <c r="CA14" s="506"/>
      <c r="CB14" s="506"/>
      <c r="CC14" s="506"/>
      <c r="CD14" s="506"/>
      <c r="CE14" s="506"/>
      <c r="CF14" s="506"/>
      <c r="CG14" s="506"/>
      <c r="CH14" s="506"/>
      <c r="CI14" s="506"/>
      <c r="CJ14" s="506"/>
      <c r="CK14" s="506"/>
      <c r="CL14" s="506"/>
      <c r="CM14" s="506"/>
      <c r="CN14" s="506"/>
      <c r="CO14" s="506"/>
      <c r="CP14" s="506"/>
      <c r="CQ14" s="506"/>
      <c r="CR14" s="506"/>
      <c r="CS14" s="506"/>
      <c r="CT14" s="506"/>
      <c r="CU14" s="506"/>
      <c r="CV14" s="506"/>
      <c r="CW14" s="506"/>
      <c r="CX14" s="506"/>
      <c r="CY14" s="506"/>
      <c r="CZ14" s="506"/>
      <c r="DA14" s="506"/>
      <c r="DB14" s="506"/>
      <c r="DC14" s="506"/>
      <c r="DD14" s="506"/>
      <c r="DE14" s="491"/>
      <c r="DF14" s="492"/>
      <c r="DG14" s="492"/>
      <c r="DH14" s="492"/>
      <c r="DI14" s="492"/>
      <c r="DJ14" s="492"/>
      <c r="DK14" s="492"/>
      <c r="DL14" s="493"/>
      <c r="DM14" s="658"/>
      <c r="DN14" s="659"/>
      <c r="DO14" s="659"/>
      <c r="DP14" s="659"/>
      <c r="DQ14" s="659"/>
      <c r="DR14" s="659"/>
      <c r="DS14" s="659"/>
      <c r="DT14" s="659"/>
      <c r="DU14" s="659"/>
      <c r="DV14" s="659"/>
      <c r="DW14" s="659"/>
      <c r="DX14" s="659"/>
      <c r="DY14" s="659"/>
      <c r="DZ14" s="659"/>
      <c r="EA14" s="850"/>
      <c r="EB14" s="166"/>
      <c r="EC14" s="867"/>
      <c r="ED14" s="867"/>
    </row>
    <row r="15" spans="50:134" ht="5.0999999999999996" customHeight="1">
      <c r="AX15" s="872"/>
      <c r="AY15" s="872"/>
      <c r="AZ15" s="872"/>
      <c r="BC15" s="71"/>
      <c r="BD15" s="43"/>
      <c r="BE15" s="43"/>
      <c r="BF15" s="43"/>
      <c r="BG15" s="43"/>
      <c r="BH15" s="43"/>
      <c r="BI15" s="43"/>
      <c r="BJ15" s="43"/>
      <c r="BK15" s="43"/>
      <c r="BL15" s="43"/>
      <c r="BM15" s="72">
        <v>36892</v>
      </c>
      <c r="BN15" s="43"/>
      <c r="BO15" s="647" t="s">
        <v>166</v>
      </c>
      <c r="BP15" s="648"/>
      <c r="BQ15" s="648"/>
      <c r="BR15" s="648"/>
      <c r="BS15" s="648"/>
      <c r="BT15" s="648"/>
      <c r="BU15" s="648"/>
      <c r="BV15" s="648"/>
      <c r="BW15" s="649"/>
      <c r="BX15" s="502"/>
      <c r="BY15" s="503"/>
      <c r="BZ15" s="503"/>
      <c r="CA15" s="503"/>
      <c r="CB15" s="503"/>
      <c r="CC15" s="503"/>
      <c r="CD15" s="503"/>
      <c r="CE15" s="503"/>
      <c r="CF15" s="503"/>
      <c r="CG15" s="503"/>
      <c r="CH15" s="503"/>
      <c r="CI15" s="503"/>
      <c r="CJ15" s="503"/>
      <c r="CK15" s="503"/>
      <c r="CL15" s="503"/>
      <c r="CM15" s="503"/>
      <c r="CN15" s="503"/>
      <c r="CO15" s="503"/>
      <c r="CP15" s="503"/>
      <c r="CQ15" s="503"/>
      <c r="CR15" s="503"/>
      <c r="CS15" s="503"/>
      <c r="CT15" s="503"/>
      <c r="CU15" s="503"/>
      <c r="CV15" s="503"/>
      <c r="CW15" s="503"/>
      <c r="CX15" s="503"/>
      <c r="CY15" s="503"/>
      <c r="CZ15" s="503"/>
      <c r="DA15" s="503"/>
      <c r="DB15" s="503"/>
      <c r="DC15" s="503"/>
      <c r="DD15" s="503"/>
      <c r="DE15" s="647" t="s">
        <v>165</v>
      </c>
      <c r="DF15" s="648"/>
      <c r="DG15" s="648"/>
      <c r="DH15" s="648"/>
      <c r="DI15" s="648"/>
      <c r="DJ15" s="648"/>
      <c r="DK15" s="648"/>
      <c r="DL15" s="649"/>
      <c r="DM15" s="879"/>
      <c r="DN15" s="880"/>
      <c r="DO15" s="880"/>
      <c r="DP15" s="880"/>
      <c r="DQ15" s="880"/>
      <c r="DR15" s="880"/>
      <c r="DS15" s="880"/>
      <c r="DT15" s="880"/>
      <c r="DU15" s="880"/>
      <c r="DV15" s="880"/>
      <c r="DW15" s="880"/>
      <c r="DX15" s="880"/>
      <c r="DY15" s="880"/>
      <c r="DZ15" s="880"/>
      <c r="EA15" s="881"/>
      <c r="EB15" s="166"/>
      <c r="EC15" s="867"/>
      <c r="ED15" s="867"/>
    </row>
    <row r="16" spans="50:134" ht="5.0999999999999996" customHeight="1">
      <c r="AX16" s="872"/>
      <c r="AY16" s="872"/>
      <c r="AZ16" s="872"/>
      <c r="BC16" s="71"/>
      <c r="BD16" s="2"/>
      <c r="BE16" s="173"/>
      <c r="BF16" s="878" t="s">
        <v>164</v>
      </c>
      <c r="BG16" s="878"/>
      <c r="BH16" s="878"/>
      <c r="BI16" s="878"/>
      <c r="BJ16" s="878"/>
      <c r="BK16" s="878"/>
      <c r="BL16" s="878"/>
      <c r="BM16" s="878"/>
      <c r="BN16" s="878"/>
      <c r="BO16" s="488"/>
      <c r="BP16" s="489"/>
      <c r="BQ16" s="489"/>
      <c r="BR16" s="489"/>
      <c r="BS16" s="489"/>
      <c r="BT16" s="489"/>
      <c r="BU16" s="489"/>
      <c r="BV16" s="489"/>
      <c r="BW16" s="490"/>
      <c r="BX16" s="505"/>
      <c r="BY16" s="506"/>
      <c r="BZ16" s="506"/>
      <c r="CA16" s="506"/>
      <c r="CB16" s="506"/>
      <c r="CC16" s="506"/>
      <c r="CD16" s="506"/>
      <c r="CE16" s="506"/>
      <c r="CF16" s="506"/>
      <c r="CG16" s="506"/>
      <c r="CH16" s="506"/>
      <c r="CI16" s="506"/>
      <c r="CJ16" s="506"/>
      <c r="CK16" s="506"/>
      <c r="CL16" s="506"/>
      <c r="CM16" s="506"/>
      <c r="CN16" s="506"/>
      <c r="CO16" s="506"/>
      <c r="CP16" s="506"/>
      <c r="CQ16" s="506"/>
      <c r="CR16" s="506"/>
      <c r="CS16" s="506"/>
      <c r="CT16" s="506"/>
      <c r="CU16" s="506"/>
      <c r="CV16" s="506"/>
      <c r="CW16" s="506"/>
      <c r="CX16" s="506"/>
      <c r="CY16" s="506"/>
      <c r="CZ16" s="506"/>
      <c r="DA16" s="506"/>
      <c r="DB16" s="506"/>
      <c r="DC16" s="506"/>
      <c r="DD16" s="506"/>
      <c r="DE16" s="488"/>
      <c r="DF16" s="489"/>
      <c r="DG16" s="489"/>
      <c r="DH16" s="489"/>
      <c r="DI16" s="489"/>
      <c r="DJ16" s="489"/>
      <c r="DK16" s="489"/>
      <c r="DL16" s="490"/>
      <c r="DM16" s="882"/>
      <c r="DN16" s="883"/>
      <c r="DO16" s="883"/>
      <c r="DP16" s="883"/>
      <c r="DQ16" s="883"/>
      <c r="DR16" s="883"/>
      <c r="DS16" s="883"/>
      <c r="DT16" s="883"/>
      <c r="DU16" s="883"/>
      <c r="DV16" s="883"/>
      <c r="DW16" s="883"/>
      <c r="DX16" s="883"/>
      <c r="DY16" s="883"/>
      <c r="DZ16" s="883"/>
      <c r="EA16" s="884"/>
      <c r="EB16" s="166"/>
      <c r="EC16" s="867"/>
      <c r="ED16" s="867"/>
    </row>
    <row r="17" spans="50:145" ht="5.0999999999999996" customHeight="1">
      <c r="AX17" s="872"/>
      <c r="AY17" s="872"/>
      <c r="AZ17" s="872"/>
      <c r="BC17" s="71"/>
      <c r="BD17" s="173"/>
      <c r="BE17" s="173"/>
      <c r="BF17" s="878"/>
      <c r="BG17" s="878"/>
      <c r="BH17" s="878"/>
      <c r="BI17" s="878"/>
      <c r="BJ17" s="878"/>
      <c r="BK17" s="878"/>
      <c r="BL17" s="878"/>
      <c r="BM17" s="878"/>
      <c r="BN17" s="878"/>
      <c r="BO17" s="488"/>
      <c r="BP17" s="489"/>
      <c r="BQ17" s="489"/>
      <c r="BR17" s="489"/>
      <c r="BS17" s="489"/>
      <c r="BT17" s="489"/>
      <c r="BU17" s="489"/>
      <c r="BV17" s="489"/>
      <c r="BW17" s="490"/>
      <c r="BX17" s="505"/>
      <c r="BY17" s="506"/>
      <c r="BZ17" s="506"/>
      <c r="CA17" s="506"/>
      <c r="CB17" s="506"/>
      <c r="CC17" s="506"/>
      <c r="CD17" s="506"/>
      <c r="CE17" s="506"/>
      <c r="CF17" s="506"/>
      <c r="CG17" s="506"/>
      <c r="CH17" s="506"/>
      <c r="CI17" s="506"/>
      <c r="CJ17" s="506"/>
      <c r="CK17" s="506"/>
      <c r="CL17" s="506"/>
      <c r="CM17" s="506"/>
      <c r="CN17" s="506"/>
      <c r="CO17" s="506"/>
      <c r="CP17" s="506"/>
      <c r="CQ17" s="506"/>
      <c r="CR17" s="506"/>
      <c r="CS17" s="506"/>
      <c r="CT17" s="506"/>
      <c r="CU17" s="506"/>
      <c r="CV17" s="506"/>
      <c r="CW17" s="506"/>
      <c r="CX17" s="506"/>
      <c r="CY17" s="506"/>
      <c r="CZ17" s="506"/>
      <c r="DA17" s="506"/>
      <c r="DB17" s="506"/>
      <c r="DC17" s="506"/>
      <c r="DD17" s="506"/>
      <c r="DE17" s="488"/>
      <c r="DF17" s="489"/>
      <c r="DG17" s="489"/>
      <c r="DH17" s="489"/>
      <c r="DI17" s="489"/>
      <c r="DJ17" s="489"/>
      <c r="DK17" s="489"/>
      <c r="DL17" s="490"/>
      <c r="DM17" s="882"/>
      <c r="DN17" s="883"/>
      <c r="DO17" s="883"/>
      <c r="DP17" s="883"/>
      <c r="DQ17" s="883"/>
      <c r="DR17" s="883"/>
      <c r="DS17" s="883"/>
      <c r="DT17" s="883"/>
      <c r="DU17" s="883"/>
      <c r="DV17" s="883"/>
      <c r="DW17" s="883"/>
      <c r="DX17" s="883"/>
      <c r="DY17" s="883"/>
      <c r="DZ17" s="883"/>
      <c r="EA17" s="884"/>
      <c r="EB17" s="166"/>
      <c r="EC17" s="867"/>
      <c r="ED17" s="867"/>
    </row>
    <row r="18" spans="50:145" ht="5.0999999999999996" customHeight="1">
      <c r="AX18" s="872"/>
      <c r="AY18" s="872"/>
      <c r="AZ18" s="872"/>
      <c r="BC18" s="71"/>
      <c r="BD18" s="173"/>
      <c r="BE18" s="173"/>
      <c r="BF18" s="878"/>
      <c r="BG18" s="878"/>
      <c r="BH18" s="878"/>
      <c r="BI18" s="878"/>
      <c r="BJ18" s="878"/>
      <c r="BK18" s="878"/>
      <c r="BL18" s="878"/>
      <c r="BM18" s="878"/>
      <c r="BN18" s="878"/>
      <c r="BO18" s="488" t="s">
        <v>163</v>
      </c>
      <c r="BP18" s="489"/>
      <c r="BQ18" s="489"/>
      <c r="BR18" s="489"/>
      <c r="BS18" s="489"/>
      <c r="BT18" s="489"/>
      <c r="BU18" s="489"/>
      <c r="BV18" s="489"/>
      <c r="BW18" s="490"/>
      <c r="BX18" s="505"/>
      <c r="BY18" s="506"/>
      <c r="BZ18" s="506"/>
      <c r="CA18" s="506"/>
      <c r="CB18" s="506"/>
      <c r="CC18" s="506"/>
      <c r="CD18" s="506"/>
      <c r="CE18" s="506"/>
      <c r="CF18" s="506"/>
      <c r="CG18" s="506"/>
      <c r="CH18" s="506"/>
      <c r="CI18" s="506"/>
      <c r="CJ18" s="506"/>
      <c r="CK18" s="506"/>
      <c r="CL18" s="506"/>
      <c r="CM18" s="506"/>
      <c r="CN18" s="506"/>
      <c r="CO18" s="506"/>
      <c r="CP18" s="506"/>
      <c r="CQ18" s="506"/>
      <c r="CR18" s="506"/>
      <c r="CS18" s="506"/>
      <c r="CT18" s="506"/>
      <c r="CU18" s="506"/>
      <c r="CV18" s="506"/>
      <c r="CW18" s="506"/>
      <c r="CX18" s="506"/>
      <c r="CY18" s="506"/>
      <c r="CZ18" s="506"/>
      <c r="DA18" s="506"/>
      <c r="DB18" s="506"/>
      <c r="DC18" s="506"/>
      <c r="DD18" s="506"/>
      <c r="DE18" s="488"/>
      <c r="DF18" s="489"/>
      <c r="DG18" s="489"/>
      <c r="DH18" s="489"/>
      <c r="DI18" s="489"/>
      <c r="DJ18" s="489"/>
      <c r="DK18" s="489"/>
      <c r="DL18" s="490"/>
      <c r="DM18" s="882"/>
      <c r="DN18" s="883"/>
      <c r="DO18" s="883"/>
      <c r="DP18" s="883"/>
      <c r="DQ18" s="883"/>
      <c r="DR18" s="883"/>
      <c r="DS18" s="883"/>
      <c r="DT18" s="883"/>
      <c r="DU18" s="883"/>
      <c r="DV18" s="883"/>
      <c r="DW18" s="883"/>
      <c r="DX18" s="883"/>
      <c r="DY18" s="883"/>
      <c r="DZ18" s="883"/>
      <c r="EA18" s="884"/>
      <c r="EB18" s="166"/>
      <c r="EC18" s="867"/>
      <c r="ED18" s="867"/>
    </row>
    <row r="19" spans="50:145" ht="5.0999999999999996" customHeight="1">
      <c r="AX19" s="872"/>
      <c r="AY19" s="872"/>
      <c r="AZ19" s="872"/>
      <c r="BC19" s="71"/>
      <c r="BD19" s="43"/>
      <c r="BE19" s="173"/>
      <c r="BF19" s="173"/>
      <c r="BG19" s="173"/>
      <c r="BH19" s="173"/>
      <c r="BI19" s="173"/>
      <c r="BJ19" s="173"/>
      <c r="BK19" s="173"/>
      <c r="BL19" s="173"/>
      <c r="BM19" s="173"/>
      <c r="BN19" s="43"/>
      <c r="BO19" s="491"/>
      <c r="BP19" s="492"/>
      <c r="BQ19" s="492"/>
      <c r="BR19" s="492"/>
      <c r="BS19" s="492"/>
      <c r="BT19" s="492"/>
      <c r="BU19" s="492"/>
      <c r="BV19" s="492"/>
      <c r="BW19" s="493"/>
      <c r="BX19" s="508"/>
      <c r="BY19" s="509"/>
      <c r="BZ19" s="509"/>
      <c r="CA19" s="509"/>
      <c r="CB19" s="509"/>
      <c r="CC19" s="509"/>
      <c r="CD19" s="509"/>
      <c r="CE19" s="509"/>
      <c r="CF19" s="509"/>
      <c r="CG19" s="509"/>
      <c r="CH19" s="509"/>
      <c r="CI19" s="509"/>
      <c r="CJ19" s="509"/>
      <c r="CK19" s="509"/>
      <c r="CL19" s="509"/>
      <c r="CM19" s="509"/>
      <c r="CN19" s="509"/>
      <c r="CO19" s="509"/>
      <c r="CP19" s="509"/>
      <c r="CQ19" s="509"/>
      <c r="CR19" s="509"/>
      <c r="CS19" s="509"/>
      <c r="CT19" s="509"/>
      <c r="CU19" s="509"/>
      <c r="CV19" s="509"/>
      <c r="CW19" s="506"/>
      <c r="CX19" s="506"/>
      <c r="CY19" s="506"/>
      <c r="CZ19" s="506"/>
      <c r="DA19" s="506"/>
      <c r="DB19" s="506"/>
      <c r="DC19" s="506"/>
      <c r="DD19" s="506"/>
      <c r="DE19" s="491"/>
      <c r="DF19" s="492"/>
      <c r="DG19" s="492"/>
      <c r="DH19" s="492"/>
      <c r="DI19" s="492"/>
      <c r="DJ19" s="492"/>
      <c r="DK19" s="492"/>
      <c r="DL19" s="493"/>
      <c r="DM19" s="885"/>
      <c r="DN19" s="886"/>
      <c r="DO19" s="886"/>
      <c r="DP19" s="886"/>
      <c r="DQ19" s="886"/>
      <c r="DR19" s="886"/>
      <c r="DS19" s="886"/>
      <c r="DT19" s="886"/>
      <c r="DU19" s="886"/>
      <c r="DV19" s="886"/>
      <c r="DW19" s="886"/>
      <c r="DX19" s="886"/>
      <c r="DY19" s="886"/>
      <c r="DZ19" s="886"/>
      <c r="EA19" s="887"/>
      <c r="EB19" s="166"/>
      <c r="EC19" s="867"/>
      <c r="ED19" s="867"/>
    </row>
    <row r="20" spans="50:145" ht="5.0999999999999996" customHeight="1">
      <c r="AX20" s="872"/>
      <c r="AY20" s="872"/>
      <c r="AZ20" s="872"/>
      <c r="BC20" s="697" t="s">
        <v>162</v>
      </c>
      <c r="BD20" s="564"/>
      <c r="BE20" s="564"/>
      <c r="BF20" s="564"/>
      <c r="BG20" s="564"/>
      <c r="BH20" s="564"/>
      <c r="BI20" s="564"/>
      <c r="BJ20" s="564"/>
      <c r="BK20" s="564"/>
      <c r="BL20" s="174"/>
      <c r="BM20" s="174"/>
      <c r="BN20" s="43"/>
      <c r="BO20" s="647" t="s">
        <v>13</v>
      </c>
      <c r="BP20" s="648"/>
      <c r="BQ20" s="648"/>
      <c r="BR20" s="648"/>
      <c r="BS20" s="648"/>
      <c r="BT20" s="648"/>
      <c r="BU20" s="648"/>
      <c r="BV20" s="648"/>
      <c r="BW20" s="649"/>
      <c r="BX20" s="502"/>
      <c r="BY20" s="503"/>
      <c r="BZ20" s="503"/>
      <c r="CA20" s="503"/>
      <c r="CB20" s="503"/>
      <c r="CC20" s="503"/>
      <c r="CD20" s="503"/>
      <c r="CE20" s="503"/>
      <c r="CF20" s="503"/>
      <c r="CG20" s="503"/>
      <c r="CH20" s="503"/>
      <c r="CI20" s="503"/>
      <c r="CJ20" s="503"/>
      <c r="CK20" s="503"/>
      <c r="CL20" s="503"/>
      <c r="CM20" s="503"/>
      <c r="CN20" s="503"/>
      <c r="CO20" s="503"/>
      <c r="CP20" s="503"/>
      <c r="CQ20" s="503"/>
      <c r="CR20" s="503"/>
      <c r="CS20" s="503"/>
      <c r="CT20" s="503"/>
      <c r="CU20" s="503"/>
      <c r="CV20" s="503"/>
      <c r="CW20" s="635" t="s">
        <v>67</v>
      </c>
      <c r="CX20" s="636"/>
      <c r="CY20" s="636"/>
      <c r="CZ20" s="636"/>
      <c r="DA20" s="636"/>
      <c r="DB20" s="636"/>
      <c r="DC20" s="636"/>
      <c r="DD20" s="636"/>
      <c r="DE20" s="636"/>
      <c r="DF20" s="636"/>
      <c r="DG20" s="656"/>
      <c r="DH20" s="635" t="s">
        <v>161</v>
      </c>
      <c r="DI20" s="636"/>
      <c r="DJ20" s="636"/>
      <c r="DK20" s="636"/>
      <c r="DL20" s="636"/>
      <c r="DM20" s="636"/>
      <c r="DN20" s="636"/>
      <c r="DO20" s="636"/>
      <c r="DP20" s="636"/>
      <c r="DQ20" s="636"/>
      <c r="DR20" s="636"/>
      <c r="DS20" s="636"/>
      <c r="DT20" s="636"/>
      <c r="DU20" s="656"/>
      <c r="DV20" s="635" t="s">
        <v>65</v>
      </c>
      <c r="DW20" s="636"/>
      <c r="DX20" s="636"/>
      <c r="DY20" s="636"/>
      <c r="DZ20" s="636"/>
      <c r="EA20" s="637"/>
      <c r="EB20" s="166"/>
      <c r="EC20" s="867"/>
      <c r="ED20" s="867"/>
    </row>
    <row r="21" spans="50:145" ht="5.0999999999999996" customHeight="1">
      <c r="AX21" s="872"/>
      <c r="AY21" s="872"/>
      <c r="AZ21" s="872"/>
      <c r="BC21" s="699"/>
      <c r="BD21" s="700"/>
      <c r="BE21" s="700"/>
      <c r="BF21" s="700"/>
      <c r="BG21" s="700"/>
      <c r="BH21" s="700"/>
      <c r="BI21" s="700"/>
      <c r="BJ21" s="700"/>
      <c r="BK21" s="700"/>
      <c r="BL21" s="174"/>
      <c r="BM21" s="174"/>
      <c r="BN21" s="43"/>
      <c r="BO21" s="488"/>
      <c r="BP21" s="489"/>
      <c r="BQ21" s="489"/>
      <c r="BR21" s="489"/>
      <c r="BS21" s="489"/>
      <c r="BT21" s="489"/>
      <c r="BU21" s="489"/>
      <c r="BV21" s="489"/>
      <c r="BW21" s="490"/>
      <c r="BX21" s="505"/>
      <c r="BY21" s="506"/>
      <c r="BZ21" s="506"/>
      <c r="CA21" s="506"/>
      <c r="CB21" s="506"/>
      <c r="CC21" s="506"/>
      <c r="CD21" s="506"/>
      <c r="CE21" s="506"/>
      <c r="CF21" s="506"/>
      <c r="CG21" s="506"/>
      <c r="CH21" s="506"/>
      <c r="CI21" s="506"/>
      <c r="CJ21" s="506"/>
      <c r="CK21" s="506"/>
      <c r="CL21" s="506"/>
      <c r="CM21" s="506"/>
      <c r="CN21" s="506"/>
      <c r="CO21" s="506"/>
      <c r="CP21" s="506"/>
      <c r="CQ21" s="506"/>
      <c r="CR21" s="506"/>
      <c r="CS21" s="506"/>
      <c r="CT21" s="506"/>
      <c r="CU21" s="506"/>
      <c r="CV21" s="506"/>
      <c r="CW21" s="638"/>
      <c r="CX21" s="639"/>
      <c r="CY21" s="639"/>
      <c r="CZ21" s="639"/>
      <c r="DA21" s="639"/>
      <c r="DB21" s="639"/>
      <c r="DC21" s="639"/>
      <c r="DD21" s="639"/>
      <c r="DE21" s="639"/>
      <c r="DF21" s="639"/>
      <c r="DG21" s="657"/>
      <c r="DH21" s="638"/>
      <c r="DI21" s="639"/>
      <c r="DJ21" s="639"/>
      <c r="DK21" s="639"/>
      <c r="DL21" s="639"/>
      <c r="DM21" s="639"/>
      <c r="DN21" s="639"/>
      <c r="DO21" s="639"/>
      <c r="DP21" s="639"/>
      <c r="DQ21" s="639"/>
      <c r="DR21" s="639"/>
      <c r="DS21" s="639"/>
      <c r="DT21" s="639"/>
      <c r="DU21" s="657"/>
      <c r="DV21" s="638"/>
      <c r="DW21" s="639"/>
      <c r="DX21" s="639"/>
      <c r="DY21" s="639"/>
      <c r="DZ21" s="639"/>
      <c r="EA21" s="640"/>
      <c r="EB21" s="166"/>
      <c r="EC21" s="867"/>
      <c r="ED21" s="867"/>
    </row>
    <row r="22" spans="50:145" ht="5.0999999999999996" customHeight="1">
      <c r="AX22" s="872"/>
      <c r="AY22" s="872"/>
      <c r="AZ22" s="872"/>
      <c r="BC22" s="856" t="s">
        <v>18</v>
      </c>
      <c r="BD22" s="648"/>
      <c r="BE22" s="648"/>
      <c r="BF22" s="649"/>
      <c r="BG22" s="647" t="s">
        <v>17</v>
      </c>
      <c r="BH22" s="648"/>
      <c r="BI22" s="648"/>
      <c r="BJ22" s="649"/>
      <c r="BK22" s="647" t="s">
        <v>160</v>
      </c>
      <c r="BL22" s="648"/>
      <c r="BM22" s="648"/>
      <c r="BN22" s="648"/>
      <c r="BO22" s="491"/>
      <c r="BP22" s="492"/>
      <c r="BQ22" s="492"/>
      <c r="BR22" s="492"/>
      <c r="BS22" s="492"/>
      <c r="BT22" s="492"/>
      <c r="BU22" s="492"/>
      <c r="BV22" s="492"/>
      <c r="BW22" s="493"/>
      <c r="BX22" s="508"/>
      <c r="BY22" s="509"/>
      <c r="BZ22" s="509"/>
      <c r="CA22" s="509"/>
      <c r="CB22" s="509"/>
      <c r="CC22" s="509"/>
      <c r="CD22" s="509"/>
      <c r="CE22" s="509"/>
      <c r="CF22" s="509"/>
      <c r="CG22" s="509"/>
      <c r="CH22" s="509"/>
      <c r="CI22" s="509"/>
      <c r="CJ22" s="509"/>
      <c r="CK22" s="509"/>
      <c r="CL22" s="509"/>
      <c r="CM22" s="509"/>
      <c r="CN22" s="509"/>
      <c r="CO22" s="509"/>
      <c r="CP22" s="509"/>
      <c r="CQ22" s="509"/>
      <c r="CR22" s="509"/>
      <c r="CS22" s="509"/>
      <c r="CT22" s="509"/>
      <c r="CU22" s="509"/>
      <c r="CV22" s="509"/>
      <c r="CW22" s="658"/>
      <c r="CX22" s="659"/>
      <c r="CY22" s="659"/>
      <c r="CZ22" s="659"/>
      <c r="DA22" s="659"/>
      <c r="DB22" s="659"/>
      <c r="DC22" s="659"/>
      <c r="DD22" s="659"/>
      <c r="DE22" s="659"/>
      <c r="DF22" s="659"/>
      <c r="DG22" s="660"/>
      <c r="DH22" s="658"/>
      <c r="DI22" s="659"/>
      <c r="DJ22" s="659"/>
      <c r="DK22" s="659"/>
      <c r="DL22" s="659"/>
      <c r="DM22" s="659"/>
      <c r="DN22" s="659"/>
      <c r="DO22" s="659"/>
      <c r="DP22" s="659"/>
      <c r="DQ22" s="659"/>
      <c r="DR22" s="659"/>
      <c r="DS22" s="659"/>
      <c r="DT22" s="659"/>
      <c r="DU22" s="660"/>
      <c r="DV22" s="658"/>
      <c r="DW22" s="659"/>
      <c r="DX22" s="659"/>
      <c r="DY22" s="659"/>
      <c r="DZ22" s="659"/>
      <c r="EA22" s="850"/>
      <c r="EB22" s="166"/>
      <c r="EC22" s="867"/>
      <c r="ED22" s="867"/>
    </row>
    <row r="23" spans="50:145" ht="5.0999999999999996" customHeight="1">
      <c r="AX23" s="872"/>
      <c r="AY23" s="872"/>
      <c r="AZ23" s="872"/>
      <c r="BC23" s="566"/>
      <c r="BD23" s="489"/>
      <c r="BE23" s="489"/>
      <c r="BF23" s="490"/>
      <c r="BG23" s="488"/>
      <c r="BH23" s="489"/>
      <c r="BI23" s="489"/>
      <c r="BJ23" s="490"/>
      <c r="BK23" s="488"/>
      <c r="BL23" s="489"/>
      <c r="BM23" s="489"/>
      <c r="BN23" s="489"/>
      <c r="BO23" s="464" t="s">
        <v>159</v>
      </c>
      <c r="BP23" s="465"/>
      <c r="BQ23" s="465"/>
      <c r="BR23" s="465"/>
      <c r="BS23" s="465"/>
      <c r="BT23" s="465"/>
      <c r="BU23" s="465"/>
      <c r="BV23" s="465"/>
      <c r="BW23" s="466"/>
      <c r="BX23" s="858" t="s">
        <v>158</v>
      </c>
      <c r="BY23" s="859"/>
      <c r="BZ23" s="859"/>
      <c r="CA23" s="859"/>
      <c r="CB23" s="859"/>
      <c r="CC23" s="859"/>
      <c r="CD23" s="859"/>
      <c r="CE23" s="859"/>
      <c r="CF23" s="859"/>
      <c r="CG23" s="859"/>
      <c r="CH23" s="859"/>
      <c r="CI23" s="859"/>
      <c r="CJ23" s="859"/>
      <c r="CK23" s="859"/>
      <c r="CL23" s="859"/>
      <c r="CM23" s="859"/>
      <c r="CN23" s="859"/>
      <c r="CO23" s="859"/>
      <c r="CP23" s="859"/>
      <c r="CQ23" s="859"/>
      <c r="CR23" s="859"/>
      <c r="CS23" s="859"/>
      <c r="CT23" s="859"/>
      <c r="CU23" s="859"/>
      <c r="CV23" s="859"/>
      <c r="CW23" s="70"/>
      <c r="CX23" s="69"/>
      <c r="CY23" s="69"/>
      <c r="CZ23" s="69"/>
      <c r="DA23" s="69"/>
      <c r="DB23" s="69"/>
      <c r="DC23" s="69"/>
      <c r="DD23" s="69"/>
      <c r="DE23" s="45"/>
      <c r="DF23" s="45"/>
      <c r="DG23" s="44"/>
      <c r="DH23" s="635"/>
      <c r="DI23" s="636"/>
      <c r="DJ23" s="636"/>
      <c r="DK23" s="636"/>
      <c r="DL23" s="636"/>
      <c r="DM23" s="636"/>
      <c r="DN23" s="636"/>
      <c r="DO23" s="636"/>
      <c r="DP23" s="636"/>
      <c r="DQ23" s="636"/>
      <c r="DR23" s="636"/>
      <c r="DS23" s="636"/>
      <c r="DT23" s="636"/>
      <c r="DU23" s="656"/>
      <c r="DV23" s="635"/>
      <c r="DW23" s="636"/>
      <c r="DX23" s="636"/>
      <c r="DY23" s="636"/>
      <c r="DZ23" s="636"/>
      <c r="EA23" s="637"/>
      <c r="EB23" s="166"/>
      <c r="EC23" s="867"/>
      <c r="ED23" s="867"/>
    </row>
    <row r="24" spans="50:145" ht="5.0999999999999996" customHeight="1">
      <c r="AX24" s="872"/>
      <c r="AY24" s="872"/>
      <c r="AZ24" s="872"/>
      <c r="BC24" s="644"/>
      <c r="BD24" s="492"/>
      <c r="BE24" s="492"/>
      <c r="BF24" s="493"/>
      <c r="BG24" s="491"/>
      <c r="BH24" s="492"/>
      <c r="BI24" s="492"/>
      <c r="BJ24" s="493"/>
      <c r="BK24" s="491"/>
      <c r="BL24" s="492"/>
      <c r="BM24" s="492"/>
      <c r="BN24" s="492"/>
      <c r="BO24" s="467"/>
      <c r="BP24" s="468"/>
      <c r="BQ24" s="468"/>
      <c r="BR24" s="468"/>
      <c r="BS24" s="468"/>
      <c r="BT24" s="468"/>
      <c r="BU24" s="468"/>
      <c r="BV24" s="468"/>
      <c r="BW24" s="469"/>
      <c r="BX24" s="860"/>
      <c r="BY24" s="861"/>
      <c r="BZ24" s="861"/>
      <c r="CA24" s="861"/>
      <c r="CB24" s="861"/>
      <c r="CC24" s="861"/>
      <c r="CD24" s="861"/>
      <c r="CE24" s="861"/>
      <c r="CF24" s="861"/>
      <c r="CG24" s="861"/>
      <c r="CH24" s="861"/>
      <c r="CI24" s="861"/>
      <c r="CJ24" s="861"/>
      <c r="CK24" s="861"/>
      <c r="CL24" s="861"/>
      <c r="CM24" s="861"/>
      <c r="CN24" s="861"/>
      <c r="CO24" s="861"/>
      <c r="CP24" s="861"/>
      <c r="CQ24" s="861"/>
      <c r="CR24" s="861"/>
      <c r="CS24" s="861"/>
      <c r="CT24" s="861"/>
      <c r="CU24" s="861"/>
      <c r="CV24" s="861"/>
      <c r="CW24" s="854" t="s">
        <v>42</v>
      </c>
      <c r="CX24" s="855"/>
      <c r="CY24" s="855"/>
      <c r="CZ24" s="855"/>
      <c r="DA24" s="43"/>
      <c r="DB24" s="43"/>
      <c r="DC24" s="43"/>
      <c r="DD24" s="43"/>
      <c r="DE24" s="2"/>
      <c r="DF24" s="2"/>
      <c r="DG24" s="42"/>
      <c r="DH24" s="638"/>
      <c r="DI24" s="639"/>
      <c r="DJ24" s="639"/>
      <c r="DK24" s="639"/>
      <c r="DL24" s="639"/>
      <c r="DM24" s="639"/>
      <c r="DN24" s="639"/>
      <c r="DO24" s="639"/>
      <c r="DP24" s="639"/>
      <c r="DQ24" s="639"/>
      <c r="DR24" s="639"/>
      <c r="DS24" s="639"/>
      <c r="DT24" s="639"/>
      <c r="DU24" s="657"/>
      <c r="DV24" s="638"/>
      <c r="DW24" s="639"/>
      <c r="DX24" s="639"/>
      <c r="DY24" s="639"/>
      <c r="DZ24" s="639"/>
      <c r="EA24" s="640"/>
      <c r="EB24" s="166"/>
      <c r="EC24" s="867"/>
      <c r="ED24" s="867"/>
    </row>
    <row r="25" spans="50:145" ht="5.0999999999999996" customHeight="1">
      <c r="AX25" s="872"/>
      <c r="AY25" s="872"/>
      <c r="AZ25" s="872"/>
      <c r="BC25" s="888" t="s">
        <v>9</v>
      </c>
      <c r="BD25" s="889"/>
      <c r="BE25" s="889"/>
      <c r="BF25" s="890"/>
      <c r="BG25" s="555"/>
      <c r="BH25" s="556"/>
      <c r="BI25" s="556"/>
      <c r="BJ25" s="557"/>
      <c r="BK25" s="555"/>
      <c r="BL25" s="556"/>
      <c r="BM25" s="556"/>
      <c r="BN25" s="556"/>
      <c r="BO25" s="467"/>
      <c r="BP25" s="468"/>
      <c r="BQ25" s="468"/>
      <c r="BR25" s="468"/>
      <c r="BS25" s="468"/>
      <c r="BT25" s="468"/>
      <c r="BU25" s="468"/>
      <c r="BV25" s="468"/>
      <c r="BW25" s="469"/>
      <c r="BX25" s="860"/>
      <c r="BY25" s="861"/>
      <c r="BZ25" s="861"/>
      <c r="CA25" s="861"/>
      <c r="CB25" s="861"/>
      <c r="CC25" s="861"/>
      <c r="CD25" s="861"/>
      <c r="CE25" s="861"/>
      <c r="CF25" s="861"/>
      <c r="CG25" s="861"/>
      <c r="CH25" s="861"/>
      <c r="CI25" s="861"/>
      <c r="CJ25" s="861"/>
      <c r="CK25" s="861"/>
      <c r="CL25" s="861"/>
      <c r="CM25" s="861"/>
      <c r="CN25" s="861"/>
      <c r="CO25" s="861"/>
      <c r="CP25" s="861"/>
      <c r="CQ25" s="861"/>
      <c r="CR25" s="861"/>
      <c r="CS25" s="861"/>
      <c r="CT25" s="861"/>
      <c r="CU25" s="861"/>
      <c r="CV25" s="861"/>
      <c r="CW25" s="854"/>
      <c r="CX25" s="855"/>
      <c r="CY25" s="855"/>
      <c r="CZ25" s="855"/>
      <c r="DA25" s="43"/>
      <c r="DB25" s="520" t="s">
        <v>157</v>
      </c>
      <c r="DC25" s="43"/>
      <c r="DD25" s="43"/>
      <c r="DE25" s="520" t="s">
        <v>157</v>
      </c>
      <c r="DF25" s="2"/>
      <c r="DG25" s="42"/>
      <c r="DH25" s="638"/>
      <c r="DI25" s="639"/>
      <c r="DJ25" s="639"/>
      <c r="DK25" s="639"/>
      <c r="DL25" s="639"/>
      <c r="DM25" s="639"/>
      <c r="DN25" s="639"/>
      <c r="DO25" s="639"/>
      <c r="DP25" s="639"/>
      <c r="DQ25" s="639"/>
      <c r="DR25" s="639"/>
      <c r="DS25" s="639"/>
      <c r="DT25" s="639"/>
      <c r="DU25" s="657"/>
      <c r="DV25" s="638"/>
      <c r="DW25" s="639"/>
      <c r="DX25" s="639"/>
      <c r="DY25" s="639"/>
      <c r="DZ25" s="639"/>
      <c r="EA25" s="640"/>
      <c r="EB25" s="166"/>
      <c r="EC25" s="867"/>
      <c r="ED25" s="867"/>
    </row>
    <row r="26" spans="50:145" ht="5.0999999999999996" customHeight="1">
      <c r="AX26" s="872"/>
      <c r="AY26" s="872"/>
      <c r="AZ26" s="872"/>
      <c r="BC26" s="891"/>
      <c r="BD26" s="892"/>
      <c r="BE26" s="892"/>
      <c r="BF26" s="893"/>
      <c r="BG26" s="456"/>
      <c r="BH26" s="457"/>
      <c r="BI26" s="457"/>
      <c r="BJ26" s="558"/>
      <c r="BK26" s="456"/>
      <c r="BL26" s="457"/>
      <c r="BM26" s="457"/>
      <c r="BN26" s="457"/>
      <c r="BO26" s="467"/>
      <c r="BP26" s="468"/>
      <c r="BQ26" s="468"/>
      <c r="BR26" s="468"/>
      <c r="BS26" s="468"/>
      <c r="BT26" s="468"/>
      <c r="BU26" s="468"/>
      <c r="BV26" s="468"/>
      <c r="BW26" s="469"/>
      <c r="BX26" s="860"/>
      <c r="BY26" s="861"/>
      <c r="BZ26" s="861"/>
      <c r="CA26" s="861"/>
      <c r="CB26" s="861"/>
      <c r="CC26" s="861"/>
      <c r="CD26" s="861"/>
      <c r="CE26" s="861"/>
      <c r="CF26" s="861"/>
      <c r="CG26" s="861"/>
      <c r="CH26" s="861"/>
      <c r="CI26" s="861"/>
      <c r="CJ26" s="861"/>
      <c r="CK26" s="861"/>
      <c r="CL26" s="861"/>
      <c r="CM26" s="861"/>
      <c r="CN26" s="861"/>
      <c r="CO26" s="861"/>
      <c r="CP26" s="861"/>
      <c r="CQ26" s="861"/>
      <c r="CR26" s="861"/>
      <c r="CS26" s="861"/>
      <c r="CT26" s="861"/>
      <c r="CU26" s="861"/>
      <c r="CV26" s="861"/>
      <c r="CW26" s="854" t="s">
        <v>38</v>
      </c>
      <c r="CX26" s="855"/>
      <c r="CY26" s="855"/>
      <c r="CZ26" s="855"/>
      <c r="DA26" s="43"/>
      <c r="DB26" s="520"/>
      <c r="DC26" s="43"/>
      <c r="DD26" s="43"/>
      <c r="DE26" s="520"/>
      <c r="DF26" s="2"/>
      <c r="DG26" s="42"/>
      <c r="DH26" s="638"/>
      <c r="DI26" s="639"/>
      <c r="DJ26" s="639"/>
      <c r="DK26" s="639"/>
      <c r="DL26" s="639"/>
      <c r="DM26" s="639"/>
      <c r="DN26" s="639"/>
      <c r="DO26" s="639"/>
      <c r="DP26" s="639"/>
      <c r="DQ26" s="639"/>
      <c r="DR26" s="639"/>
      <c r="DS26" s="639"/>
      <c r="DT26" s="639"/>
      <c r="DU26" s="657"/>
      <c r="DV26" s="638"/>
      <c r="DW26" s="639"/>
      <c r="DX26" s="639"/>
      <c r="DY26" s="639"/>
      <c r="DZ26" s="639"/>
      <c r="EA26" s="640"/>
      <c r="EB26" s="166"/>
      <c r="EC26" s="867"/>
      <c r="ED26" s="867"/>
    </row>
    <row r="27" spans="50:145" ht="5.0999999999999996" customHeight="1">
      <c r="AX27" s="872"/>
      <c r="AY27" s="872"/>
      <c r="AZ27" s="872"/>
      <c r="BC27" s="891"/>
      <c r="BD27" s="892"/>
      <c r="BE27" s="892"/>
      <c r="BF27" s="893"/>
      <c r="BG27" s="456"/>
      <c r="BH27" s="457"/>
      <c r="BI27" s="457"/>
      <c r="BJ27" s="558"/>
      <c r="BK27" s="456"/>
      <c r="BL27" s="457"/>
      <c r="BM27" s="457"/>
      <c r="BN27" s="457"/>
      <c r="BO27" s="467"/>
      <c r="BP27" s="468"/>
      <c r="BQ27" s="468"/>
      <c r="BR27" s="468"/>
      <c r="BS27" s="468"/>
      <c r="BT27" s="468"/>
      <c r="BU27" s="468"/>
      <c r="BV27" s="468"/>
      <c r="BW27" s="469"/>
      <c r="BX27" s="860"/>
      <c r="BY27" s="861"/>
      <c r="BZ27" s="861"/>
      <c r="CA27" s="861"/>
      <c r="CB27" s="861"/>
      <c r="CC27" s="861"/>
      <c r="CD27" s="861"/>
      <c r="CE27" s="861"/>
      <c r="CF27" s="861"/>
      <c r="CG27" s="861"/>
      <c r="CH27" s="861"/>
      <c r="CI27" s="861"/>
      <c r="CJ27" s="861"/>
      <c r="CK27" s="861"/>
      <c r="CL27" s="861"/>
      <c r="CM27" s="861"/>
      <c r="CN27" s="861"/>
      <c r="CO27" s="861"/>
      <c r="CP27" s="861"/>
      <c r="CQ27" s="861"/>
      <c r="CR27" s="861"/>
      <c r="CS27" s="861"/>
      <c r="CT27" s="861"/>
      <c r="CU27" s="861"/>
      <c r="CV27" s="861"/>
      <c r="CW27" s="854"/>
      <c r="CX27" s="855"/>
      <c r="CY27" s="855"/>
      <c r="CZ27" s="855"/>
      <c r="DA27" s="43"/>
      <c r="DB27" s="43"/>
      <c r="DC27" s="43"/>
      <c r="DD27" s="43"/>
      <c r="DE27" s="2"/>
      <c r="DF27" s="2"/>
      <c r="DG27" s="42"/>
      <c r="DH27" s="638"/>
      <c r="DI27" s="639"/>
      <c r="DJ27" s="639"/>
      <c r="DK27" s="639"/>
      <c r="DL27" s="639"/>
      <c r="DM27" s="639"/>
      <c r="DN27" s="639"/>
      <c r="DO27" s="639"/>
      <c r="DP27" s="639"/>
      <c r="DQ27" s="639"/>
      <c r="DR27" s="639"/>
      <c r="DS27" s="639"/>
      <c r="DT27" s="639"/>
      <c r="DU27" s="657"/>
      <c r="DV27" s="638"/>
      <c r="DW27" s="639"/>
      <c r="DX27" s="639"/>
      <c r="DY27" s="639"/>
      <c r="DZ27" s="639"/>
      <c r="EA27" s="640"/>
      <c r="EB27" s="166"/>
      <c r="EC27" s="867"/>
      <c r="ED27" s="867"/>
    </row>
    <row r="28" spans="50:145" ht="5.0999999999999996" customHeight="1">
      <c r="AX28" s="872"/>
      <c r="AY28" s="872"/>
      <c r="AZ28" s="872"/>
      <c r="BC28" s="894"/>
      <c r="BD28" s="895"/>
      <c r="BE28" s="895"/>
      <c r="BF28" s="896"/>
      <c r="BG28" s="851"/>
      <c r="BH28" s="852"/>
      <c r="BI28" s="852"/>
      <c r="BJ28" s="853"/>
      <c r="BK28" s="851"/>
      <c r="BL28" s="852"/>
      <c r="BM28" s="852"/>
      <c r="BN28" s="852"/>
      <c r="BO28" s="857"/>
      <c r="BP28" s="599"/>
      <c r="BQ28" s="599"/>
      <c r="BR28" s="599"/>
      <c r="BS28" s="599"/>
      <c r="BT28" s="599"/>
      <c r="BU28" s="599"/>
      <c r="BV28" s="599"/>
      <c r="BW28" s="600"/>
      <c r="BX28" s="862"/>
      <c r="BY28" s="863"/>
      <c r="BZ28" s="863"/>
      <c r="CA28" s="863"/>
      <c r="CB28" s="863"/>
      <c r="CC28" s="863"/>
      <c r="CD28" s="863"/>
      <c r="CE28" s="863"/>
      <c r="CF28" s="863"/>
      <c r="CG28" s="863"/>
      <c r="CH28" s="863"/>
      <c r="CI28" s="863"/>
      <c r="CJ28" s="863"/>
      <c r="CK28" s="863"/>
      <c r="CL28" s="863"/>
      <c r="CM28" s="863"/>
      <c r="CN28" s="863"/>
      <c r="CO28" s="863"/>
      <c r="CP28" s="863"/>
      <c r="CQ28" s="863"/>
      <c r="CR28" s="863"/>
      <c r="CS28" s="863"/>
      <c r="CT28" s="863"/>
      <c r="CU28" s="863"/>
      <c r="CV28" s="863"/>
      <c r="CW28" s="41"/>
      <c r="CX28" s="40"/>
      <c r="CY28" s="40"/>
      <c r="CZ28" s="40"/>
      <c r="DA28" s="40"/>
      <c r="DB28" s="40"/>
      <c r="DC28" s="40"/>
      <c r="DD28" s="40"/>
      <c r="DE28" s="40"/>
      <c r="DF28" s="40"/>
      <c r="DG28" s="68"/>
      <c r="DH28" s="641"/>
      <c r="DI28" s="642"/>
      <c r="DJ28" s="642"/>
      <c r="DK28" s="642"/>
      <c r="DL28" s="642"/>
      <c r="DM28" s="642"/>
      <c r="DN28" s="642"/>
      <c r="DO28" s="642"/>
      <c r="DP28" s="642"/>
      <c r="DQ28" s="642"/>
      <c r="DR28" s="642"/>
      <c r="DS28" s="642"/>
      <c r="DT28" s="642"/>
      <c r="DU28" s="864"/>
      <c r="DV28" s="641"/>
      <c r="DW28" s="642"/>
      <c r="DX28" s="642"/>
      <c r="DY28" s="642"/>
      <c r="DZ28" s="642"/>
      <c r="EA28" s="643"/>
      <c r="EB28" s="166"/>
      <c r="EC28" s="867"/>
      <c r="ED28" s="867"/>
    </row>
    <row r="29" spans="50:145" ht="5.0999999999999996" customHeight="1">
      <c r="AX29" s="872"/>
      <c r="AY29" s="872"/>
      <c r="AZ29" s="872"/>
      <c r="BC29" s="821" t="s">
        <v>156</v>
      </c>
      <c r="BD29" s="821"/>
      <c r="BE29" s="821"/>
      <c r="BF29" s="821"/>
      <c r="BG29" s="821"/>
      <c r="BH29" s="821"/>
      <c r="BI29" s="821"/>
      <c r="BJ29" s="821"/>
      <c r="BK29" s="821"/>
      <c r="BL29" s="821"/>
      <c r="BM29" s="821"/>
      <c r="BN29" s="821"/>
      <c r="BO29" s="821"/>
      <c r="BP29" s="821"/>
      <c r="BQ29" s="821"/>
      <c r="BR29" s="821"/>
      <c r="BS29" s="821"/>
      <c r="BT29" s="821"/>
      <c r="BU29" s="821"/>
      <c r="BV29" s="821"/>
      <c r="BW29" s="821"/>
      <c r="BX29" s="821"/>
      <c r="BY29" s="821"/>
      <c r="BZ29" s="821"/>
      <c r="CA29" s="821"/>
      <c r="CB29" s="821"/>
      <c r="CC29" s="821"/>
      <c r="CD29" s="821"/>
      <c r="CE29" s="821"/>
      <c r="CF29" s="821"/>
      <c r="CG29" s="821"/>
      <c r="CH29" s="821"/>
      <c r="CI29" s="821"/>
      <c r="CJ29" s="821"/>
      <c r="CK29" s="821"/>
      <c r="CL29" s="821"/>
      <c r="CM29" s="821"/>
      <c r="CN29" s="821"/>
      <c r="CO29" s="821"/>
      <c r="CP29" s="821"/>
      <c r="CQ29" s="821"/>
      <c r="CR29" s="821"/>
      <c r="CS29" s="821"/>
      <c r="EC29" s="867"/>
      <c r="ED29" s="867"/>
      <c r="EE29" s="564"/>
      <c r="EF29" s="564"/>
      <c r="EG29" s="564"/>
      <c r="EH29" s="564"/>
      <c r="EI29" s="564"/>
      <c r="EJ29" s="564"/>
      <c r="EK29" s="564"/>
      <c r="EL29" s="564"/>
      <c r="EM29" s="564"/>
      <c r="EN29" s="564"/>
      <c r="EO29" s="564"/>
    </row>
    <row r="30" spans="50:145" ht="4.5" customHeight="1">
      <c r="AX30" s="872"/>
      <c r="AY30" s="872"/>
      <c r="AZ30" s="872"/>
      <c r="BC30" s="821"/>
      <c r="BD30" s="821"/>
      <c r="BE30" s="821"/>
      <c r="BF30" s="821"/>
      <c r="BG30" s="821"/>
      <c r="BH30" s="821"/>
      <c r="BI30" s="821"/>
      <c r="BJ30" s="821"/>
      <c r="BK30" s="821"/>
      <c r="BL30" s="821"/>
      <c r="BM30" s="821"/>
      <c r="BN30" s="821"/>
      <c r="BO30" s="821"/>
      <c r="BP30" s="821"/>
      <c r="BQ30" s="821"/>
      <c r="BR30" s="821"/>
      <c r="BS30" s="821"/>
      <c r="BT30" s="821"/>
      <c r="BU30" s="821"/>
      <c r="BV30" s="821"/>
      <c r="BW30" s="821"/>
      <c r="BX30" s="821"/>
      <c r="BY30" s="821"/>
      <c r="BZ30" s="821"/>
      <c r="CA30" s="821"/>
      <c r="CB30" s="821"/>
      <c r="CC30" s="821"/>
      <c r="CD30" s="821"/>
      <c r="CE30" s="821"/>
      <c r="CF30" s="821"/>
      <c r="CG30" s="821"/>
      <c r="CH30" s="821"/>
      <c r="CI30" s="821"/>
      <c r="CJ30" s="821"/>
      <c r="CK30" s="821"/>
      <c r="CL30" s="821"/>
      <c r="CM30" s="821"/>
      <c r="CN30" s="821"/>
      <c r="CO30" s="821"/>
      <c r="CP30" s="821"/>
      <c r="CQ30" s="821"/>
      <c r="CR30" s="821"/>
      <c r="CS30" s="821"/>
      <c r="EB30" s="165"/>
      <c r="EC30" s="867"/>
      <c r="ED30" s="867"/>
      <c r="EE30" s="564"/>
      <c r="EF30" s="564"/>
      <c r="EG30" s="564"/>
      <c r="EH30" s="564"/>
      <c r="EI30" s="564"/>
      <c r="EJ30" s="564"/>
      <c r="EK30" s="564"/>
      <c r="EL30" s="564"/>
      <c r="EM30" s="564"/>
      <c r="EN30" s="564"/>
      <c r="EO30" s="564"/>
    </row>
    <row r="31" spans="50:145" ht="5.25" customHeight="1">
      <c r="AX31" s="872"/>
      <c r="AY31" s="872"/>
      <c r="AZ31" s="872"/>
      <c r="BC31" s="821"/>
      <c r="BD31" s="821"/>
      <c r="BE31" s="821"/>
      <c r="BF31" s="821"/>
      <c r="BG31" s="821"/>
      <c r="BH31" s="821"/>
      <c r="BI31" s="821"/>
      <c r="BJ31" s="821"/>
      <c r="BK31" s="821"/>
      <c r="BL31" s="821"/>
      <c r="BM31" s="821"/>
      <c r="BN31" s="821"/>
      <c r="BO31" s="821"/>
      <c r="BP31" s="821"/>
      <c r="BQ31" s="821"/>
      <c r="BR31" s="821"/>
      <c r="BS31" s="821"/>
      <c r="BT31" s="821"/>
      <c r="BU31" s="821"/>
      <c r="BV31" s="821"/>
      <c r="BW31" s="821"/>
      <c r="BX31" s="821"/>
      <c r="BY31" s="821"/>
      <c r="BZ31" s="821"/>
      <c r="CA31" s="821"/>
      <c r="CB31" s="821"/>
      <c r="CC31" s="821"/>
      <c r="CD31" s="821"/>
      <c r="CE31" s="821"/>
      <c r="CF31" s="821"/>
      <c r="CG31" s="821"/>
      <c r="CH31" s="821"/>
      <c r="CI31" s="821"/>
      <c r="CJ31" s="821"/>
      <c r="CK31" s="821"/>
      <c r="CL31" s="821"/>
      <c r="CM31" s="821"/>
      <c r="CN31" s="821"/>
      <c r="CO31" s="821"/>
      <c r="CP31" s="821"/>
      <c r="CQ31" s="821"/>
      <c r="CR31" s="821"/>
      <c r="CS31" s="821"/>
      <c r="EB31" s="165"/>
      <c r="EC31" s="867"/>
      <c r="ED31" s="867"/>
      <c r="EE31" s="627"/>
      <c r="EF31" s="627"/>
      <c r="EG31" s="627"/>
      <c r="EH31" s="627"/>
      <c r="EI31" s="627"/>
      <c r="EJ31" s="627"/>
      <c r="EK31" s="627"/>
      <c r="EL31" s="627"/>
      <c r="EM31" s="627"/>
      <c r="EN31" s="627"/>
      <c r="EO31" s="627"/>
    </row>
    <row r="32" spans="50:145" ht="5.25" customHeight="1">
      <c r="AX32" s="872"/>
      <c r="AY32" s="872"/>
      <c r="AZ32" s="872"/>
      <c r="BC32" s="822" t="s">
        <v>155</v>
      </c>
      <c r="BD32" s="823"/>
      <c r="BE32" s="823"/>
      <c r="BF32" s="823"/>
      <c r="BG32" s="823"/>
      <c r="BH32" s="823"/>
      <c r="BI32" s="823"/>
      <c r="BJ32" s="824"/>
      <c r="BK32" s="826" t="s">
        <v>154</v>
      </c>
      <c r="BL32" s="518"/>
      <c r="BM32" s="518"/>
      <c r="BN32" s="518"/>
      <c r="BO32" s="518"/>
      <c r="BP32" s="518"/>
      <c r="BQ32" s="518"/>
      <c r="BR32" s="518"/>
      <c r="BS32" s="518"/>
      <c r="BT32" s="518"/>
      <c r="BU32" s="827"/>
      <c r="BV32" s="826" t="s">
        <v>153</v>
      </c>
      <c r="BW32" s="518"/>
      <c r="BX32" s="518"/>
      <c r="BY32" s="518"/>
      <c r="BZ32" s="518"/>
      <c r="CA32" s="518"/>
      <c r="CB32" s="518"/>
      <c r="CC32" s="518"/>
      <c r="CD32" s="518"/>
      <c r="CE32" s="518"/>
      <c r="CF32" s="827"/>
      <c r="CG32" s="826" t="s">
        <v>152</v>
      </c>
      <c r="CH32" s="518"/>
      <c r="CI32" s="518"/>
      <c r="CJ32" s="518"/>
      <c r="CK32" s="518"/>
      <c r="CL32" s="518"/>
      <c r="CM32" s="518"/>
      <c r="CN32" s="518"/>
      <c r="CO32" s="518"/>
      <c r="CP32" s="518"/>
      <c r="CQ32" s="518"/>
      <c r="CR32" s="518"/>
      <c r="CS32" s="518"/>
      <c r="CT32" s="828"/>
      <c r="CU32" s="166"/>
      <c r="CV32" s="166"/>
      <c r="CW32" s="588" t="s">
        <v>151</v>
      </c>
      <c r="CX32" s="761"/>
      <c r="CY32" s="762"/>
      <c r="CZ32" s="498" t="s">
        <v>106</v>
      </c>
      <c r="DA32" s="500"/>
      <c r="DB32" s="829" t="s">
        <v>105</v>
      </c>
      <c r="DC32" s="830"/>
      <c r="DD32" s="830"/>
      <c r="DE32" s="830"/>
      <c r="DF32" s="830"/>
      <c r="DG32" s="830"/>
      <c r="DH32" s="830"/>
      <c r="DI32" s="830"/>
      <c r="DJ32" s="831"/>
      <c r="DK32" s="498" t="s">
        <v>150</v>
      </c>
      <c r="DL32" s="499"/>
      <c r="DM32" s="500"/>
      <c r="DN32" s="847" t="s">
        <v>4</v>
      </c>
      <c r="DO32" s="848"/>
      <c r="DP32" s="848"/>
      <c r="DQ32" s="848"/>
      <c r="DR32" s="848"/>
      <c r="DS32" s="848"/>
      <c r="DT32" s="848"/>
      <c r="DU32" s="848"/>
      <c r="DV32" s="848"/>
      <c r="DW32" s="848"/>
      <c r="DX32" s="848"/>
      <c r="DY32" s="848"/>
      <c r="DZ32" s="848"/>
      <c r="EA32" s="849"/>
      <c r="EB32" s="165"/>
      <c r="EC32" s="867"/>
      <c r="ED32" s="867"/>
      <c r="EE32" s="627"/>
      <c r="EF32" s="627"/>
      <c r="EG32" s="627"/>
      <c r="EH32" s="627"/>
      <c r="EI32" s="627"/>
      <c r="EJ32" s="627"/>
      <c r="EK32" s="627"/>
      <c r="EL32" s="627"/>
      <c r="EM32" s="627"/>
      <c r="EN32" s="627"/>
      <c r="EO32" s="627"/>
    </row>
    <row r="33" spans="50:145" ht="5.25" customHeight="1">
      <c r="AX33" s="872"/>
      <c r="AY33" s="872"/>
      <c r="AZ33" s="872"/>
      <c r="BC33" s="710"/>
      <c r="BD33" s="711"/>
      <c r="BE33" s="711"/>
      <c r="BF33" s="711"/>
      <c r="BG33" s="711"/>
      <c r="BH33" s="711"/>
      <c r="BI33" s="711"/>
      <c r="BJ33" s="825"/>
      <c r="BK33" s="461"/>
      <c r="BL33" s="462"/>
      <c r="BM33" s="462"/>
      <c r="BN33" s="462"/>
      <c r="BO33" s="462"/>
      <c r="BP33" s="462"/>
      <c r="BQ33" s="462"/>
      <c r="BR33" s="462"/>
      <c r="BS33" s="462"/>
      <c r="BT33" s="462"/>
      <c r="BU33" s="463"/>
      <c r="BV33" s="461"/>
      <c r="BW33" s="462"/>
      <c r="BX33" s="462"/>
      <c r="BY33" s="462"/>
      <c r="BZ33" s="462"/>
      <c r="CA33" s="462"/>
      <c r="CB33" s="462"/>
      <c r="CC33" s="462"/>
      <c r="CD33" s="462"/>
      <c r="CE33" s="462"/>
      <c r="CF33" s="463"/>
      <c r="CG33" s="461"/>
      <c r="CH33" s="462"/>
      <c r="CI33" s="462"/>
      <c r="CJ33" s="462"/>
      <c r="CK33" s="462"/>
      <c r="CL33" s="462"/>
      <c r="CM33" s="462"/>
      <c r="CN33" s="462"/>
      <c r="CO33" s="462"/>
      <c r="CP33" s="462"/>
      <c r="CQ33" s="462"/>
      <c r="CR33" s="462"/>
      <c r="CS33" s="462"/>
      <c r="CT33" s="474"/>
      <c r="CU33" s="166"/>
      <c r="CV33" s="166"/>
      <c r="CW33" s="763"/>
      <c r="CX33" s="764"/>
      <c r="CY33" s="765"/>
      <c r="CZ33" s="467"/>
      <c r="DA33" s="469"/>
      <c r="DB33" s="816"/>
      <c r="DC33" s="817"/>
      <c r="DD33" s="817"/>
      <c r="DE33" s="817"/>
      <c r="DF33" s="817"/>
      <c r="DG33" s="817"/>
      <c r="DH33" s="817"/>
      <c r="DI33" s="817"/>
      <c r="DJ33" s="818"/>
      <c r="DK33" s="467"/>
      <c r="DL33" s="468"/>
      <c r="DM33" s="469"/>
      <c r="DN33" s="626"/>
      <c r="DO33" s="627"/>
      <c r="DP33" s="627"/>
      <c r="DQ33" s="627"/>
      <c r="DR33" s="627"/>
      <c r="DS33" s="627"/>
      <c r="DT33" s="627"/>
      <c r="DU33" s="627"/>
      <c r="DV33" s="627"/>
      <c r="DW33" s="627"/>
      <c r="DX33" s="627"/>
      <c r="DY33" s="627"/>
      <c r="DZ33" s="627"/>
      <c r="EA33" s="628"/>
      <c r="EB33" s="165"/>
      <c r="EC33" s="867"/>
      <c r="ED33" s="867"/>
      <c r="EE33" s="627"/>
      <c r="EF33" s="627"/>
      <c r="EG33" s="627"/>
      <c r="EH33" s="627"/>
      <c r="EI33" s="627"/>
      <c r="EJ33" s="627"/>
      <c r="EK33" s="627"/>
      <c r="EL33" s="627"/>
      <c r="EM33" s="627"/>
      <c r="EN33" s="627"/>
      <c r="EO33" s="627"/>
    </row>
    <row r="34" spans="50:145" ht="5.25" customHeight="1">
      <c r="AX34" s="872"/>
      <c r="AY34" s="872"/>
      <c r="AZ34" s="872"/>
      <c r="BC34" s="710"/>
      <c r="BD34" s="711"/>
      <c r="BE34" s="711"/>
      <c r="BF34" s="711"/>
      <c r="BG34" s="711"/>
      <c r="BH34" s="711"/>
      <c r="BI34" s="711"/>
      <c r="BJ34" s="825"/>
      <c r="BK34" s="502"/>
      <c r="BL34" s="503"/>
      <c r="BM34" s="503"/>
      <c r="BN34" s="503"/>
      <c r="BO34" s="503"/>
      <c r="BP34" s="503"/>
      <c r="BQ34" s="503"/>
      <c r="BR34" s="503"/>
      <c r="BS34" s="503"/>
      <c r="BT34" s="503"/>
      <c r="BU34" s="513"/>
      <c r="BV34" s="502" t="s">
        <v>149</v>
      </c>
      <c r="BW34" s="503"/>
      <c r="BX34" s="503"/>
      <c r="BY34" s="503"/>
      <c r="BZ34" s="503"/>
      <c r="CA34" s="503"/>
      <c r="CB34" s="503"/>
      <c r="CC34" s="503"/>
      <c r="CD34" s="503"/>
      <c r="CE34" s="503"/>
      <c r="CF34" s="513"/>
      <c r="CG34" s="635"/>
      <c r="CH34" s="636"/>
      <c r="CI34" s="636"/>
      <c r="CJ34" s="636"/>
      <c r="CK34" s="636"/>
      <c r="CL34" s="636"/>
      <c r="CM34" s="636"/>
      <c r="CN34" s="636"/>
      <c r="CO34" s="636"/>
      <c r="CP34" s="636"/>
      <c r="CQ34" s="636"/>
      <c r="CR34" s="636"/>
      <c r="CS34" s="636"/>
      <c r="CT34" s="637"/>
      <c r="CU34" s="166"/>
      <c r="CV34" s="166"/>
      <c r="CW34" s="763"/>
      <c r="CX34" s="764"/>
      <c r="CY34" s="765"/>
      <c r="CZ34" s="467"/>
      <c r="DA34" s="469"/>
      <c r="DB34" s="816"/>
      <c r="DC34" s="817"/>
      <c r="DD34" s="817"/>
      <c r="DE34" s="817"/>
      <c r="DF34" s="817"/>
      <c r="DG34" s="817"/>
      <c r="DH34" s="817"/>
      <c r="DI34" s="817"/>
      <c r="DJ34" s="818"/>
      <c r="DK34" s="467"/>
      <c r="DL34" s="468"/>
      <c r="DM34" s="469"/>
      <c r="DN34" s="626"/>
      <c r="DO34" s="627"/>
      <c r="DP34" s="627"/>
      <c r="DQ34" s="627"/>
      <c r="DR34" s="627"/>
      <c r="DS34" s="627"/>
      <c r="DT34" s="627"/>
      <c r="DU34" s="627"/>
      <c r="DV34" s="627"/>
      <c r="DW34" s="627"/>
      <c r="DX34" s="627"/>
      <c r="DY34" s="627"/>
      <c r="DZ34" s="627"/>
      <c r="EA34" s="628"/>
      <c r="EB34" s="165"/>
      <c r="EC34" s="867"/>
      <c r="ED34" s="867"/>
      <c r="EE34" s="627"/>
      <c r="EF34" s="627"/>
      <c r="EG34" s="627"/>
      <c r="EH34" s="627"/>
      <c r="EI34" s="627"/>
      <c r="EJ34" s="627"/>
      <c r="EK34" s="627"/>
      <c r="EL34" s="627"/>
      <c r="EM34" s="627"/>
      <c r="EN34" s="627"/>
      <c r="EO34" s="627"/>
    </row>
    <row r="35" spans="50:145" ht="5.25" customHeight="1">
      <c r="AX35" s="872"/>
      <c r="AY35" s="872"/>
      <c r="AZ35" s="872"/>
      <c r="BC35" s="710"/>
      <c r="BD35" s="711"/>
      <c r="BE35" s="711"/>
      <c r="BF35" s="711"/>
      <c r="BG35" s="711"/>
      <c r="BH35" s="711"/>
      <c r="BI35" s="711"/>
      <c r="BJ35" s="825"/>
      <c r="BK35" s="505"/>
      <c r="BL35" s="506"/>
      <c r="BM35" s="506"/>
      <c r="BN35" s="506"/>
      <c r="BO35" s="506"/>
      <c r="BP35" s="506"/>
      <c r="BQ35" s="506"/>
      <c r="BR35" s="506"/>
      <c r="BS35" s="506"/>
      <c r="BT35" s="506"/>
      <c r="BU35" s="514"/>
      <c r="BV35" s="505"/>
      <c r="BW35" s="506"/>
      <c r="BX35" s="506"/>
      <c r="BY35" s="506"/>
      <c r="BZ35" s="506"/>
      <c r="CA35" s="506"/>
      <c r="CB35" s="506"/>
      <c r="CC35" s="506"/>
      <c r="CD35" s="506"/>
      <c r="CE35" s="506"/>
      <c r="CF35" s="514"/>
      <c r="CG35" s="638"/>
      <c r="CH35" s="639"/>
      <c r="CI35" s="639"/>
      <c r="CJ35" s="639"/>
      <c r="CK35" s="639"/>
      <c r="CL35" s="639"/>
      <c r="CM35" s="639"/>
      <c r="CN35" s="639"/>
      <c r="CO35" s="639"/>
      <c r="CP35" s="639"/>
      <c r="CQ35" s="639"/>
      <c r="CR35" s="639"/>
      <c r="CS35" s="639"/>
      <c r="CT35" s="640"/>
      <c r="CU35" s="166"/>
      <c r="CV35" s="166"/>
      <c r="CW35" s="763"/>
      <c r="CX35" s="764"/>
      <c r="CY35" s="765"/>
      <c r="CZ35" s="467"/>
      <c r="DA35" s="469"/>
      <c r="DB35" s="790"/>
      <c r="DC35" s="819"/>
      <c r="DD35" s="819"/>
      <c r="DE35" s="819"/>
      <c r="DF35" s="819"/>
      <c r="DG35" s="819"/>
      <c r="DH35" s="819"/>
      <c r="DI35" s="819"/>
      <c r="DJ35" s="820"/>
      <c r="DK35" s="501"/>
      <c r="DL35" s="486"/>
      <c r="DM35" s="487"/>
      <c r="DN35" s="629"/>
      <c r="DO35" s="630"/>
      <c r="DP35" s="630"/>
      <c r="DQ35" s="630"/>
      <c r="DR35" s="630"/>
      <c r="DS35" s="630"/>
      <c r="DT35" s="630"/>
      <c r="DU35" s="630"/>
      <c r="DV35" s="630"/>
      <c r="DW35" s="630"/>
      <c r="DX35" s="630"/>
      <c r="DY35" s="630"/>
      <c r="DZ35" s="630"/>
      <c r="EA35" s="631"/>
      <c r="EB35" s="165"/>
      <c r="EC35" s="867"/>
      <c r="ED35" s="867"/>
    </row>
    <row r="36" spans="50:145" ht="5.25" customHeight="1">
      <c r="AX36" s="872"/>
      <c r="AY36" s="872"/>
      <c r="AZ36" s="872"/>
      <c r="BC36" s="646" t="s">
        <v>148</v>
      </c>
      <c r="BD36" s="459"/>
      <c r="BE36" s="459"/>
      <c r="BF36" s="459"/>
      <c r="BG36" s="459"/>
      <c r="BH36" s="459"/>
      <c r="BI36" s="459"/>
      <c r="BJ36" s="460"/>
      <c r="BK36" s="508"/>
      <c r="BL36" s="509"/>
      <c r="BM36" s="509"/>
      <c r="BN36" s="509"/>
      <c r="BO36" s="509"/>
      <c r="BP36" s="509"/>
      <c r="BQ36" s="509"/>
      <c r="BR36" s="509"/>
      <c r="BS36" s="509"/>
      <c r="BT36" s="509"/>
      <c r="BU36" s="515"/>
      <c r="BV36" s="508"/>
      <c r="BW36" s="509"/>
      <c r="BX36" s="509"/>
      <c r="BY36" s="509"/>
      <c r="BZ36" s="509"/>
      <c r="CA36" s="509"/>
      <c r="CB36" s="509"/>
      <c r="CC36" s="509"/>
      <c r="CD36" s="509"/>
      <c r="CE36" s="509"/>
      <c r="CF36" s="515"/>
      <c r="CG36" s="658"/>
      <c r="CH36" s="659"/>
      <c r="CI36" s="659"/>
      <c r="CJ36" s="659"/>
      <c r="CK36" s="659"/>
      <c r="CL36" s="659"/>
      <c r="CM36" s="659"/>
      <c r="CN36" s="659"/>
      <c r="CO36" s="659"/>
      <c r="CP36" s="659"/>
      <c r="CQ36" s="659"/>
      <c r="CR36" s="659"/>
      <c r="CS36" s="659"/>
      <c r="CT36" s="850"/>
      <c r="CU36" s="166"/>
      <c r="CV36" s="166"/>
      <c r="CW36" s="763"/>
      <c r="CX36" s="764"/>
      <c r="CY36" s="765"/>
      <c r="CZ36" s="467" t="s">
        <v>102</v>
      </c>
      <c r="DA36" s="469"/>
      <c r="DB36" s="732" t="s">
        <v>101</v>
      </c>
      <c r="DC36" s="814"/>
      <c r="DD36" s="814"/>
      <c r="DE36" s="814"/>
      <c r="DF36" s="814"/>
      <c r="DG36" s="814"/>
      <c r="DH36" s="814"/>
      <c r="DI36" s="814"/>
      <c r="DJ36" s="815"/>
      <c r="DK36" s="464" t="s">
        <v>147</v>
      </c>
      <c r="DL36" s="465"/>
      <c r="DM36" s="466"/>
      <c r="DN36" s="502"/>
      <c r="DO36" s="503"/>
      <c r="DP36" s="503"/>
      <c r="DQ36" s="503"/>
      <c r="DR36" s="503"/>
      <c r="DS36" s="503"/>
      <c r="DT36" s="503"/>
      <c r="DU36" s="503"/>
      <c r="DV36" s="503"/>
      <c r="DW36" s="503"/>
      <c r="DX36" s="503"/>
      <c r="DY36" s="503"/>
      <c r="DZ36" s="503"/>
      <c r="EA36" s="504"/>
      <c r="EB36" s="165"/>
      <c r="EC36" s="867"/>
      <c r="ED36" s="867"/>
    </row>
    <row r="37" spans="50:145" ht="5.25" customHeight="1">
      <c r="AX37" s="872"/>
      <c r="AY37" s="872"/>
      <c r="AZ37" s="872"/>
      <c r="BC37" s="646"/>
      <c r="BD37" s="459"/>
      <c r="BE37" s="459"/>
      <c r="BF37" s="459"/>
      <c r="BG37" s="459"/>
      <c r="BH37" s="459"/>
      <c r="BI37" s="459"/>
      <c r="BJ37" s="460"/>
      <c r="BK37" s="470" t="s">
        <v>146</v>
      </c>
      <c r="BL37" s="471"/>
      <c r="BM37" s="471"/>
      <c r="BN37" s="471"/>
      <c r="BO37" s="471"/>
      <c r="BP37" s="471"/>
      <c r="BQ37" s="471"/>
      <c r="BR37" s="471"/>
      <c r="BS37" s="471"/>
      <c r="BT37" s="471"/>
      <c r="BU37" s="512"/>
      <c r="BV37" s="832" t="s">
        <v>145</v>
      </c>
      <c r="BW37" s="833"/>
      <c r="BX37" s="833"/>
      <c r="BY37" s="833"/>
      <c r="BZ37" s="833"/>
      <c r="CA37" s="833"/>
      <c r="CB37" s="833"/>
      <c r="CC37" s="833"/>
      <c r="CD37" s="833"/>
      <c r="CE37" s="833"/>
      <c r="CF37" s="834"/>
      <c r="CG37" s="832" t="s">
        <v>144</v>
      </c>
      <c r="CH37" s="833"/>
      <c r="CI37" s="833"/>
      <c r="CJ37" s="833"/>
      <c r="CK37" s="833"/>
      <c r="CL37" s="833"/>
      <c r="CM37" s="833"/>
      <c r="CN37" s="833"/>
      <c r="CO37" s="833"/>
      <c r="CP37" s="833"/>
      <c r="CQ37" s="833"/>
      <c r="CR37" s="833"/>
      <c r="CS37" s="833"/>
      <c r="CT37" s="841"/>
      <c r="CU37" s="166"/>
      <c r="CV37" s="166"/>
      <c r="CW37" s="763"/>
      <c r="CX37" s="764"/>
      <c r="CY37" s="765"/>
      <c r="CZ37" s="467"/>
      <c r="DA37" s="469"/>
      <c r="DB37" s="816"/>
      <c r="DC37" s="817"/>
      <c r="DD37" s="817"/>
      <c r="DE37" s="817"/>
      <c r="DF37" s="817"/>
      <c r="DG37" s="817"/>
      <c r="DH37" s="817"/>
      <c r="DI37" s="817"/>
      <c r="DJ37" s="818"/>
      <c r="DK37" s="467"/>
      <c r="DL37" s="468"/>
      <c r="DM37" s="469"/>
      <c r="DN37" s="505"/>
      <c r="DO37" s="506"/>
      <c r="DP37" s="506"/>
      <c r="DQ37" s="506"/>
      <c r="DR37" s="506"/>
      <c r="DS37" s="506"/>
      <c r="DT37" s="506"/>
      <c r="DU37" s="506"/>
      <c r="DV37" s="506"/>
      <c r="DW37" s="506"/>
      <c r="DX37" s="506"/>
      <c r="DY37" s="506"/>
      <c r="DZ37" s="506"/>
      <c r="EA37" s="507"/>
      <c r="EB37" s="165"/>
      <c r="EC37" s="867"/>
      <c r="ED37" s="867"/>
    </row>
    <row r="38" spans="50:145" ht="5.25" customHeight="1">
      <c r="AX38" s="872"/>
      <c r="AY38" s="872"/>
      <c r="AZ38" s="872"/>
      <c r="BC38" s="646"/>
      <c r="BD38" s="459"/>
      <c r="BE38" s="459"/>
      <c r="BF38" s="459"/>
      <c r="BG38" s="459"/>
      <c r="BH38" s="459"/>
      <c r="BI38" s="459"/>
      <c r="BJ38" s="460"/>
      <c r="BK38" s="458"/>
      <c r="BL38" s="459"/>
      <c r="BM38" s="459"/>
      <c r="BN38" s="459"/>
      <c r="BO38" s="459"/>
      <c r="BP38" s="459"/>
      <c r="BQ38" s="459"/>
      <c r="BR38" s="459"/>
      <c r="BS38" s="459"/>
      <c r="BT38" s="459"/>
      <c r="BU38" s="460"/>
      <c r="BV38" s="835"/>
      <c r="BW38" s="836"/>
      <c r="BX38" s="836"/>
      <c r="BY38" s="836"/>
      <c r="BZ38" s="836"/>
      <c r="CA38" s="836"/>
      <c r="CB38" s="836"/>
      <c r="CC38" s="836"/>
      <c r="CD38" s="836"/>
      <c r="CE38" s="836"/>
      <c r="CF38" s="837"/>
      <c r="CG38" s="835"/>
      <c r="CH38" s="836"/>
      <c r="CI38" s="836"/>
      <c r="CJ38" s="836"/>
      <c r="CK38" s="836"/>
      <c r="CL38" s="836"/>
      <c r="CM38" s="836"/>
      <c r="CN38" s="836"/>
      <c r="CO38" s="836"/>
      <c r="CP38" s="836"/>
      <c r="CQ38" s="836"/>
      <c r="CR38" s="836"/>
      <c r="CS38" s="836"/>
      <c r="CT38" s="842"/>
      <c r="CU38" s="166"/>
      <c r="CV38" s="166"/>
      <c r="CW38" s="763"/>
      <c r="CX38" s="764"/>
      <c r="CY38" s="765"/>
      <c r="CZ38" s="467"/>
      <c r="DA38" s="469"/>
      <c r="DB38" s="816"/>
      <c r="DC38" s="817"/>
      <c r="DD38" s="817"/>
      <c r="DE38" s="817"/>
      <c r="DF38" s="817"/>
      <c r="DG38" s="817"/>
      <c r="DH38" s="817"/>
      <c r="DI38" s="817"/>
      <c r="DJ38" s="818"/>
      <c r="DK38" s="467"/>
      <c r="DL38" s="468"/>
      <c r="DM38" s="469"/>
      <c r="DN38" s="505"/>
      <c r="DO38" s="506"/>
      <c r="DP38" s="506"/>
      <c r="DQ38" s="506"/>
      <c r="DR38" s="506"/>
      <c r="DS38" s="506"/>
      <c r="DT38" s="506"/>
      <c r="DU38" s="506"/>
      <c r="DV38" s="506"/>
      <c r="DW38" s="506"/>
      <c r="DX38" s="506"/>
      <c r="DY38" s="506"/>
      <c r="DZ38" s="506"/>
      <c r="EA38" s="507"/>
      <c r="EB38" s="165"/>
      <c r="EC38" s="867"/>
      <c r="ED38" s="867"/>
    </row>
    <row r="39" spans="50:145" ht="5.25" customHeight="1">
      <c r="AX39" s="872"/>
      <c r="AY39" s="872"/>
      <c r="AZ39" s="872"/>
      <c r="BC39" s="646"/>
      <c r="BD39" s="459"/>
      <c r="BE39" s="459"/>
      <c r="BF39" s="459"/>
      <c r="BG39" s="459"/>
      <c r="BH39" s="459"/>
      <c r="BI39" s="459"/>
      <c r="BJ39" s="460"/>
      <c r="BK39" s="461"/>
      <c r="BL39" s="462"/>
      <c r="BM39" s="462"/>
      <c r="BN39" s="462"/>
      <c r="BO39" s="462"/>
      <c r="BP39" s="462"/>
      <c r="BQ39" s="462"/>
      <c r="BR39" s="462"/>
      <c r="BS39" s="462"/>
      <c r="BT39" s="462"/>
      <c r="BU39" s="463"/>
      <c r="BV39" s="838"/>
      <c r="BW39" s="839"/>
      <c r="BX39" s="839"/>
      <c r="BY39" s="839"/>
      <c r="BZ39" s="839"/>
      <c r="CA39" s="839"/>
      <c r="CB39" s="839"/>
      <c r="CC39" s="839"/>
      <c r="CD39" s="839"/>
      <c r="CE39" s="839"/>
      <c r="CF39" s="840"/>
      <c r="CG39" s="838"/>
      <c r="CH39" s="839"/>
      <c r="CI39" s="839"/>
      <c r="CJ39" s="839"/>
      <c r="CK39" s="839"/>
      <c r="CL39" s="839"/>
      <c r="CM39" s="839"/>
      <c r="CN39" s="839"/>
      <c r="CO39" s="839"/>
      <c r="CP39" s="839"/>
      <c r="CQ39" s="839"/>
      <c r="CR39" s="839"/>
      <c r="CS39" s="839"/>
      <c r="CT39" s="843"/>
      <c r="CU39" s="166"/>
      <c r="CV39" s="166"/>
      <c r="CW39" s="763"/>
      <c r="CX39" s="764"/>
      <c r="CY39" s="765"/>
      <c r="CZ39" s="501"/>
      <c r="DA39" s="487"/>
      <c r="DB39" s="790"/>
      <c r="DC39" s="819"/>
      <c r="DD39" s="819"/>
      <c r="DE39" s="819"/>
      <c r="DF39" s="819"/>
      <c r="DG39" s="819"/>
      <c r="DH39" s="819"/>
      <c r="DI39" s="819"/>
      <c r="DJ39" s="820"/>
      <c r="DK39" s="501"/>
      <c r="DL39" s="486"/>
      <c r="DM39" s="487"/>
      <c r="DN39" s="508"/>
      <c r="DO39" s="509"/>
      <c r="DP39" s="509"/>
      <c r="DQ39" s="509"/>
      <c r="DR39" s="509"/>
      <c r="DS39" s="509"/>
      <c r="DT39" s="509"/>
      <c r="DU39" s="509"/>
      <c r="DV39" s="509"/>
      <c r="DW39" s="509"/>
      <c r="DX39" s="509"/>
      <c r="DY39" s="509"/>
      <c r="DZ39" s="509"/>
      <c r="EA39" s="510"/>
      <c r="EB39" s="165"/>
      <c r="EC39" s="867"/>
      <c r="ED39" s="867"/>
    </row>
    <row r="40" spans="50:145" ht="5.25" customHeight="1">
      <c r="AX40" s="872"/>
      <c r="AY40" s="872"/>
      <c r="AZ40" s="872"/>
      <c r="BC40" s="182"/>
      <c r="BD40" s="170"/>
      <c r="BE40" s="170"/>
      <c r="BF40" s="170"/>
      <c r="BG40" s="170"/>
      <c r="BH40" s="170"/>
      <c r="BI40" s="170"/>
      <c r="BJ40" s="171"/>
      <c r="BK40" s="623" t="s">
        <v>2</v>
      </c>
      <c r="BL40" s="624"/>
      <c r="BM40" s="624"/>
      <c r="BN40" s="624"/>
      <c r="BO40" s="624"/>
      <c r="BP40" s="624"/>
      <c r="BQ40" s="624"/>
      <c r="BR40" s="624"/>
      <c r="BS40" s="624"/>
      <c r="BT40" s="624"/>
      <c r="BU40" s="844"/>
      <c r="BV40" s="623" t="s">
        <v>2</v>
      </c>
      <c r="BW40" s="624"/>
      <c r="BX40" s="624"/>
      <c r="BY40" s="624"/>
      <c r="BZ40" s="624"/>
      <c r="CA40" s="624"/>
      <c r="CB40" s="624"/>
      <c r="CC40" s="624"/>
      <c r="CD40" s="624"/>
      <c r="CE40" s="624"/>
      <c r="CF40" s="844"/>
      <c r="CG40" s="623" t="s">
        <v>4</v>
      </c>
      <c r="CH40" s="624"/>
      <c r="CI40" s="624"/>
      <c r="CJ40" s="624"/>
      <c r="CK40" s="624"/>
      <c r="CL40" s="624"/>
      <c r="CM40" s="624"/>
      <c r="CN40" s="624"/>
      <c r="CO40" s="624"/>
      <c r="CP40" s="624"/>
      <c r="CQ40" s="624"/>
      <c r="CR40" s="624"/>
      <c r="CS40" s="624"/>
      <c r="CT40" s="625"/>
      <c r="CU40" s="166"/>
      <c r="CV40" s="166"/>
      <c r="CW40" s="763"/>
      <c r="CX40" s="764"/>
      <c r="CY40" s="765"/>
      <c r="CZ40" s="661" t="s">
        <v>143</v>
      </c>
      <c r="DA40" s="661"/>
      <c r="DB40" s="661"/>
      <c r="DC40" s="661"/>
      <c r="DD40" s="661"/>
      <c r="DE40" s="661"/>
      <c r="DF40" s="661"/>
      <c r="DG40" s="661"/>
      <c r="DH40" s="661"/>
      <c r="DI40" s="661"/>
      <c r="DJ40" s="661"/>
      <c r="DK40" s="464" t="s">
        <v>142</v>
      </c>
      <c r="DL40" s="465"/>
      <c r="DM40" s="466"/>
      <c r="DN40" s="502"/>
      <c r="DO40" s="503"/>
      <c r="DP40" s="503"/>
      <c r="DQ40" s="503"/>
      <c r="DR40" s="503"/>
      <c r="DS40" s="503"/>
      <c r="DT40" s="503"/>
      <c r="DU40" s="503"/>
      <c r="DV40" s="503"/>
      <c r="DW40" s="503"/>
      <c r="DX40" s="503"/>
      <c r="DY40" s="503"/>
      <c r="DZ40" s="503"/>
      <c r="EA40" s="504"/>
      <c r="EB40" s="165"/>
      <c r="EC40" s="867"/>
      <c r="ED40" s="867"/>
    </row>
    <row r="41" spans="50:145" ht="5.25" customHeight="1">
      <c r="AX41" s="872"/>
      <c r="AY41" s="872"/>
      <c r="AZ41" s="872"/>
      <c r="BC41" s="182"/>
      <c r="BD41" s="170"/>
      <c r="BE41" s="170"/>
      <c r="BF41" s="170"/>
      <c r="BG41" s="170"/>
      <c r="BH41" s="170"/>
      <c r="BI41" s="170"/>
      <c r="BJ41" s="171"/>
      <c r="BK41" s="626"/>
      <c r="BL41" s="627"/>
      <c r="BM41" s="627"/>
      <c r="BN41" s="627"/>
      <c r="BO41" s="627"/>
      <c r="BP41" s="627"/>
      <c r="BQ41" s="627"/>
      <c r="BR41" s="627"/>
      <c r="BS41" s="627"/>
      <c r="BT41" s="627"/>
      <c r="BU41" s="845"/>
      <c r="BV41" s="626"/>
      <c r="BW41" s="627"/>
      <c r="BX41" s="627"/>
      <c r="BY41" s="627"/>
      <c r="BZ41" s="627"/>
      <c r="CA41" s="627"/>
      <c r="CB41" s="627"/>
      <c r="CC41" s="627"/>
      <c r="CD41" s="627"/>
      <c r="CE41" s="627"/>
      <c r="CF41" s="845"/>
      <c r="CG41" s="626"/>
      <c r="CH41" s="627"/>
      <c r="CI41" s="627"/>
      <c r="CJ41" s="627"/>
      <c r="CK41" s="627"/>
      <c r="CL41" s="627"/>
      <c r="CM41" s="627"/>
      <c r="CN41" s="627"/>
      <c r="CO41" s="627"/>
      <c r="CP41" s="627"/>
      <c r="CQ41" s="627"/>
      <c r="CR41" s="627"/>
      <c r="CS41" s="627"/>
      <c r="CT41" s="628"/>
      <c r="CU41" s="166"/>
      <c r="CV41" s="166"/>
      <c r="CW41" s="763"/>
      <c r="CX41" s="764"/>
      <c r="CY41" s="765"/>
      <c r="CZ41" s="661"/>
      <c r="DA41" s="661"/>
      <c r="DB41" s="661"/>
      <c r="DC41" s="661"/>
      <c r="DD41" s="661"/>
      <c r="DE41" s="661"/>
      <c r="DF41" s="661"/>
      <c r="DG41" s="661"/>
      <c r="DH41" s="661"/>
      <c r="DI41" s="661"/>
      <c r="DJ41" s="661"/>
      <c r="DK41" s="467"/>
      <c r="DL41" s="468"/>
      <c r="DM41" s="469"/>
      <c r="DN41" s="505"/>
      <c r="DO41" s="506"/>
      <c r="DP41" s="506"/>
      <c r="DQ41" s="506"/>
      <c r="DR41" s="506"/>
      <c r="DS41" s="506"/>
      <c r="DT41" s="506"/>
      <c r="DU41" s="506"/>
      <c r="DV41" s="506"/>
      <c r="DW41" s="506"/>
      <c r="DX41" s="506"/>
      <c r="DY41" s="506"/>
      <c r="DZ41" s="506"/>
      <c r="EA41" s="507"/>
      <c r="EB41" s="165"/>
      <c r="EC41" s="867"/>
      <c r="ED41" s="867"/>
    </row>
    <row r="42" spans="50:145" ht="5.25" customHeight="1">
      <c r="AX42" s="872"/>
      <c r="AY42" s="872"/>
      <c r="AZ42" s="872"/>
      <c r="BC42" s="67"/>
      <c r="BD42" s="183"/>
      <c r="BE42" s="183"/>
      <c r="BF42" s="183"/>
      <c r="BG42" s="183"/>
      <c r="BH42" s="183"/>
      <c r="BI42" s="183"/>
      <c r="BJ42" s="184"/>
      <c r="BK42" s="629"/>
      <c r="BL42" s="630"/>
      <c r="BM42" s="630"/>
      <c r="BN42" s="630"/>
      <c r="BO42" s="630"/>
      <c r="BP42" s="630"/>
      <c r="BQ42" s="630"/>
      <c r="BR42" s="630"/>
      <c r="BS42" s="630"/>
      <c r="BT42" s="630"/>
      <c r="BU42" s="846"/>
      <c r="BV42" s="629"/>
      <c r="BW42" s="630"/>
      <c r="BX42" s="630"/>
      <c r="BY42" s="630"/>
      <c r="BZ42" s="630"/>
      <c r="CA42" s="630"/>
      <c r="CB42" s="630"/>
      <c r="CC42" s="630"/>
      <c r="CD42" s="630"/>
      <c r="CE42" s="630"/>
      <c r="CF42" s="846"/>
      <c r="CG42" s="629"/>
      <c r="CH42" s="630"/>
      <c r="CI42" s="630"/>
      <c r="CJ42" s="630"/>
      <c r="CK42" s="630"/>
      <c r="CL42" s="630"/>
      <c r="CM42" s="630"/>
      <c r="CN42" s="630"/>
      <c r="CO42" s="630"/>
      <c r="CP42" s="630"/>
      <c r="CQ42" s="630"/>
      <c r="CR42" s="630"/>
      <c r="CS42" s="630"/>
      <c r="CT42" s="631"/>
      <c r="CU42" s="166"/>
      <c r="CV42" s="166"/>
      <c r="CW42" s="763"/>
      <c r="CX42" s="764"/>
      <c r="CY42" s="765"/>
      <c r="CZ42" s="661"/>
      <c r="DA42" s="661"/>
      <c r="DB42" s="661"/>
      <c r="DC42" s="661"/>
      <c r="DD42" s="661"/>
      <c r="DE42" s="661"/>
      <c r="DF42" s="661"/>
      <c r="DG42" s="661"/>
      <c r="DH42" s="661"/>
      <c r="DI42" s="661"/>
      <c r="DJ42" s="661"/>
      <c r="DK42" s="467"/>
      <c r="DL42" s="468"/>
      <c r="DM42" s="469"/>
      <c r="DN42" s="505"/>
      <c r="DO42" s="506"/>
      <c r="DP42" s="506"/>
      <c r="DQ42" s="506"/>
      <c r="DR42" s="506"/>
      <c r="DS42" s="506"/>
      <c r="DT42" s="506"/>
      <c r="DU42" s="506"/>
      <c r="DV42" s="506"/>
      <c r="DW42" s="506"/>
      <c r="DX42" s="506"/>
      <c r="DY42" s="506"/>
      <c r="DZ42" s="506"/>
      <c r="EA42" s="507"/>
      <c r="EB42" s="165"/>
      <c r="EC42" s="867"/>
      <c r="ED42" s="867"/>
    </row>
    <row r="43" spans="50:145" ht="5.25" customHeight="1">
      <c r="AX43" s="872"/>
      <c r="AY43" s="872"/>
      <c r="AZ43" s="872"/>
      <c r="BC43" s="805" t="s">
        <v>141</v>
      </c>
      <c r="BD43" s="806"/>
      <c r="BE43" s="806"/>
      <c r="BF43" s="806"/>
      <c r="BG43" s="806"/>
      <c r="BH43" s="806"/>
      <c r="BI43" s="806"/>
      <c r="BJ43" s="807"/>
      <c r="BK43" s="470" t="s">
        <v>140</v>
      </c>
      <c r="BL43" s="471"/>
      <c r="BM43" s="471"/>
      <c r="BN43" s="471"/>
      <c r="BO43" s="471"/>
      <c r="BP43" s="471"/>
      <c r="BQ43" s="471"/>
      <c r="BR43" s="471"/>
      <c r="BS43" s="471"/>
      <c r="BT43" s="471"/>
      <c r="BU43" s="471"/>
      <c r="BV43" s="471"/>
      <c r="BW43" s="471"/>
      <c r="BX43" s="471"/>
      <c r="BY43" s="471"/>
      <c r="BZ43" s="471"/>
      <c r="CA43" s="471"/>
      <c r="CB43" s="471"/>
      <c r="CC43" s="647" t="s">
        <v>139</v>
      </c>
      <c r="CD43" s="648"/>
      <c r="CE43" s="648"/>
      <c r="CF43" s="648"/>
      <c r="CG43" s="648"/>
      <c r="CH43" s="648"/>
      <c r="CI43" s="648"/>
      <c r="CJ43" s="648"/>
      <c r="CK43" s="648"/>
      <c r="CL43" s="648"/>
      <c r="CM43" s="648"/>
      <c r="CN43" s="648"/>
      <c r="CO43" s="648"/>
      <c r="CP43" s="648"/>
      <c r="CQ43" s="648"/>
      <c r="CR43" s="648"/>
      <c r="CS43" s="648"/>
      <c r="CT43" s="811"/>
      <c r="CU43" s="166"/>
      <c r="CV43" s="166"/>
      <c r="CW43" s="763"/>
      <c r="CX43" s="764"/>
      <c r="CY43" s="765"/>
      <c r="CZ43" s="661"/>
      <c r="DA43" s="661"/>
      <c r="DB43" s="661"/>
      <c r="DC43" s="661"/>
      <c r="DD43" s="661"/>
      <c r="DE43" s="661"/>
      <c r="DF43" s="661"/>
      <c r="DG43" s="661"/>
      <c r="DH43" s="661"/>
      <c r="DI43" s="661"/>
      <c r="DJ43" s="661"/>
      <c r="DK43" s="501"/>
      <c r="DL43" s="486"/>
      <c r="DM43" s="487"/>
      <c r="DN43" s="508"/>
      <c r="DO43" s="509"/>
      <c r="DP43" s="509"/>
      <c r="DQ43" s="509"/>
      <c r="DR43" s="509"/>
      <c r="DS43" s="509"/>
      <c r="DT43" s="509"/>
      <c r="DU43" s="509"/>
      <c r="DV43" s="509"/>
      <c r="DW43" s="509"/>
      <c r="DX43" s="509"/>
      <c r="DY43" s="509"/>
      <c r="DZ43" s="509"/>
      <c r="EA43" s="510"/>
      <c r="EB43" s="165"/>
      <c r="EC43" s="867"/>
      <c r="ED43" s="867"/>
    </row>
    <row r="44" spans="50:145" ht="5.25" customHeight="1">
      <c r="AX44" s="872"/>
      <c r="AY44" s="872"/>
      <c r="AZ44" s="872"/>
      <c r="BC44" s="808"/>
      <c r="BD44" s="809"/>
      <c r="BE44" s="809"/>
      <c r="BF44" s="809"/>
      <c r="BG44" s="809"/>
      <c r="BH44" s="809"/>
      <c r="BI44" s="809"/>
      <c r="BJ44" s="810"/>
      <c r="BK44" s="458"/>
      <c r="BL44" s="459"/>
      <c r="BM44" s="459"/>
      <c r="BN44" s="459"/>
      <c r="BO44" s="459"/>
      <c r="BP44" s="459"/>
      <c r="BQ44" s="459"/>
      <c r="BR44" s="459"/>
      <c r="BS44" s="459"/>
      <c r="BT44" s="459"/>
      <c r="BU44" s="459"/>
      <c r="BV44" s="459"/>
      <c r="BW44" s="459"/>
      <c r="BX44" s="459"/>
      <c r="BY44" s="459"/>
      <c r="BZ44" s="459"/>
      <c r="CA44" s="459"/>
      <c r="CB44" s="459"/>
      <c r="CC44" s="488"/>
      <c r="CD44" s="489"/>
      <c r="CE44" s="489"/>
      <c r="CF44" s="489"/>
      <c r="CG44" s="489"/>
      <c r="CH44" s="489"/>
      <c r="CI44" s="489"/>
      <c r="CJ44" s="489"/>
      <c r="CK44" s="489"/>
      <c r="CL44" s="489"/>
      <c r="CM44" s="489"/>
      <c r="CN44" s="489"/>
      <c r="CO44" s="489"/>
      <c r="CP44" s="489"/>
      <c r="CQ44" s="489"/>
      <c r="CR44" s="489"/>
      <c r="CS44" s="489"/>
      <c r="CT44" s="812"/>
      <c r="CU44" s="166"/>
      <c r="CV44" s="166"/>
      <c r="CW44" s="763"/>
      <c r="CX44" s="764"/>
      <c r="CY44" s="765"/>
      <c r="CZ44" s="661" t="s">
        <v>89</v>
      </c>
      <c r="DA44" s="661"/>
      <c r="DB44" s="661"/>
      <c r="DC44" s="661"/>
      <c r="DD44" s="661"/>
      <c r="DE44" s="661"/>
      <c r="DF44" s="661"/>
      <c r="DG44" s="661"/>
      <c r="DH44" s="661"/>
      <c r="DI44" s="661"/>
      <c r="DJ44" s="661"/>
      <c r="DK44" s="464" t="s">
        <v>138</v>
      </c>
      <c r="DL44" s="465"/>
      <c r="DM44" s="466"/>
      <c r="DN44" s="502"/>
      <c r="DO44" s="503"/>
      <c r="DP44" s="503"/>
      <c r="DQ44" s="503"/>
      <c r="DR44" s="503"/>
      <c r="DS44" s="503"/>
      <c r="DT44" s="503"/>
      <c r="DU44" s="503"/>
      <c r="DV44" s="503"/>
      <c r="DW44" s="503"/>
      <c r="DX44" s="503"/>
      <c r="DY44" s="503"/>
      <c r="DZ44" s="503"/>
      <c r="EA44" s="504"/>
      <c r="EB44" s="165"/>
      <c r="EC44" s="867"/>
      <c r="ED44" s="867"/>
    </row>
    <row r="45" spans="50:145" ht="5.25" customHeight="1">
      <c r="AX45" s="872"/>
      <c r="AY45" s="872"/>
      <c r="AZ45" s="872"/>
      <c r="BC45" s="646" t="s">
        <v>137</v>
      </c>
      <c r="BD45" s="459"/>
      <c r="BE45" s="459"/>
      <c r="BF45" s="459"/>
      <c r="BG45" s="459"/>
      <c r="BH45" s="459"/>
      <c r="BI45" s="459"/>
      <c r="BJ45" s="460"/>
      <c r="BK45" s="458"/>
      <c r="BL45" s="459"/>
      <c r="BM45" s="459"/>
      <c r="BN45" s="459"/>
      <c r="BO45" s="459"/>
      <c r="BP45" s="459"/>
      <c r="BQ45" s="459"/>
      <c r="BR45" s="459"/>
      <c r="BS45" s="459"/>
      <c r="BT45" s="459"/>
      <c r="BU45" s="459"/>
      <c r="BV45" s="459"/>
      <c r="BW45" s="459"/>
      <c r="BX45" s="459"/>
      <c r="BY45" s="459"/>
      <c r="BZ45" s="459"/>
      <c r="CA45" s="459"/>
      <c r="CB45" s="459"/>
      <c r="CC45" s="488"/>
      <c r="CD45" s="489"/>
      <c r="CE45" s="489"/>
      <c r="CF45" s="489"/>
      <c r="CG45" s="489"/>
      <c r="CH45" s="489"/>
      <c r="CI45" s="489"/>
      <c r="CJ45" s="489"/>
      <c r="CK45" s="489"/>
      <c r="CL45" s="489"/>
      <c r="CM45" s="489"/>
      <c r="CN45" s="489"/>
      <c r="CO45" s="489"/>
      <c r="CP45" s="489"/>
      <c r="CQ45" s="489"/>
      <c r="CR45" s="489"/>
      <c r="CS45" s="489"/>
      <c r="CT45" s="812"/>
      <c r="CU45" s="166"/>
      <c r="CV45" s="166"/>
      <c r="CW45" s="763"/>
      <c r="CX45" s="764"/>
      <c r="CY45" s="765"/>
      <c r="CZ45" s="661"/>
      <c r="DA45" s="661"/>
      <c r="DB45" s="661"/>
      <c r="DC45" s="661"/>
      <c r="DD45" s="661"/>
      <c r="DE45" s="661"/>
      <c r="DF45" s="661"/>
      <c r="DG45" s="661"/>
      <c r="DH45" s="661"/>
      <c r="DI45" s="661"/>
      <c r="DJ45" s="661"/>
      <c r="DK45" s="467"/>
      <c r="DL45" s="468"/>
      <c r="DM45" s="469"/>
      <c r="DN45" s="505"/>
      <c r="DO45" s="506"/>
      <c r="DP45" s="506"/>
      <c r="DQ45" s="506"/>
      <c r="DR45" s="506"/>
      <c r="DS45" s="506"/>
      <c r="DT45" s="506"/>
      <c r="DU45" s="506"/>
      <c r="DV45" s="506"/>
      <c r="DW45" s="506"/>
      <c r="DX45" s="506"/>
      <c r="DY45" s="506"/>
      <c r="DZ45" s="506"/>
      <c r="EA45" s="507"/>
      <c r="EB45" s="165"/>
      <c r="EC45" s="867"/>
      <c r="ED45" s="867"/>
    </row>
    <row r="46" spans="50:145" ht="5.25" customHeight="1">
      <c r="AX46" s="872"/>
      <c r="AY46" s="872"/>
      <c r="AZ46" s="872"/>
      <c r="BC46" s="646"/>
      <c r="BD46" s="459"/>
      <c r="BE46" s="459"/>
      <c r="BF46" s="459"/>
      <c r="BG46" s="459"/>
      <c r="BH46" s="459"/>
      <c r="BI46" s="459"/>
      <c r="BJ46" s="460"/>
      <c r="BK46" s="461"/>
      <c r="BL46" s="462"/>
      <c r="BM46" s="462"/>
      <c r="BN46" s="462"/>
      <c r="BO46" s="462"/>
      <c r="BP46" s="462"/>
      <c r="BQ46" s="462"/>
      <c r="BR46" s="462"/>
      <c r="BS46" s="462"/>
      <c r="BT46" s="462"/>
      <c r="BU46" s="462"/>
      <c r="BV46" s="462"/>
      <c r="BW46" s="462"/>
      <c r="BX46" s="462"/>
      <c r="BY46" s="462"/>
      <c r="BZ46" s="462"/>
      <c r="CA46" s="462"/>
      <c r="CB46" s="462"/>
      <c r="CC46" s="491"/>
      <c r="CD46" s="492"/>
      <c r="CE46" s="492"/>
      <c r="CF46" s="492"/>
      <c r="CG46" s="492"/>
      <c r="CH46" s="492"/>
      <c r="CI46" s="492"/>
      <c r="CJ46" s="492"/>
      <c r="CK46" s="492"/>
      <c r="CL46" s="492"/>
      <c r="CM46" s="492"/>
      <c r="CN46" s="492"/>
      <c r="CO46" s="492"/>
      <c r="CP46" s="492"/>
      <c r="CQ46" s="492"/>
      <c r="CR46" s="492"/>
      <c r="CS46" s="492"/>
      <c r="CT46" s="813"/>
      <c r="CU46" s="166"/>
      <c r="CV46" s="166"/>
      <c r="CW46" s="763"/>
      <c r="CX46" s="764"/>
      <c r="CY46" s="765"/>
      <c r="CZ46" s="661"/>
      <c r="DA46" s="661"/>
      <c r="DB46" s="661"/>
      <c r="DC46" s="661"/>
      <c r="DD46" s="661"/>
      <c r="DE46" s="661"/>
      <c r="DF46" s="661"/>
      <c r="DG46" s="661"/>
      <c r="DH46" s="661"/>
      <c r="DI46" s="661"/>
      <c r="DJ46" s="661"/>
      <c r="DK46" s="467"/>
      <c r="DL46" s="468"/>
      <c r="DM46" s="469"/>
      <c r="DN46" s="505"/>
      <c r="DO46" s="506"/>
      <c r="DP46" s="506"/>
      <c r="DQ46" s="506"/>
      <c r="DR46" s="506"/>
      <c r="DS46" s="506"/>
      <c r="DT46" s="506"/>
      <c r="DU46" s="506"/>
      <c r="DV46" s="506"/>
      <c r="DW46" s="506"/>
      <c r="DX46" s="506"/>
      <c r="DY46" s="506"/>
      <c r="DZ46" s="506"/>
      <c r="EA46" s="507"/>
      <c r="EB46" s="165"/>
      <c r="EC46" s="867"/>
      <c r="ED46" s="867"/>
    </row>
    <row r="47" spans="50:145" ht="5.25" customHeight="1">
      <c r="AX47" s="872"/>
      <c r="AY47" s="872"/>
      <c r="AZ47" s="872"/>
      <c r="BC47" s="646"/>
      <c r="BD47" s="459"/>
      <c r="BE47" s="459"/>
      <c r="BF47" s="459"/>
      <c r="BG47" s="459"/>
      <c r="BH47" s="459"/>
      <c r="BI47" s="459"/>
      <c r="BJ47" s="460"/>
      <c r="BK47" s="626" t="s">
        <v>2</v>
      </c>
      <c r="BL47" s="627"/>
      <c r="BM47" s="627"/>
      <c r="BN47" s="627"/>
      <c r="BO47" s="627"/>
      <c r="BP47" s="627"/>
      <c r="BQ47" s="627"/>
      <c r="BR47" s="627"/>
      <c r="BS47" s="627"/>
      <c r="BT47" s="627"/>
      <c r="BU47" s="627"/>
      <c r="BV47" s="627"/>
      <c r="BW47" s="627"/>
      <c r="BX47" s="627"/>
      <c r="BY47" s="627"/>
      <c r="BZ47" s="627"/>
      <c r="CA47" s="627"/>
      <c r="CB47" s="627"/>
      <c r="CC47" s="626" t="s">
        <v>2</v>
      </c>
      <c r="CD47" s="627"/>
      <c r="CE47" s="627"/>
      <c r="CF47" s="627"/>
      <c r="CG47" s="627"/>
      <c r="CH47" s="627"/>
      <c r="CI47" s="627"/>
      <c r="CJ47" s="627"/>
      <c r="CK47" s="627"/>
      <c r="CL47" s="627"/>
      <c r="CM47" s="627"/>
      <c r="CN47" s="627"/>
      <c r="CO47" s="627"/>
      <c r="CP47" s="627"/>
      <c r="CQ47" s="627"/>
      <c r="CR47" s="627"/>
      <c r="CS47" s="627"/>
      <c r="CT47" s="628"/>
      <c r="CU47" s="166"/>
      <c r="CV47" s="166"/>
      <c r="CW47" s="763"/>
      <c r="CX47" s="764"/>
      <c r="CY47" s="765"/>
      <c r="CZ47" s="661"/>
      <c r="DA47" s="661"/>
      <c r="DB47" s="661"/>
      <c r="DC47" s="661"/>
      <c r="DD47" s="661"/>
      <c r="DE47" s="661"/>
      <c r="DF47" s="661"/>
      <c r="DG47" s="661"/>
      <c r="DH47" s="661"/>
      <c r="DI47" s="661"/>
      <c r="DJ47" s="661"/>
      <c r="DK47" s="501"/>
      <c r="DL47" s="486"/>
      <c r="DM47" s="487"/>
      <c r="DN47" s="508"/>
      <c r="DO47" s="509"/>
      <c r="DP47" s="509"/>
      <c r="DQ47" s="509"/>
      <c r="DR47" s="509"/>
      <c r="DS47" s="509"/>
      <c r="DT47" s="509"/>
      <c r="DU47" s="509"/>
      <c r="DV47" s="509"/>
      <c r="DW47" s="509"/>
      <c r="DX47" s="509"/>
      <c r="DY47" s="509"/>
      <c r="DZ47" s="509"/>
      <c r="EA47" s="510"/>
      <c r="EB47" s="165"/>
      <c r="EC47" s="867"/>
      <c r="ED47" s="867"/>
    </row>
    <row r="48" spans="50:145" ht="5.25" customHeight="1">
      <c r="AX48" s="872"/>
      <c r="AY48" s="872"/>
      <c r="AZ48" s="872"/>
      <c r="BC48" s="597"/>
      <c r="BD48" s="468"/>
      <c r="BE48" s="468"/>
      <c r="BF48" s="468"/>
      <c r="BG48" s="468"/>
      <c r="BH48" s="468"/>
      <c r="BI48" s="468"/>
      <c r="BJ48" s="469"/>
      <c r="BK48" s="626"/>
      <c r="BL48" s="627"/>
      <c r="BM48" s="627"/>
      <c r="BN48" s="627"/>
      <c r="BO48" s="627"/>
      <c r="BP48" s="627"/>
      <c r="BQ48" s="627"/>
      <c r="BR48" s="627"/>
      <c r="BS48" s="627"/>
      <c r="BT48" s="627"/>
      <c r="BU48" s="627"/>
      <c r="BV48" s="627"/>
      <c r="BW48" s="627"/>
      <c r="BX48" s="627"/>
      <c r="BY48" s="627"/>
      <c r="BZ48" s="627"/>
      <c r="CA48" s="627"/>
      <c r="CB48" s="627"/>
      <c r="CC48" s="626"/>
      <c r="CD48" s="627"/>
      <c r="CE48" s="627"/>
      <c r="CF48" s="627"/>
      <c r="CG48" s="627"/>
      <c r="CH48" s="627"/>
      <c r="CI48" s="627"/>
      <c r="CJ48" s="627"/>
      <c r="CK48" s="627"/>
      <c r="CL48" s="627"/>
      <c r="CM48" s="627"/>
      <c r="CN48" s="627"/>
      <c r="CO48" s="627"/>
      <c r="CP48" s="627"/>
      <c r="CQ48" s="627"/>
      <c r="CR48" s="627"/>
      <c r="CS48" s="627"/>
      <c r="CT48" s="628"/>
      <c r="CU48" s="166"/>
      <c r="CV48" s="166"/>
      <c r="CW48" s="763"/>
      <c r="CX48" s="764"/>
      <c r="CY48" s="765"/>
      <c r="CZ48" s="661" t="s">
        <v>86</v>
      </c>
      <c r="DA48" s="661"/>
      <c r="DB48" s="661"/>
      <c r="DC48" s="661"/>
      <c r="DD48" s="661"/>
      <c r="DE48" s="661"/>
      <c r="DF48" s="661"/>
      <c r="DG48" s="661"/>
      <c r="DH48" s="661"/>
      <c r="DI48" s="661"/>
      <c r="DJ48" s="661"/>
      <c r="DK48" s="464" t="s">
        <v>136</v>
      </c>
      <c r="DL48" s="465"/>
      <c r="DM48" s="466"/>
      <c r="DN48" s="502"/>
      <c r="DO48" s="503"/>
      <c r="DP48" s="503"/>
      <c r="DQ48" s="503"/>
      <c r="DR48" s="503"/>
      <c r="DS48" s="503"/>
      <c r="DT48" s="503"/>
      <c r="DU48" s="503"/>
      <c r="DV48" s="503"/>
      <c r="DW48" s="503"/>
      <c r="DX48" s="503"/>
      <c r="DY48" s="503"/>
      <c r="DZ48" s="503"/>
      <c r="EA48" s="504"/>
      <c r="EB48" s="165"/>
      <c r="EC48" s="867"/>
      <c r="ED48" s="867"/>
    </row>
    <row r="49" spans="50:134" ht="5.25" customHeight="1">
      <c r="AX49" s="872"/>
      <c r="AY49" s="872"/>
      <c r="AZ49" s="872"/>
      <c r="BC49" s="597"/>
      <c r="BD49" s="468"/>
      <c r="BE49" s="468"/>
      <c r="BF49" s="468"/>
      <c r="BG49" s="468"/>
      <c r="BH49" s="468"/>
      <c r="BI49" s="468"/>
      <c r="BJ49" s="469"/>
      <c r="BK49" s="626"/>
      <c r="BL49" s="627"/>
      <c r="BM49" s="627"/>
      <c r="BN49" s="627"/>
      <c r="BO49" s="627"/>
      <c r="BP49" s="627"/>
      <c r="BQ49" s="627"/>
      <c r="BR49" s="627"/>
      <c r="BS49" s="627"/>
      <c r="BT49" s="627"/>
      <c r="BU49" s="627"/>
      <c r="BV49" s="627"/>
      <c r="BW49" s="627"/>
      <c r="BX49" s="627"/>
      <c r="BY49" s="627"/>
      <c r="BZ49" s="627"/>
      <c r="CA49" s="627"/>
      <c r="CB49" s="627"/>
      <c r="CC49" s="626"/>
      <c r="CD49" s="627"/>
      <c r="CE49" s="627"/>
      <c r="CF49" s="627"/>
      <c r="CG49" s="627"/>
      <c r="CH49" s="627"/>
      <c r="CI49" s="627"/>
      <c r="CJ49" s="627"/>
      <c r="CK49" s="627"/>
      <c r="CL49" s="627"/>
      <c r="CM49" s="627"/>
      <c r="CN49" s="627"/>
      <c r="CO49" s="627"/>
      <c r="CP49" s="627"/>
      <c r="CQ49" s="627"/>
      <c r="CR49" s="627"/>
      <c r="CS49" s="627"/>
      <c r="CT49" s="628"/>
      <c r="CU49" s="166"/>
      <c r="CV49" s="166"/>
      <c r="CW49" s="763"/>
      <c r="CX49" s="764"/>
      <c r="CY49" s="765"/>
      <c r="CZ49" s="661"/>
      <c r="DA49" s="661"/>
      <c r="DB49" s="661"/>
      <c r="DC49" s="661"/>
      <c r="DD49" s="661"/>
      <c r="DE49" s="661"/>
      <c r="DF49" s="661"/>
      <c r="DG49" s="661"/>
      <c r="DH49" s="661"/>
      <c r="DI49" s="661"/>
      <c r="DJ49" s="661"/>
      <c r="DK49" s="467"/>
      <c r="DL49" s="468"/>
      <c r="DM49" s="469"/>
      <c r="DN49" s="505"/>
      <c r="DO49" s="506"/>
      <c r="DP49" s="506"/>
      <c r="DQ49" s="506"/>
      <c r="DR49" s="506"/>
      <c r="DS49" s="506"/>
      <c r="DT49" s="506"/>
      <c r="DU49" s="506"/>
      <c r="DV49" s="506"/>
      <c r="DW49" s="506"/>
      <c r="DX49" s="506"/>
      <c r="DY49" s="506"/>
      <c r="DZ49" s="506"/>
      <c r="EA49" s="507"/>
      <c r="EB49" s="165"/>
      <c r="EC49" s="867"/>
      <c r="ED49" s="867"/>
    </row>
    <row r="50" spans="50:134" ht="5.25" customHeight="1">
      <c r="AX50" s="872"/>
      <c r="AY50" s="872"/>
      <c r="AZ50" s="872"/>
      <c r="BC50" s="597"/>
      <c r="BD50" s="468"/>
      <c r="BE50" s="468"/>
      <c r="BF50" s="468"/>
      <c r="BG50" s="468"/>
      <c r="BH50" s="468"/>
      <c r="BI50" s="468"/>
      <c r="BJ50" s="469"/>
      <c r="BK50" s="629"/>
      <c r="BL50" s="630"/>
      <c r="BM50" s="630"/>
      <c r="BN50" s="630"/>
      <c r="BO50" s="630"/>
      <c r="BP50" s="630"/>
      <c r="BQ50" s="630"/>
      <c r="BR50" s="630"/>
      <c r="BS50" s="630"/>
      <c r="BT50" s="630"/>
      <c r="BU50" s="630"/>
      <c r="BV50" s="630"/>
      <c r="BW50" s="630"/>
      <c r="BX50" s="630"/>
      <c r="BY50" s="630"/>
      <c r="BZ50" s="630"/>
      <c r="CA50" s="630"/>
      <c r="CB50" s="630"/>
      <c r="CC50" s="629"/>
      <c r="CD50" s="630"/>
      <c r="CE50" s="630"/>
      <c r="CF50" s="630"/>
      <c r="CG50" s="630"/>
      <c r="CH50" s="630"/>
      <c r="CI50" s="630"/>
      <c r="CJ50" s="630"/>
      <c r="CK50" s="630"/>
      <c r="CL50" s="630"/>
      <c r="CM50" s="630"/>
      <c r="CN50" s="630"/>
      <c r="CO50" s="630"/>
      <c r="CP50" s="630"/>
      <c r="CQ50" s="630"/>
      <c r="CR50" s="630"/>
      <c r="CS50" s="630"/>
      <c r="CT50" s="631"/>
      <c r="CU50" s="166"/>
      <c r="CV50" s="166"/>
      <c r="CW50" s="763"/>
      <c r="CX50" s="764"/>
      <c r="CY50" s="765"/>
      <c r="CZ50" s="661"/>
      <c r="DA50" s="661"/>
      <c r="DB50" s="661"/>
      <c r="DC50" s="661"/>
      <c r="DD50" s="661"/>
      <c r="DE50" s="661"/>
      <c r="DF50" s="661"/>
      <c r="DG50" s="661"/>
      <c r="DH50" s="661"/>
      <c r="DI50" s="661"/>
      <c r="DJ50" s="661"/>
      <c r="DK50" s="467"/>
      <c r="DL50" s="468"/>
      <c r="DM50" s="469"/>
      <c r="DN50" s="505"/>
      <c r="DO50" s="506"/>
      <c r="DP50" s="506"/>
      <c r="DQ50" s="506"/>
      <c r="DR50" s="506"/>
      <c r="DS50" s="506"/>
      <c r="DT50" s="506"/>
      <c r="DU50" s="506"/>
      <c r="DV50" s="506"/>
      <c r="DW50" s="506"/>
      <c r="DX50" s="506"/>
      <c r="DY50" s="506"/>
      <c r="DZ50" s="506"/>
      <c r="EA50" s="507"/>
      <c r="EB50" s="165"/>
      <c r="EC50" s="867"/>
      <c r="ED50" s="867"/>
    </row>
    <row r="51" spans="50:134" ht="5.25" customHeight="1">
      <c r="AX51" s="872"/>
      <c r="AY51" s="872"/>
      <c r="AZ51" s="872"/>
      <c r="BC51" s="708" t="s">
        <v>135</v>
      </c>
      <c r="BD51" s="709"/>
      <c r="BE51" s="709"/>
      <c r="BF51" s="709"/>
      <c r="BG51" s="709"/>
      <c r="BH51" s="709"/>
      <c r="BI51" s="160"/>
      <c r="BJ51" s="161"/>
      <c r="BK51" s="470" t="s">
        <v>134</v>
      </c>
      <c r="BL51" s="471"/>
      <c r="BM51" s="471"/>
      <c r="BN51" s="471"/>
      <c r="BO51" s="471"/>
      <c r="BP51" s="471"/>
      <c r="BQ51" s="471"/>
      <c r="BR51" s="471"/>
      <c r="BS51" s="471"/>
      <c r="BT51" s="471"/>
      <c r="BU51" s="471"/>
      <c r="BV51" s="471"/>
      <c r="BW51" s="471"/>
      <c r="BX51" s="471"/>
      <c r="BY51" s="471"/>
      <c r="BZ51" s="471"/>
      <c r="CA51" s="471"/>
      <c r="CB51" s="512"/>
      <c r="CC51" s="470" t="s">
        <v>133</v>
      </c>
      <c r="CD51" s="471"/>
      <c r="CE51" s="471"/>
      <c r="CF51" s="471"/>
      <c r="CG51" s="471"/>
      <c r="CH51" s="471"/>
      <c r="CI51" s="471"/>
      <c r="CJ51" s="471"/>
      <c r="CK51" s="471"/>
      <c r="CL51" s="471"/>
      <c r="CM51" s="471"/>
      <c r="CN51" s="471"/>
      <c r="CO51" s="471"/>
      <c r="CP51" s="471"/>
      <c r="CQ51" s="471"/>
      <c r="CR51" s="471"/>
      <c r="CS51" s="471"/>
      <c r="CT51" s="472"/>
      <c r="CU51" s="166"/>
      <c r="CV51" s="166"/>
      <c r="CW51" s="763"/>
      <c r="CX51" s="764"/>
      <c r="CY51" s="765"/>
      <c r="CZ51" s="661"/>
      <c r="DA51" s="661"/>
      <c r="DB51" s="661"/>
      <c r="DC51" s="661"/>
      <c r="DD51" s="661"/>
      <c r="DE51" s="661"/>
      <c r="DF51" s="661"/>
      <c r="DG51" s="661"/>
      <c r="DH51" s="661"/>
      <c r="DI51" s="661"/>
      <c r="DJ51" s="661"/>
      <c r="DK51" s="501"/>
      <c r="DL51" s="486"/>
      <c r="DM51" s="487"/>
      <c r="DN51" s="508"/>
      <c r="DO51" s="509"/>
      <c r="DP51" s="509"/>
      <c r="DQ51" s="509"/>
      <c r="DR51" s="509"/>
      <c r="DS51" s="509"/>
      <c r="DT51" s="509"/>
      <c r="DU51" s="509"/>
      <c r="DV51" s="509"/>
      <c r="DW51" s="509"/>
      <c r="DX51" s="509"/>
      <c r="DY51" s="509"/>
      <c r="DZ51" s="509"/>
      <c r="EA51" s="510"/>
      <c r="EB51" s="165"/>
      <c r="EC51" s="867"/>
      <c r="ED51" s="867"/>
    </row>
    <row r="52" spans="50:134" ht="5.25" customHeight="1">
      <c r="AX52" s="872"/>
      <c r="AY52" s="872"/>
      <c r="AZ52" s="872"/>
      <c r="BC52" s="710"/>
      <c r="BD52" s="711"/>
      <c r="BE52" s="711"/>
      <c r="BF52" s="711"/>
      <c r="BG52" s="711"/>
      <c r="BH52" s="711"/>
      <c r="BI52" s="162"/>
      <c r="BJ52" s="163"/>
      <c r="BK52" s="458"/>
      <c r="BL52" s="459"/>
      <c r="BM52" s="459"/>
      <c r="BN52" s="459"/>
      <c r="BO52" s="459"/>
      <c r="BP52" s="459"/>
      <c r="BQ52" s="459"/>
      <c r="BR52" s="459"/>
      <c r="BS52" s="459"/>
      <c r="BT52" s="459"/>
      <c r="BU52" s="459"/>
      <c r="BV52" s="459"/>
      <c r="BW52" s="459"/>
      <c r="BX52" s="459"/>
      <c r="BY52" s="459"/>
      <c r="BZ52" s="459"/>
      <c r="CA52" s="459"/>
      <c r="CB52" s="460"/>
      <c r="CC52" s="458"/>
      <c r="CD52" s="459"/>
      <c r="CE52" s="459"/>
      <c r="CF52" s="459"/>
      <c r="CG52" s="459"/>
      <c r="CH52" s="459"/>
      <c r="CI52" s="459"/>
      <c r="CJ52" s="459"/>
      <c r="CK52" s="459"/>
      <c r="CL52" s="459"/>
      <c r="CM52" s="459"/>
      <c r="CN52" s="459"/>
      <c r="CO52" s="459"/>
      <c r="CP52" s="459"/>
      <c r="CQ52" s="459"/>
      <c r="CR52" s="459"/>
      <c r="CS52" s="459"/>
      <c r="CT52" s="473"/>
      <c r="CU52" s="166"/>
      <c r="CV52" s="166"/>
      <c r="CW52" s="763"/>
      <c r="CX52" s="764"/>
      <c r="CY52" s="765"/>
      <c r="CZ52" s="661" t="s">
        <v>81</v>
      </c>
      <c r="DA52" s="661"/>
      <c r="DB52" s="661"/>
      <c r="DC52" s="661"/>
      <c r="DD52" s="661"/>
      <c r="DE52" s="661"/>
      <c r="DF52" s="661"/>
      <c r="DG52" s="661"/>
      <c r="DH52" s="661"/>
      <c r="DI52" s="661"/>
      <c r="DJ52" s="661"/>
      <c r="DK52" s="464" t="s">
        <v>132</v>
      </c>
      <c r="DL52" s="465"/>
      <c r="DM52" s="466"/>
      <c r="DN52" s="502"/>
      <c r="DO52" s="503"/>
      <c r="DP52" s="503"/>
      <c r="DQ52" s="503"/>
      <c r="DR52" s="503"/>
      <c r="DS52" s="503"/>
      <c r="DT52" s="503"/>
      <c r="DU52" s="503"/>
      <c r="DV52" s="503"/>
      <c r="DW52" s="503"/>
      <c r="DX52" s="503"/>
      <c r="DY52" s="503"/>
      <c r="DZ52" s="503"/>
      <c r="EA52" s="504"/>
      <c r="EB52" s="165"/>
      <c r="EC52" s="867"/>
      <c r="ED52" s="867"/>
    </row>
    <row r="53" spans="50:134" ht="5.25" customHeight="1">
      <c r="AX53" s="872"/>
      <c r="AY53" s="872"/>
      <c r="AZ53" s="872"/>
      <c r="BC53" s="710"/>
      <c r="BD53" s="711"/>
      <c r="BE53" s="711"/>
      <c r="BF53" s="711"/>
      <c r="BG53" s="711"/>
      <c r="BH53" s="711"/>
      <c r="BI53" s="162"/>
      <c r="BJ53" s="163"/>
      <c r="BK53" s="461"/>
      <c r="BL53" s="462"/>
      <c r="BM53" s="462"/>
      <c r="BN53" s="462"/>
      <c r="BO53" s="462"/>
      <c r="BP53" s="462"/>
      <c r="BQ53" s="462"/>
      <c r="BR53" s="462"/>
      <c r="BS53" s="462"/>
      <c r="BT53" s="462"/>
      <c r="BU53" s="462"/>
      <c r="BV53" s="462"/>
      <c r="BW53" s="462"/>
      <c r="BX53" s="462"/>
      <c r="BY53" s="462"/>
      <c r="BZ53" s="462"/>
      <c r="CA53" s="462"/>
      <c r="CB53" s="463"/>
      <c r="CC53" s="461"/>
      <c r="CD53" s="462"/>
      <c r="CE53" s="462"/>
      <c r="CF53" s="462"/>
      <c r="CG53" s="462"/>
      <c r="CH53" s="462"/>
      <c r="CI53" s="462"/>
      <c r="CJ53" s="462"/>
      <c r="CK53" s="462"/>
      <c r="CL53" s="462"/>
      <c r="CM53" s="462"/>
      <c r="CN53" s="462"/>
      <c r="CO53" s="462"/>
      <c r="CP53" s="462"/>
      <c r="CQ53" s="462"/>
      <c r="CR53" s="462"/>
      <c r="CS53" s="462"/>
      <c r="CT53" s="474"/>
      <c r="CU53" s="166"/>
      <c r="CV53" s="166"/>
      <c r="CW53" s="763"/>
      <c r="CX53" s="764"/>
      <c r="CY53" s="765"/>
      <c r="CZ53" s="661"/>
      <c r="DA53" s="661"/>
      <c r="DB53" s="661"/>
      <c r="DC53" s="661"/>
      <c r="DD53" s="661"/>
      <c r="DE53" s="661"/>
      <c r="DF53" s="661"/>
      <c r="DG53" s="661"/>
      <c r="DH53" s="661"/>
      <c r="DI53" s="661"/>
      <c r="DJ53" s="661"/>
      <c r="DK53" s="467"/>
      <c r="DL53" s="468"/>
      <c r="DM53" s="469"/>
      <c r="DN53" s="505"/>
      <c r="DO53" s="506"/>
      <c r="DP53" s="506"/>
      <c r="DQ53" s="506"/>
      <c r="DR53" s="506"/>
      <c r="DS53" s="506"/>
      <c r="DT53" s="506"/>
      <c r="DU53" s="506"/>
      <c r="DV53" s="506"/>
      <c r="DW53" s="506"/>
      <c r="DX53" s="506"/>
      <c r="DY53" s="506"/>
      <c r="DZ53" s="506"/>
      <c r="EA53" s="507"/>
      <c r="EB53" s="165"/>
    </row>
    <row r="54" spans="50:134" ht="5.25" customHeight="1">
      <c r="AX54" s="872"/>
      <c r="AY54" s="872"/>
      <c r="AZ54" s="872"/>
      <c r="BC54" s="710"/>
      <c r="BD54" s="711"/>
      <c r="BE54" s="711"/>
      <c r="BF54" s="711"/>
      <c r="BG54" s="711"/>
      <c r="BH54" s="711"/>
      <c r="BI54" s="162"/>
      <c r="BJ54" s="163"/>
      <c r="BK54" s="470"/>
      <c r="BL54" s="471"/>
      <c r="BM54" s="471"/>
      <c r="BN54" s="471"/>
      <c r="BO54" s="471"/>
      <c r="BP54" s="471"/>
      <c r="BQ54" s="471"/>
      <c r="BR54" s="471"/>
      <c r="BS54" s="471"/>
      <c r="BT54" s="471"/>
      <c r="BU54" s="471"/>
      <c r="BV54" s="471"/>
      <c r="BW54" s="471"/>
      <c r="BX54" s="471"/>
      <c r="BY54" s="471"/>
      <c r="BZ54" s="471"/>
      <c r="CA54" s="471"/>
      <c r="CB54" s="512"/>
      <c r="CC54" s="781"/>
      <c r="CD54" s="782"/>
      <c r="CE54" s="624" t="s">
        <v>2</v>
      </c>
      <c r="CF54" s="624"/>
      <c r="CG54" s="624"/>
      <c r="CH54" s="624"/>
      <c r="CI54" s="624"/>
      <c r="CJ54" s="624"/>
      <c r="CK54" s="624"/>
      <c r="CL54" s="624"/>
      <c r="CM54" s="624"/>
      <c r="CN54" s="624"/>
      <c r="CO54" s="624"/>
      <c r="CP54" s="624"/>
      <c r="CQ54" s="624"/>
      <c r="CR54" s="624"/>
      <c r="CS54" s="624"/>
      <c r="CT54" s="625"/>
      <c r="CU54" s="166"/>
      <c r="CV54" s="166"/>
      <c r="CW54" s="763"/>
      <c r="CX54" s="764"/>
      <c r="CY54" s="765"/>
      <c r="CZ54" s="661"/>
      <c r="DA54" s="661"/>
      <c r="DB54" s="661"/>
      <c r="DC54" s="661"/>
      <c r="DD54" s="661"/>
      <c r="DE54" s="661"/>
      <c r="DF54" s="661"/>
      <c r="DG54" s="661"/>
      <c r="DH54" s="661"/>
      <c r="DI54" s="661"/>
      <c r="DJ54" s="661"/>
      <c r="DK54" s="467"/>
      <c r="DL54" s="468"/>
      <c r="DM54" s="469"/>
      <c r="DN54" s="505"/>
      <c r="DO54" s="506"/>
      <c r="DP54" s="506"/>
      <c r="DQ54" s="506"/>
      <c r="DR54" s="506"/>
      <c r="DS54" s="506"/>
      <c r="DT54" s="506"/>
      <c r="DU54" s="506"/>
      <c r="DV54" s="506"/>
      <c r="DW54" s="506"/>
      <c r="DX54" s="506"/>
      <c r="DY54" s="506"/>
      <c r="DZ54" s="506"/>
      <c r="EA54" s="507"/>
      <c r="EB54" s="165"/>
    </row>
    <row r="55" spans="50:134" ht="5.25" customHeight="1">
      <c r="AX55" s="872"/>
      <c r="AY55" s="872"/>
      <c r="AZ55" s="872"/>
      <c r="BC55" s="646" t="s">
        <v>131</v>
      </c>
      <c r="BD55" s="459"/>
      <c r="BE55" s="459"/>
      <c r="BF55" s="459"/>
      <c r="BG55" s="459"/>
      <c r="BH55" s="459"/>
      <c r="BI55" s="459"/>
      <c r="BJ55" s="460"/>
      <c r="BK55" s="458"/>
      <c r="BL55" s="459"/>
      <c r="BM55" s="459"/>
      <c r="BN55" s="459"/>
      <c r="BO55" s="459"/>
      <c r="BP55" s="459"/>
      <c r="BQ55" s="459"/>
      <c r="BR55" s="459"/>
      <c r="BS55" s="459"/>
      <c r="BT55" s="459"/>
      <c r="BU55" s="459"/>
      <c r="BV55" s="459"/>
      <c r="BW55" s="459"/>
      <c r="BX55" s="459"/>
      <c r="BY55" s="459"/>
      <c r="BZ55" s="459"/>
      <c r="CA55" s="459"/>
      <c r="CB55" s="460"/>
      <c r="CC55" s="783"/>
      <c r="CD55" s="784"/>
      <c r="CE55" s="627"/>
      <c r="CF55" s="627"/>
      <c r="CG55" s="627"/>
      <c r="CH55" s="627"/>
      <c r="CI55" s="627"/>
      <c r="CJ55" s="627"/>
      <c r="CK55" s="627"/>
      <c r="CL55" s="627"/>
      <c r="CM55" s="627"/>
      <c r="CN55" s="627"/>
      <c r="CO55" s="627"/>
      <c r="CP55" s="627"/>
      <c r="CQ55" s="627"/>
      <c r="CR55" s="627"/>
      <c r="CS55" s="627"/>
      <c r="CT55" s="628"/>
      <c r="CU55" s="166"/>
      <c r="CV55" s="166"/>
      <c r="CW55" s="763"/>
      <c r="CX55" s="764"/>
      <c r="CY55" s="765"/>
      <c r="CZ55" s="661"/>
      <c r="DA55" s="661"/>
      <c r="DB55" s="661"/>
      <c r="DC55" s="661"/>
      <c r="DD55" s="661"/>
      <c r="DE55" s="661"/>
      <c r="DF55" s="661"/>
      <c r="DG55" s="661"/>
      <c r="DH55" s="661"/>
      <c r="DI55" s="661"/>
      <c r="DJ55" s="661"/>
      <c r="DK55" s="501"/>
      <c r="DL55" s="486"/>
      <c r="DM55" s="487"/>
      <c r="DN55" s="508"/>
      <c r="DO55" s="509"/>
      <c r="DP55" s="509"/>
      <c r="DQ55" s="509"/>
      <c r="DR55" s="509"/>
      <c r="DS55" s="509"/>
      <c r="DT55" s="509"/>
      <c r="DU55" s="509"/>
      <c r="DV55" s="509"/>
      <c r="DW55" s="509"/>
      <c r="DX55" s="509"/>
      <c r="DY55" s="509"/>
      <c r="DZ55" s="509"/>
      <c r="EA55" s="510"/>
      <c r="EB55" s="165"/>
    </row>
    <row r="56" spans="50:134" ht="5.25" customHeight="1">
      <c r="AX56" s="872"/>
      <c r="AY56" s="872"/>
      <c r="AZ56" s="872"/>
      <c r="BC56" s="646"/>
      <c r="BD56" s="459"/>
      <c r="BE56" s="459"/>
      <c r="BF56" s="459"/>
      <c r="BG56" s="459"/>
      <c r="BH56" s="459"/>
      <c r="BI56" s="459"/>
      <c r="BJ56" s="460"/>
      <c r="BK56" s="458"/>
      <c r="BL56" s="459"/>
      <c r="BM56" s="459"/>
      <c r="BN56" s="459"/>
      <c r="BO56" s="459"/>
      <c r="BP56" s="459"/>
      <c r="BQ56" s="459"/>
      <c r="BR56" s="459"/>
      <c r="BS56" s="459"/>
      <c r="BT56" s="459"/>
      <c r="BU56" s="459"/>
      <c r="BV56" s="459"/>
      <c r="BW56" s="459"/>
      <c r="BX56" s="459"/>
      <c r="BY56" s="459"/>
      <c r="BZ56" s="459"/>
      <c r="CA56" s="459"/>
      <c r="CB56" s="460"/>
      <c r="CC56" s="783"/>
      <c r="CD56" s="784"/>
      <c r="CE56" s="627"/>
      <c r="CF56" s="627"/>
      <c r="CG56" s="627"/>
      <c r="CH56" s="627"/>
      <c r="CI56" s="627"/>
      <c r="CJ56" s="627"/>
      <c r="CK56" s="627"/>
      <c r="CL56" s="627"/>
      <c r="CM56" s="627"/>
      <c r="CN56" s="627"/>
      <c r="CO56" s="627"/>
      <c r="CP56" s="627"/>
      <c r="CQ56" s="627"/>
      <c r="CR56" s="627"/>
      <c r="CS56" s="627"/>
      <c r="CT56" s="628"/>
      <c r="CU56" s="166"/>
      <c r="CV56" s="166"/>
      <c r="CW56" s="763"/>
      <c r="CX56" s="764"/>
      <c r="CY56" s="765"/>
      <c r="CZ56" s="787" t="s">
        <v>8</v>
      </c>
      <c r="DA56" s="787"/>
      <c r="DB56" s="748" t="s">
        <v>130</v>
      </c>
      <c r="DC56" s="748"/>
      <c r="DD56" s="748"/>
      <c r="DE56" s="748"/>
      <c r="DF56" s="748"/>
      <c r="DG56" s="748"/>
      <c r="DH56" s="748"/>
      <c r="DI56" s="748"/>
      <c r="DJ56" s="790"/>
      <c r="DK56" s="467" t="s">
        <v>129</v>
      </c>
      <c r="DL56" s="468"/>
      <c r="DM56" s="468"/>
      <c r="DN56" s="505"/>
      <c r="DO56" s="506"/>
      <c r="DP56" s="506"/>
      <c r="DQ56" s="506"/>
      <c r="DR56" s="506"/>
      <c r="DS56" s="506"/>
      <c r="DT56" s="506"/>
      <c r="DU56" s="506"/>
      <c r="DV56" s="506"/>
      <c r="DW56" s="506"/>
      <c r="DX56" s="506"/>
      <c r="DY56" s="506"/>
      <c r="DZ56" s="506"/>
      <c r="EA56" s="507"/>
      <c r="EB56" s="165"/>
    </row>
    <row r="57" spans="50:134" ht="5.25" customHeight="1">
      <c r="AX57" s="872"/>
      <c r="AY57" s="872"/>
      <c r="AZ57" s="872"/>
      <c r="BC57" s="646"/>
      <c r="BD57" s="459"/>
      <c r="BE57" s="459"/>
      <c r="BF57" s="459"/>
      <c r="BG57" s="459"/>
      <c r="BH57" s="459"/>
      <c r="BI57" s="459"/>
      <c r="BJ57" s="460"/>
      <c r="BK57" s="461"/>
      <c r="BL57" s="462"/>
      <c r="BM57" s="462"/>
      <c r="BN57" s="462"/>
      <c r="BO57" s="462"/>
      <c r="BP57" s="462"/>
      <c r="BQ57" s="462"/>
      <c r="BR57" s="462"/>
      <c r="BS57" s="462"/>
      <c r="BT57" s="462"/>
      <c r="BU57" s="462"/>
      <c r="BV57" s="462"/>
      <c r="BW57" s="462"/>
      <c r="BX57" s="462"/>
      <c r="BY57" s="462"/>
      <c r="BZ57" s="462"/>
      <c r="CA57" s="462"/>
      <c r="CB57" s="463"/>
      <c r="CC57" s="785"/>
      <c r="CD57" s="786"/>
      <c r="CE57" s="630"/>
      <c r="CF57" s="630"/>
      <c r="CG57" s="630"/>
      <c r="CH57" s="630"/>
      <c r="CI57" s="630"/>
      <c r="CJ57" s="630"/>
      <c r="CK57" s="630"/>
      <c r="CL57" s="630"/>
      <c r="CM57" s="630"/>
      <c r="CN57" s="630"/>
      <c r="CO57" s="630"/>
      <c r="CP57" s="630"/>
      <c r="CQ57" s="630"/>
      <c r="CR57" s="630"/>
      <c r="CS57" s="630"/>
      <c r="CT57" s="631"/>
      <c r="CU57" s="166"/>
      <c r="CV57" s="166"/>
      <c r="CW57" s="763"/>
      <c r="CX57" s="764"/>
      <c r="CY57" s="765"/>
      <c r="CZ57" s="788"/>
      <c r="DA57" s="788"/>
      <c r="DB57" s="729"/>
      <c r="DC57" s="729"/>
      <c r="DD57" s="729"/>
      <c r="DE57" s="729"/>
      <c r="DF57" s="729"/>
      <c r="DG57" s="729"/>
      <c r="DH57" s="729"/>
      <c r="DI57" s="729"/>
      <c r="DJ57" s="730"/>
      <c r="DK57" s="467"/>
      <c r="DL57" s="468"/>
      <c r="DM57" s="468"/>
      <c r="DN57" s="505"/>
      <c r="DO57" s="506"/>
      <c r="DP57" s="506"/>
      <c r="DQ57" s="506"/>
      <c r="DR57" s="506"/>
      <c r="DS57" s="506"/>
      <c r="DT57" s="506"/>
      <c r="DU57" s="506"/>
      <c r="DV57" s="506"/>
      <c r="DW57" s="506"/>
      <c r="DX57" s="506"/>
      <c r="DY57" s="506"/>
      <c r="DZ57" s="506"/>
      <c r="EA57" s="507"/>
      <c r="EB57" s="165"/>
    </row>
    <row r="58" spans="50:134" ht="5.25" customHeight="1">
      <c r="AX58" s="872"/>
      <c r="AY58" s="872"/>
      <c r="AZ58" s="872"/>
      <c r="BC58" s="646"/>
      <c r="BD58" s="459"/>
      <c r="BE58" s="459"/>
      <c r="BF58" s="459"/>
      <c r="BG58" s="459"/>
      <c r="BH58" s="459"/>
      <c r="BI58" s="459"/>
      <c r="BJ58" s="460"/>
      <c r="BK58" s="781"/>
      <c r="BL58" s="782"/>
      <c r="BM58" s="782"/>
      <c r="BN58" s="782"/>
      <c r="BO58" s="782"/>
      <c r="BP58" s="782"/>
      <c r="BQ58" s="782"/>
      <c r="BR58" s="782"/>
      <c r="BS58" s="782"/>
      <c r="BT58" s="782"/>
      <c r="BU58" s="782"/>
      <c r="BV58" s="782"/>
      <c r="BW58" s="782"/>
      <c r="BX58" s="782"/>
      <c r="BY58" s="782"/>
      <c r="BZ58" s="782"/>
      <c r="CA58" s="782"/>
      <c r="CB58" s="791"/>
      <c r="CC58" s="781"/>
      <c r="CD58" s="782"/>
      <c r="CE58" s="624"/>
      <c r="CF58" s="624"/>
      <c r="CG58" s="624"/>
      <c r="CH58" s="624"/>
      <c r="CI58" s="624"/>
      <c r="CJ58" s="624"/>
      <c r="CK58" s="624"/>
      <c r="CL58" s="624"/>
      <c r="CM58" s="624"/>
      <c r="CN58" s="624"/>
      <c r="CO58" s="624"/>
      <c r="CP58" s="624"/>
      <c r="CQ58" s="624"/>
      <c r="CR58" s="624"/>
      <c r="CS58" s="624"/>
      <c r="CT58" s="625"/>
      <c r="CU58" s="166"/>
      <c r="CV58" s="166"/>
      <c r="CW58" s="763"/>
      <c r="CX58" s="764"/>
      <c r="CY58" s="765"/>
      <c r="CZ58" s="788"/>
      <c r="DA58" s="788"/>
      <c r="DB58" s="729"/>
      <c r="DC58" s="729"/>
      <c r="DD58" s="729"/>
      <c r="DE58" s="729"/>
      <c r="DF58" s="729"/>
      <c r="DG58" s="729"/>
      <c r="DH58" s="729"/>
      <c r="DI58" s="729"/>
      <c r="DJ58" s="730"/>
      <c r="DK58" s="467"/>
      <c r="DL58" s="468"/>
      <c r="DM58" s="468"/>
      <c r="DN58" s="505"/>
      <c r="DO58" s="506"/>
      <c r="DP58" s="506"/>
      <c r="DQ58" s="506"/>
      <c r="DR58" s="506"/>
      <c r="DS58" s="506"/>
      <c r="DT58" s="506"/>
      <c r="DU58" s="506"/>
      <c r="DV58" s="506"/>
      <c r="DW58" s="506"/>
      <c r="DX58" s="506"/>
      <c r="DY58" s="506"/>
      <c r="DZ58" s="506"/>
      <c r="EA58" s="507"/>
      <c r="EB58" s="165"/>
    </row>
    <row r="59" spans="50:134" ht="5.25" customHeight="1">
      <c r="AX59" s="872"/>
      <c r="AY59" s="872"/>
      <c r="AZ59" s="872"/>
      <c r="BC59" s="646"/>
      <c r="BD59" s="459"/>
      <c r="BE59" s="459"/>
      <c r="BF59" s="459"/>
      <c r="BG59" s="459"/>
      <c r="BH59" s="459"/>
      <c r="BI59" s="459"/>
      <c r="BJ59" s="460"/>
      <c r="BK59" s="783"/>
      <c r="BL59" s="784"/>
      <c r="BM59" s="784"/>
      <c r="BN59" s="784"/>
      <c r="BO59" s="784"/>
      <c r="BP59" s="784"/>
      <c r="BQ59" s="784"/>
      <c r="BR59" s="784"/>
      <c r="BS59" s="784"/>
      <c r="BT59" s="784"/>
      <c r="BU59" s="784"/>
      <c r="BV59" s="784"/>
      <c r="BW59" s="784"/>
      <c r="BX59" s="784"/>
      <c r="BY59" s="784"/>
      <c r="BZ59" s="784"/>
      <c r="CA59" s="784"/>
      <c r="CB59" s="792"/>
      <c r="CC59" s="783"/>
      <c r="CD59" s="784"/>
      <c r="CE59" s="627"/>
      <c r="CF59" s="627"/>
      <c r="CG59" s="627"/>
      <c r="CH59" s="627"/>
      <c r="CI59" s="627"/>
      <c r="CJ59" s="627"/>
      <c r="CK59" s="627"/>
      <c r="CL59" s="627"/>
      <c r="CM59" s="627"/>
      <c r="CN59" s="627"/>
      <c r="CO59" s="627"/>
      <c r="CP59" s="627"/>
      <c r="CQ59" s="627"/>
      <c r="CR59" s="627"/>
      <c r="CS59" s="627"/>
      <c r="CT59" s="628"/>
      <c r="CU59" s="166"/>
      <c r="CV59" s="166"/>
      <c r="CW59" s="763"/>
      <c r="CX59" s="764"/>
      <c r="CY59" s="765"/>
      <c r="CZ59" s="788"/>
      <c r="DA59" s="788"/>
      <c r="DB59" s="729"/>
      <c r="DC59" s="729"/>
      <c r="DD59" s="729"/>
      <c r="DE59" s="729"/>
      <c r="DF59" s="729"/>
      <c r="DG59" s="729"/>
      <c r="DH59" s="729"/>
      <c r="DI59" s="729"/>
      <c r="DJ59" s="730"/>
      <c r="DK59" s="501"/>
      <c r="DL59" s="486"/>
      <c r="DM59" s="486"/>
      <c r="DN59" s="508"/>
      <c r="DO59" s="509"/>
      <c r="DP59" s="509"/>
      <c r="DQ59" s="509"/>
      <c r="DR59" s="509"/>
      <c r="DS59" s="509"/>
      <c r="DT59" s="509"/>
      <c r="DU59" s="509"/>
      <c r="DV59" s="509"/>
      <c r="DW59" s="509"/>
      <c r="DX59" s="509"/>
      <c r="DY59" s="509"/>
      <c r="DZ59" s="509"/>
      <c r="EA59" s="510"/>
      <c r="EB59" s="165"/>
    </row>
    <row r="60" spans="50:134" ht="5.25" customHeight="1">
      <c r="AX60" s="872"/>
      <c r="AY60" s="872"/>
      <c r="AZ60" s="872"/>
      <c r="BC60" s="646" t="s">
        <v>128</v>
      </c>
      <c r="BD60" s="459"/>
      <c r="BE60" s="459"/>
      <c r="BF60" s="459"/>
      <c r="BG60" s="459"/>
      <c r="BH60" s="459"/>
      <c r="BI60" s="459"/>
      <c r="BJ60" s="460"/>
      <c r="BK60" s="783"/>
      <c r="BL60" s="784"/>
      <c r="BM60" s="784"/>
      <c r="BN60" s="784"/>
      <c r="BO60" s="784"/>
      <c r="BP60" s="784"/>
      <c r="BQ60" s="784"/>
      <c r="BR60" s="784"/>
      <c r="BS60" s="784"/>
      <c r="BT60" s="784"/>
      <c r="BU60" s="784"/>
      <c r="BV60" s="784"/>
      <c r="BW60" s="784"/>
      <c r="BX60" s="784"/>
      <c r="BY60" s="784"/>
      <c r="BZ60" s="784"/>
      <c r="CA60" s="784"/>
      <c r="CB60" s="792"/>
      <c r="CC60" s="783"/>
      <c r="CD60" s="784"/>
      <c r="CE60" s="627"/>
      <c r="CF60" s="627"/>
      <c r="CG60" s="627"/>
      <c r="CH60" s="627"/>
      <c r="CI60" s="627"/>
      <c r="CJ60" s="627"/>
      <c r="CK60" s="627"/>
      <c r="CL60" s="627"/>
      <c r="CM60" s="627"/>
      <c r="CN60" s="627"/>
      <c r="CO60" s="627"/>
      <c r="CP60" s="627"/>
      <c r="CQ60" s="627"/>
      <c r="CR60" s="627"/>
      <c r="CS60" s="627"/>
      <c r="CT60" s="628"/>
      <c r="CU60" s="166"/>
      <c r="CV60" s="166"/>
      <c r="CW60" s="763"/>
      <c r="CX60" s="764"/>
      <c r="CY60" s="765"/>
      <c r="CZ60" s="788"/>
      <c r="DA60" s="788"/>
      <c r="DB60" s="661" t="s">
        <v>127</v>
      </c>
      <c r="DC60" s="661"/>
      <c r="DD60" s="661"/>
      <c r="DE60" s="661"/>
      <c r="DF60" s="661"/>
      <c r="DG60" s="661"/>
      <c r="DH60" s="661"/>
      <c r="DI60" s="661"/>
      <c r="DJ60" s="775"/>
      <c r="DK60" s="467" t="s">
        <v>126</v>
      </c>
      <c r="DL60" s="468"/>
      <c r="DM60" s="468"/>
      <c r="DN60" s="502"/>
      <c r="DO60" s="503"/>
      <c r="DP60" s="503"/>
      <c r="DQ60" s="503"/>
      <c r="DR60" s="503"/>
      <c r="DS60" s="503"/>
      <c r="DT60" s="503"/>
      <c r="DU60" s="503"/>
      <c r="DV60" s="503"/>
      <c r="DW60" s="503"/>
      <c r="DX60" s="503"/>
      <c r="DY60" s="503"/>
      <c r="DZ60" s="503"/>
      <c r="EA60" s="504"/>
      <c r="EB60" s="165"/>
    </row>
    <row r="61" spans="50:134" ht="5.25" customHeight="1">
      <c r="AX61" s="872"/>
      <c r="AY61" s="872"/>
      <c r="AZ61" s="872"/>
      <c r="BC61" s="646"/>
      <c r="BD61" s="459"/>
      <c r="BE61" s="459"/>
      <c r="BF61" s="459"/>
      <c r="BG61" s="459"/>
      <c r="BH61" s="459"/>
      <c r="BI61" s="459"/>
      <c r="BJ61" s="460"/>
      <c r="BK61" s="785"/>
      <c r="BL61" s="786"/>
      <c r="BM61" s="786"/>
      <c r="BN61" s="786"/>
      <c r="BO61" s="786"/>
      <c r="BP61" s="786"/>
      <c r="BQ61" s="786"/>
      <c r="BR61" s="786"/>
      <c r="BS61" s="786"/>
      <c r="BT61" s="786"/>
      <c r="BU61" s="786"/>
      <c r="BV61" s="786"/>
      <c r="BW61" s="786"/>
      <c r="BX61" s="786"/>
      <c r="BY61" s="786"/>
      <c r="BZ61" s="786"/>
      <c r="CA61" s="786"/>
      <c r="CB61" s="793"/>
      <c r="CC61" s="785"/>
      <c r="CD61" s="786"/>
      <c r="CE61" s="630"/>
      <c r="CF61" s="630"/>
      <c r="CG61" s="630"/>
      <c r="CH61" s="630"/>
      <c r="CI61" s="630"/>
      <c r="CJ61" s="630"/>
      <c r="CK61" s="630"/>
      <c r="CL61" s="630"/>
      <c r="CM61" s="630"/>
      <c r="CN61" s="630"/>
      <c r="CO61" s="630"/>
      <c r="CP61" s="630"/>
      <c r="CQ61" s="630"/>
      <c r="CR61" s="630"/>
      <c r="CS61" s="630"/>
      <c r="CT61" s="631"/>
      <c r="CU61" s="166"/>
      <c r="CV61" s="166"/>
      <c r="CW61" s="763"/>
      <c r="CX61" s="764"/>
      <c r="CY61" s="765"/>
      <c r="CZ61" s="788"/>
      <c r="DA61" s="788"/>
      <c r="DB61" s="661"/>
      <c r="DC61" s="661"/>
      <c r="DD61" s="661"/>
      <c r="DE61" s="661"/>
      <c r="DF61" s="661"/>
      <c r="DG61" s="661"/>
      <c r="DH61" s="661"/>
      <c r="DI61" s="661"/>
      <c r="DJ61" s="775"/>
      <c r="DK61" s="467"/>
      <c r="DL61" s="468"/>
      <c r="DM61" s="468"/>
      <c r="DN61" s="505"/>
      <c r="DO61" s="506"/>
      <c r="DP61" s="506"/>
      <c r="DQ61" s="506"/>
      <c r="DR61" s="506"/>
      <c r="DS61" s="506"/>
      <c r="DT61" s="506"/>
      <c r="DU61" s="506"/>
      <c r="DV61" s="506"/>
      <c r="DW61" s="506"/>
      <c r="DX61" s="506"/>
      <c r="DY61" s="506"/>
      <c r="DZ61" s="506"/>
      <c r="EA61" s="507"/>
      <c r="EB61" s="165"/>
    </row>
    <row r="62" spans="50:134" ht="5.25" customHeight="1">
      <c r="AX62" s="872"/>
      <c r="AY62" s="872"/>
      <c r="AZ62" s="872"/>
      <c r="BC62" s="646"/>
      <c r="BD62" s="459"/>
      <c r="BE62" s="459"/>
      <c r="BF62" s="459"/>
      <c r="BG62" s="459"/>
      <c r="BH62" s="459"/>
      <c r="BI62" s="459"/>
      <c r="BJ62" s="460"/>
      <c r="BK62" s="781"/>
      <c r="BL62" s="782"/>
      <c r="BM62" s="782"/>
      <c r="BN62" s="782"/>
      <c r="BO62" s="782"/>
      <c r="BP62" s="782"/>
      <c r="BQ62" s="782"/>
      <c r="BR62" s="782"/>
      <c r="BS62" s="782"/>
      <c r="BT62" s="782"/>
      <c r="BU62" s="782"/>
      <c r="BV62" s="782"/>
      <c r="BW62" s="782"/>
      <c r="BX62" s="782"/>
      <c r="BY62" s="782"/>
      <c r="BZ62" s="782"/>
      <c r="CA62" s="782"/>
      <c r="CB62" s="791"/>
      <c r="CC62" s="782"/>
      <c r="CD62" s="782"/>
      <c r="CE62" s="624"/>
      <c r="CF62" s="624"/>
      <c r="CG62" s="624"/>
      <c r="CH62" s="624"/>
      <c r="CI62" s="624"/>
      <c r="CJ62" s="624"/>
      <c r="CK62" s="624"/>
      <c r="CL62" s="624"/>
      <c r="CM62" s="624"/>
      <c r="CN62" s="624"/>
      <c r="CO62" s="624"/>
      <c r="CP62" s="624"/>
      <c r="CQ62" s="624"/>
      <c r="CR62" s="624"/>
      <c r="CS62" s="624"/>
      <c r="CT62" s="625"/>
      <c r="CU62" s="166"/>
      <c r="CV62" s="166"/>
      <c r="CW62" s="763"/>
      <c r="CX62" s="764"/>
      <c r="CY62" s="765"/>
      <c r="CZ62" s="788"/>
      <c r="DA62" s="788"/>
      <c r="DB62" s="661"/>
      <c r="DC62" s="661"/>
      <c r="DD62" s="661"/>
      <c r="DE62" s="661"/>
      <c r="DF62" s="661"/>
      <c r="DG62" s="661"/>
      <c r="DH62" s="661"/>
      <c r="DI62" s="661"/>
      <c r="DJ62" s="775"/>
      <c r="DK62" s="467"/>
      <c r="DL62" s="468"/>
      <c r="DM62" s="468"/>
      <c r="DN62" s="505"/>
      <c r="DO62" s="506"/>
      <c r="DP62" s="506"/>
      <c r="DQ62" s="506"/>
      <c r="DR62" s="506"/>
      <c r="DS62" s="506"/>
      <c r="DT62" s="506"/>
      <c r="DU62" s="506"/>
      <c r="DV62" s="506"/>
      <c r="DW62" s="506"/>
      <c r="DX62" s="506"/>
      <c r="DY62" s="506"/>
      <c r="DZ62" s="506"/>
      <c r="EA62" s="507"/>
      <c r="EB62" s="165"/>
    </row>
    <row r="63" spans="50:134" ht="5.25" customHeight="1">
      <c r="AX63" s="872"/>
      <c r="AY63" s="872"/>
      <c r="AZ63" s="872"/>
      <c r="BC63" s="646"/>
      <c r="BD63" s="459"/>
      <c r="BE63" s="459"/>
      <c r="BF63" s="459"/>
      <c r="BG63" s="459"/>
      <c r="BH63" s="459"/>
      <c r="BI63" s="459"/>
      <c r="BJ63" s="460"/>
      <c r="BK63" s="783"/>
      <c r="BL63" s="784"/>
      <c r="BM63" s="784"/>
      <c r="BN63" s="784"/>
      <c r="BO63" s="784"/>
      <c r="BP63" s="784"/>
      <c r="BQ63" s="784"/>
      <c r="BR63" s="784"/>
      <c r="BS63" s="784"/>
      <c r="BT63" s="784"/>
      <c r="BU63" s="784"/>
      <c r="BV63" s="784"/>
      <c r="BW63" s="784"/>
      <c r="BX63" s="784"/>
      <c r="BY63" s="784"/>
      <c r="BZ63" s="784"/>
      <c r="CA63" s="784"/>
      <c r="CB63" s="792"/>
      <c r="CC63" s="784"/>
      <c r="CD63" s="784"/>
      <c r="CE63" s="627"/>
      <c r="CF63" s="627"/>
      <c r="CG63" s="627"/>
      <c r="CH63" s="627"/>
      <c r="CI63" s="627"/>
      <c r="CJ63" s="627"/>
      <c r="CK63" s="627"/>
      <c r="CL63" s="627"/>
      <c r="CM63" s="627"/>
      <c r="CN63" s="627"/>
      <c r="CO63" s="627"/>
      <c r="CP63" s="627"/>
      <c r="CQ63" s="627"/>
      <c r="CR63" s="627"/>
      <c r="CS63" s="627"/>
      <c r="CT63" s="628"/>
      <c r="CU63" s="166"/>
      <c r="CV63" s="166"/>
      <c r="CW63" s="763"/>
      <c r="CX63" s="764"/>
      <c r="CY63" s="765"/>
      <c r="CZ63" s="789"/>
      <c r="DA63" s="789"/>
      <c r="DB63" s="661"/>
      <c r="DC63" s="661"/>
      <c r="DD63" s="661"/>
      <c r="DE63" s="661"/>
      <c r="DF63" s="661"/>
      <c r="DG63" s="661"/>
      <c r="DH63" s="661"/>
      <c r="DI63" s="661"/>
      <c r="DJ63" s="775"/>
      <c r="DK63" s="467"/>
      <c r="DL63" s="468"/>
      <c r="DM63" s="468"/>
      <c r="DN63" s="508"/>
      <c r="DO63" s="509"/>
      <c r="DP63" s="509"/>
      <c r="DQ63" s="509"/>
      <c r="DR63" s="509"/>
      <c r="DS63" s="509"/>
      <c r="DT63" s="509"/>
      <c r="DU63" s="509"/>
      <c r="DV63" s="509"/>
      <c r="DW63" s="509"/>
      <c r="DX63" s="509"/>
      <c r="DY63" s="509"/>
      <c r="DZ63" s="509"/>
      <c r="EA63" s="510"/>
      <c r="EB63" s="165"/>
    </row>
    <row r="64" spans="50:134" ht="5.25" customHeight="1">
      <c r="AX64" s="872"/>
      <c r="AY64" s="872"/>
      <c r="AZ64" s="872"/>
      <c r="BC64" s="646"/>
      <c r="BD64" s="459"/>
      <c r="BE64" s="459"/>
      <c r="BF64" s="459"/>
      <c r="BG64" s="459"/>
      <c r="BH64" s="459"/>
      <c r="BI64" s="459"/>
      <c r="BJ64" s="460"/>
      <c r="BK64" s="783"/>
      <c r="BL64" s="784"/>
      <c r="BM64" s="784"/>
      <c r="BN64" s="784"/>
      <c r="BO64" s="784"/>
      <c r="BP64" s="784"/>
      <c r="BQ64" s="784"/>
      <c r="BR64" s="784"/>
      <c r="BS64" s="784"/>
      <c r="BT64" s="784"/>
      <c r="BU64" s="784"/>
      <c r="BV64" s="784"/>
      <c r="BW64" s="784"/>
      <c r="BX64" s="784"/>
      <c r="BY64" s="784"/>
      <c r="BZ64" s="784"/>
      <c r="CA64" s="784"/>
      <c r="CB64" s="792"/>
      <c r="CC64" s="784"/>
      <c r="CD64" s="784"/>
      <c r="CE64" s="627"/>
      <c r="CF64" s="627"/>
      <c r="CG64" s="627"/>
      <c r="CH64" s="627"/>
      <c r="CI64" s="627"/>
      <c r="CJ64" s="627"/>
      <c r="CK64" s="627"/>
      <c r="CL64" s="627"/>
      <c r="CM64" s="627"/>
      <c r="CN64" s="627"/>
      <c r="CO64" s="627"/>
      <c r="CP64" s="627"/>
      <c r="CQ64" s="627"/>
      <c r="CR64" s="627"/>
      <c r="CS64" s="627"/>
      <c r="CT64" s="628"/>
      <c r="CU64" s="166"/>
      <c r="CV64" s="166"/>
      <c r="CW64" s="763"/>
      <c r="CX64" s="764"/>
      <c r="CY64" s="765"/>
      <c r="CZ64" s="794" t="s">
        <v>125</v>
      </c>
      <c r="DA64" s="795"/>
      <c r="DB64" s="774" t="s">
        <v>124</v>
      </c>
      <c r="DC64" s="661"/>
      <c r="DD64" s="661"/>
      <c r="DE64" s="661"/>
      <c r="DF64" s="661"/>
      <c r="DG64" s="661"/>
      <c r="DH64" s="661"/>
      <c r="DI64" s="661"/>
      <c r="DJ64" s="775"/>
      <c r="DK64" s="464" t="s">
        <v>123</v>
      </c>
      <c r="DL64" s="465"/>
      <c r="DM64" s="466"/>
      <c r="DN64" s="502"/>
      <c r="DO64" s="503"/>
      <c r="DP64" s="503"/>
      <c r="DQ64" s="503"/>
      <c r="DR64" s="503"/>
      <c r="DS64" s="503"/>
      <c r="DT64" s="503"/>
      <c r="DU64" s="503"/>
      <c r="DV64" s="503"/>
      <c r="DW64" s="503"/>
      <c r="DX64" s="503"/>
      <c r="DY64" s="503"/>
      <c r="DZ64" s="503"/>
      <c r="EA64" s="504"/>
      <c r="EB64" s="165"/>
    </row>
    <row r="65" spans="50:132" ht="5.25" customHeight="1">
      <c r="AX65" s="872"/>
      <c r="AY65" s="872"/>
      <c r="AZ65" s="872"/>
      <c r="BC65" s="66"/>
      <c r="BD65" s="2"/>
      <c r="BE65" s="2"/>
      <c r="BF65" s="2"/>
      <c r="BG65" s="2"/>
      <c r="BH65" s="2"/>
      <c r="BI65" s="2"/>
      <c r="BJ65" s="42"/>
      <c r="BK65" s="785"/>
      <c r="BL65" s="786"/>
      <c r="BM65" s="786"/>
      <c r="BN65" s="786"/>
      <c r="BO65" s="786"/>
      <c r="BP65" s="786"/>
      <c r="BQ65" s="786"/>
      <c r="BR65" s="786"/>
      <c r="BS65" s="786"/>
      <c r="BT65" s="786"/>
      <c r="BU65" s="786"/>
      <c r="BV65" s="786"/>
      <c r="BW65" s="786"/>
      <c r="BX65" s="786"/>
      <c r="BY65" s="786"/>
      <c r="BZ65" s="786"/>
      <c r="CA65" s="786"/>
      <c r="CB65" s="793"/>
      <c r="CC65" s="786"/>
      <c r="CD65" s="786"/>
      <c r="CE65" s="630"/>
      <c r="CF65" s="630"/>
      <c r="CG65" s="630"/>
      <c r="CH65" s="630"/>
      <c r="CI65" s="630"/>
      <c r="CJ65" s="630"/>
      <c r="CK65" s="630"/>
      <c r="CL65" s="630"/>
      <c r="CM65" s="630"/>
      <c r="CN65" s="630"/>
      <c r="CO65" s="630"/>
      <c r="CP65" s="630"/>
      <c r="CQ65" s="630"/>
      <c r="CR65" s="630"/>
      <c r="CS65" s="630"/>
      <c r="CT65" s="631"/>
      <c r="CU65" s="166"/>
      <c r="CV65" s="166"/>
      <c r="CW65" s="763"/>
      <c r="CX65" s="764"/>
      <c r="CY65" s="765"/>
      <c r="CZ65" s="772"/>
      <c r="DA65" s="773"/>
      <c r="DB65" s="774"/>
      <c r="DC65" s="661"/>
      <c r="DD65" s="661"/>
      <c r="DE65" s="661"/>
      <c r="DF65" s="661"/>
      <c r="DG65" s="661"/>
      <c r="DH65" s="661"/>
      <c r="DI65" s="661"/>
      <c r="DJ65" s="775"/>
      <c r="DK65" s="467"/>
      <c r="DL65" s="468"/>
      <c r="DM65" s="469"/>
      <c r="DN65" s="505"/>
      <c r="DO65" s="506"/>
      <c r="DP65" s="506"/>
      <c r="DQ65" s="506"/>
      <c r="DR65" s="506"/>
      <c r="DS65" s="506"/>
      <c r="DT65" s="506"/>
      <c r="DU65" s="506"/>
      <c r="DV65" s="506"/>
      <c r="DW65" s="506"/>
      <c r="DX65" s="506"/>
      <c r="DY65" s="506"/>
      <c r="DZ65" s="506"/>
      <c r="EA65" s="507"/>
      <c r="EB65" s="165"/>
    </row>
    <row r="66" spans="50:132" ht="5.25" customHeight="1">
      <c r="AX66" s="872"/>
      <c r="AY66" s="872"/>
      <c r="AZ66" s="872"/>
      <c r="BC66" s="66"/>
      <c r="BD66" s="2"/>
      <c r="BE66" s="2"/>
      <c r="BF66" s="2"/>
      <c r="BG66" s="2"/>
      <c r="BH66" s="2"/>
      <c r="BI66" s="2"/>
      <c r="BJ66" s="42"/>
      <c r="BK66" s="458" t="s">
        <v>122</v>
      </c>
      <c r="BL66" s="459"/>
      <c r="BM66" s="459"/>
      <c r="BN66" s="459"/>
      <c r="BO66" s="459"/>
      <c r="BP66" s="459"/>
      <c r="BQ66" s="459"/>
      <c r="BR66" s="459"/>
      <c r="BS66" s="459"/>
      <c r="BT66" s="459"/>
      <c r="BU66" s="459"/>
      <c r="BV66" s="459"/>
      <c r="BW66" s="459"/>
      <c r="BX66" s="459"/>
      <c r="BY66" s="459"/>
      <c r="BZ66" s="459"/>
      <c r="CA66" s="459"/>
      <c r="CB66" s="459"/>
      <c r="CC66" s="796" t="s">
        <v>121</v>
      </c>
      <c r="CD66" s="797"/>
      <c r="CE66" s="797"/>
      <c r="CF66" s="797"/>
      <c r="CG66" s="797"/>
      <c r="CH66" s="797"/>
      <c r="CI66" s="797"/>
      <c r="CJ66" s="797"/>
      <c r="CK66" s="797"/>
      <c r="CL66" s="797"/>
      <c r="CM66" s="797"/>
      <c r="CN66" s="797"/>
      <c r="CO66" s="797"/>
      <c r="CP66" s="797"/>
      <c r="CQ66" s="797"/>
      <c r="CR66" s="797"/>
      <c r="CS66" s="797"/>
      <c r="CT66" s="798"/>
      <c r="CU66" s="166"/>
      <c r="CV66" s="166"/>
      <c r="CW66" s="763"/>
      <c r="CX66" s="764"/>
      <c r="CY66" s="765"/>
      <c r="CZ66" s="772" t="s">
        <v>120</v>
      </c>
      <c r="DA66" s="773"/>
      <c r="DB66" s="774"/>
      <c r="DC66" s="661"/>
      <c r="DD66" s="661"/>
      <c r="DE66" s="661"/>
      <c r="DF66" s="661"/>
      <c r="DG66" s="661"/>
      <c r="DH66" s="661"/>
      <c r="DI66" s="661"/>
      <c r="DJ66" s="775"/>
      <c r="DK66" s="467"/>
      <c r="DL66" s="468"/>
      <c r="DM66" s="469"/>
      <c r="DN66" s="505"/>
      <c r="DO66" s="506"/>
      <c r="DP66" s="506"/>
      <c r="DQ66" s="506"/>
      <c r="DR66" s="506"/>
      <c r="DS66" s="506"/>
      <c r="DT66" s="506"/>
      <c r="DU66" s="506"/>
      <c r="DV66" s="506"/>
      <c r="DW66" s="506"/>
      <c r="DX66" s="506"/>
      <c r="DY66" s="506"/>
      <c r="DZ66" s="506"/>
      <c r="EA66" s="507"/>
      <c r="EB66" s="165"/>
    </row>
    <row r="67" spans="50:132" ht="5.25" customHeight="1">
      <c r="AX67" s="872"/>
      <c r="AY67" s="872"/>
      <c r="AZ67" s="872"/>
      <c r="BC67" s="66"/>
      <c r="BD67" s="2"/>
      <c r="BE67" s="2"/>
      <c r="BF67" s="2"/>
      <c r="BG67" s="2"/>
      <c r="BH67" s="2"/>
      <c r="BI67" s="2"/>
      <c r="BJ67" s="42"/>
      <c r="BK67" s="458"/>
      <c r="BL67" s="459"/>
      <c r="BM67" s="459"/>
      <c r="BN67" s="459"/>
      <c r="BO67" s="459"/>
      <c r="BP67" s="459"/>
      <c r="BQ67" s="459"/>
      <c r="BR67" s="459"/>
      <c r="BS67" s="459"/>
      <c r="BT67" s="459"/>
      <c r="BU67" s="459"/>
      <c r="BV67" s="459"/>
      <c r="BW67" s="459"/>
      <c r="BX67" s="459"/>
      <c r="BY67" s="459"/>
      <c r="BZ67" s="459"/>
      <c r="CA67" s="459"/>
      <c r="CB67" s="459"/>
      <c r="CC67" s="799"/>
      <c r="CD67" s="800"/>
      <c r="CE67" s="800"/>
      <c r="CF67" s="800"/>
      <c r="CG67" s="800"/>
      <c r="CH67" s="800"/>
      <c r="CI67" s="800"/>
      <c r="CJ67" s="800"/>
      <c r="CK67" s="800"/>
      <c r="CL67" s="800"/>
      <c r="CM67" s="800"/>
      <c r="CN67" s="800"/>
      <c r="CO67" s="800"/>
      <c r="CP67" s="800"/>
      <c r="CQ67" s="800"/>
      <c r="CR67" s="800"/>
      <c r="CS67" s="800"/>
      <c r="CT67" s="801"/>
      <c r="CU67" s="166"/>
      <c r="CV67" s="166"/>
      <c r="CW67" s="763"/>
      <c r="CX67" s="764"/>
      <c r="CY67" s="765"/>
      <c r="CZ67" s="772"/>
      <c r="DA67" s="773"/>
      <c r="DB67" s="774"/>
      <c r="DC67" s="661"/>
      <c r="DD67" s="661"/>
      <c r="DE67" s="661"/>
      <c r="DF67" s="661"/>
      <c r="DG67" s="661"/>
      <c r="DH67" s="661"/>
      <c r="DI67" s="661"/>
      <c r="DJ67" s="775"/>
      <c r="DK67" s="501"/>
      <c r="DL67" s="486"/>
      <c r="DM67" s="487"/>
      <c r="DN67" s="508"/>
      <c r="DO67" s="509"/>
      <c r="DP67" s="509"/>
      <c r="DQ67" s="509"/>
      <c r="DR67" s="509"/>
      <c r="DS67" s="509"/>
      <c r="DT67" s="509"/>
      <c r="DU67" s="509"/>
      <c r="DV67" s="509"/>
      <c r="DW67" s="509"/>
      <c r="DX67" s="509"/>
      <c r="DY67" s="509"/>
      <c r="DZ67" s="509"/>
      <c r="EA67" s="510"/>
      <c r="EB67" s="165"/>
    </row>
    <row r="68" spans="50:132" ht="5.25" customHeight="1">
      <c r="AX68" s="872"/>
      <c r="AY68" s="872"/>
      <c r="AZ68" s="872"/>
      <c r="BC68" s="66"/>
      <c r="BD68" s="2"/>
      <c r="BE68" s="2"/>
      <c r="BF68" s="2"/>
      <c r="BG68" s="2"/>
      <c r="BH68" s="2"/>
      <c r="BI68" s="2"/>
      <c r="BJ68" s="42"/>
      <c r="BK68" s="458"/>
      <c r="BL68" s="459"/>
      <c r="BM68" s="459"/>
      <c r="BN68" s="459"/>
      <c r="BO68" s="459"/>
      <c r="BP68" s="459"/>
      <c r="BQ68" s="459"/>
      <c r="BR68" s="459"/>
      <c r="BS68" s="459"/>
      <c r="BT68" s="459"/>
      <c r="BU68" s="459"/>
      <c r="BV68" s="459"/>
      <c r="BW68" s="459"/>
      <c r="BX68" s="459"/>
      <c r="BY68" s="459"/>
      <c r="BZ68" s="459"/>
      <c r="CA68" s="459"/>
      <c r="CB68" s="459"/>
      <c r="CC68" s="799"/>
      <c r="CD68" s="800"/>
      <c r="CE68" s="800"/>
      <c r="CF68" s="800"/>
      <c r="CG68" s="800"/>
      <c r="CH68" s="800"/>
      <c r="CI68" s="800"/>
      <c r="CJ68" s="800"/>
      <c r="CK68" s="800"/>
      <c r="CL68" s="800"/>
      <c r="CM68" s="800"/>
      <c r="CN68" s="800"/>
      <c r="CO68" s="800"/>
      <c r="CP68" s="800"/>
      <c r="CQ68" s="800"/>
      <c r="CR68" s="800"/>
      <c r="CS68" s="800"/>
      <c r="CT68" s="801"/>
      <c r="CU68" s="166"/>
      <c r="CV68" s="166"/>
      <c r="CW68" s="763"/>
      <c r="CX68" s="764"/>
      <c r="CY68" s="765"/>
      <c r="CZ68" s="772" t="s">
        <v>119</v>
      </c>
      <c r="DA68" s="773"/>
      <c r="DB68" s="774" t="s">
        <v>118</v>
      </c>
      <c r="DC68" s="661"/>
      <c r="DD68" s="661"/>
      <c r="DE68" s="661"/>
      <c r="DF68" s="661"/>
      <c r="DG68" s="661"/>
      <c r="DH68" s="661"/>
      <c r="DI68" s="661"/>
      <c r="DJ68" s="775"/>
      <c r="DK68" s="464" t="s">
        <v>117</v>
      </c>
      <c r="DL68" s="465"/>
      <c r="DM68" s="466"/>
      <c r="DN68" s="502"/>
      <c r="DO68" s="503"/>
      <c r="DP68" s="503"/>
      <c r="DQ68" s="503"/>
      <c r="DR68" s="503"/>
      <c r="DS68" s="503"/>
      <c r="DT68" s="503"/>
      <c r="DU68" s="503"/>
      <c r="DV68" s="503"/>
      <c r="DW68" s="503"/>
      <c r="DX68" s="503"/>
      <c r="DY68" s="503"/>
      <c r="DZ68" s="503"/>
      <c r="EA68" s="504"/>
      <c r="EB68" s="165"/>
    </row>
    <row r="69" spans="50:132" ht="5.25" customHeight="1">
      <c r="AX69" s="872"/>
      <c r="AY69" s="872"/>
      <c r="AZ69" s="872"/>
      <c r="BC69" s="65"/>
      <c r="BD69" s="49"/>
      <c r="BE69" s="49"/>
      <c r="BF69" s="49"/>
      <c r="BG69" s="49"/>
      <c r="BH69" s="49"/>
      <c r="BI69" s="49"/>
      <c r="BJ69" s="64"/>
      <c r="BK69" s="461"/>
      <c r="BL69" s="462"/>
      <c r="BM69" s="462"/>
      <c r="BN69" s="462"/>
      <c r="BO69" s="462"/>
      <c r="BP69" s="462"/>
      <c r="BQ69" s="462"/>
      <c r="BR69" s="462"/>
      <c r="BS69" s="462"/>
      <c r="BT69" s="462"/>
      <c r="BU69" s="462"/>
      <c r="BV69" s="462"/>
      <c r="BW69" s="462"/>
      <c r="BX69" s="462"/>
      <c r="BY69" s="462"/>
      <c r="BZ69" s="462"/>
      <c r="CA69" s="462"/>
      <c r="CB69" s="462"/>
      <c r="CC69" s="802"/>
      <c r="CD69" s="803"/>
      <c r="CE69" s="803"/>
      <c r="CF69" s="803"/>
      <c r="CG69" s="803"/>
      <c r="CH69" s="803"/>
      <c r="CI69" s="803"/>
      <c r="CJ69" s="803"/>
      <c r="CK69" s="803"/>
      <c r="CL69" s="803"/>
      <c r="CM69" s="803"/>
      <c r="CN69" s="803"/>
      <c r="CO69" s="803"/>
      <c r="CP69" s="803"/>
      <c r="CQ69" s="803"/>
      <c r="CR69" s="803"/>
      <c r="CS69" s="803"/>
      <c r="CT69" s="804"/>
      <c r="CU69" s="166"/>
      <c r="CV69" s="166"/>
      <c r="CW69" s="763"/>
      <c r="CX69" s="764"/>
      <c r="CY69" s="765"/>
      <c r="CZ69" s="772"/>
      <c r="DA69" s="773"/>
      <c r="DB69" s="774"/>
      <c r="DC69" s="661"/>
      <c r="DD69" s="661"/>
      <c r="DE69" s="661"/>
      <c r="DF69" s="661"/>
      <c r="DG69" s="661"/>
      <c r="DH69" s="661"/>
      <c r="DI69" s="661"/>
      <c r="DJ69" s="775"/>
      <c r="DK69" s="467"/>
      <c r="DL69" s="468"/>
      <c r="DM69" s="469"/>
      <c r="DN69" s="505"/>
      <c r="DO69" s="506"/>
      <c r="DP69" s="506"/>
      <c r="DQ69" s="506"/>
      <c r="DR69" s="506"/>
      <c r="DS69" s="506"/>
      <c r="DT69" s="506"/>
      <c r="DU69" s="506"/>
      <c r="DV69" s="506"/>
      <c r="DW69" s="506"/>
      <c r="DX69" s="506"/>
      <c r="DY69" s="506"/>
      <c r="DZ69" s="506"/>
      <c r="EA69" s="507"/>
      <c r="EB69" s="165"/>
    </row>
    <row r="70" spans="50:132" ht="5.25" customHeight="1">
      <c r="AX70" s="872"/>
      <c r="AY70" s="872"/>
      <c r="AZ70" s="872"/>
      <c r="BC70" s="758" t="s">
        <v>116</v>
      </c>
      <c r="BD70" s="759"/>
      <c r="BE70" s="759"/>
      <c r="BF70" s="759"/>
      <c r="BG70" s="759"/>
      <c r="BH70" s="759"/>
      <c r="BI70" s="759"/>
      <c r="BJ70" s="760"/>
      <c r="BK70" s="458" t="s">
        <v>115</v>
      </c>
      <c r="BL70" s="459"/>
      <c r="BM70" s="459"/>
      <c r="BN70" s="459"/>
      <c r="BO70" s="459"/>
      <c r="BP70" s="459"/>
      <c r="BQ70" s="459"/>
      <c r="BR70" s="459"/>
      <c r="BS70" s="459"/>
      <c r="BT70" s="459"/>
      <c r="BU70" s="459"/>
      <c r="BV70" s="459"/>
      <c r="BW70" s="459"/>
      <c r="BX70" s="459"/>
      <c r="BY70" s="459"/>
      <c r="BZ70" s="459"/>
      <c r="CA70" s="459"/>
      <c r="CB70" s="459"/>
      <c r="CC70" s="458" t="s">
        <v>114</v>
      </c>
      <c r="CD70" s="459"/>
      <c r="CE70" s="459"/>
      <c r="CF70" s="459"/>
      <c r="CG70" s="459"/>
      <c r="CH70" s="459"/>
      <c r="CI70" s="459"/>
      <c r="CJ70" s="459"/>
      <c r="CK70" s="459"/>
      <c r="CL70" s="459"/>
      <c r="CM70" s="459"/>
      <c r="CN70" s="459"/>
      <c r="CO70" s="459"/>
      <c r="CP70" s="459"/>
      <c r="CQ70" s="459"/>
      <c r="CR70" s="459"/>
      <c r="CS70" s="459"/>
      <c r="CT70" s="473"/>
      <c r="CU70" s="166"/>
      <c r="CV70" s="166"/>
      <c r="CW70" s="763"/>
      <c r="CX70" s="764"/>
      <c r="CY70" s="765"/>
      <c r="CZ70" s="772" t="s">
        <v>113</v>
      </c>
      <c r="DA70" s="773"/>
      <c r="DB70" s="774"/>
      <c r="DC70" s="661"/>
      <c r="DD70" s="661"/>
      <c r="DE70" s="661"/>
      <c r="DF70" s="661"/>
      <c r="DG70" s="661"/>
      <c r="DH70" s="661"/>
      <c r="DI70" s="661"/>
      <c r="DJ70" s="775"/>
      <c r="DK70" s="467"/>
      <c r="DL70" s="468"/>
      <c r="DM70" s="469"/>
      <c r="DN70" s="505"/>
      <c r="DO70" s="506"/>
      <c r="DP70" s="506"/>
      <c r="DQ70" s="506"/>
      <c r="DR70" s="506"/>
      <c r="DS70" s="506"/>
      <c r="DT70" s="506"/>
      <c r="DU70" s="506"/>
      <c r="DV70" s="506"/>
      <c r="DW70" s="506"/>
      <c r="DX70" s="506"/>
      <c r="DY70" s="506"/>
      <c r="DZ70" s="506"/>
      <c r="EA70" s="507"/>
      <c r="EB70" s="165"/>
    </row>
    <row r="71" spans="50:132" ht="5.25" customHeight="1">
      <c r="AX71" s="872"/>
      <c r="AY71" s="872"/>
      <c r="AZ71" s="872"/>
      <c r="BC71" s="758"/>
      <c r="BD71" s="759"/>
      <c r="BE71" s="759"/>
      <c r="BF71" s="759"/>
      <c r="BG71" s="759"/>
      <c r="BH71" s="759"/>
      <c r="BI71" s="759"/>
      <c r="BJ71" s="760"/>
      <c r="BK71" s="461"/>
      <c r="BL71" s="462"/>
      <c r="BM71" s="462"/>
      <c r="BN71" s="462"/>
      <c r="BO71" s="462"/>
      <c r="BP71" s="462"/>
      <c r="BQ71" s="462"/>
      <c r="BR71" s="462"/>
      <c r="BS71" s="462"/>
      <c r="BT71" s="462"/>
      <c r="BU71" s="462"/>
      <c r="BV71" s="462"/>
      <c r="BW71" s="462"/>
      <c r="BX71" s="462"/>
      <c r="BY71" s="462"/>
      <c r="BZ71" s="462"/>
      <c r="CA71" s="462"/>
      <c r="CB71" s="462"/>
      <c r="CC71" s="461"/>
      <c r="CD71" s="462"/>
      <c r="CE71" s="462"/>
      <c r="CF71" s="462"/>
      <c r="CG71" s="462"/>
      <c r="CH71" s="462"/>
      <c r="CI71" s="462"/>
      <c r="CJ71" s="462"/>
      <c r="CK71" s="462"/>
      <c r="CL71" s="462"/>
      <c r="CM71" s="462"/>
      <c r="CN71" s="462"/>
      <c r="CO71" s="462"/>
      <c r="CP71" s="462"/>
      <c r="CQ71" s="462"/>
      <c r="CR71" s="462"/>
      <c r="CS71" s="462"/>
      <c r="CT71" s="474"/>
      <c r="CU71" s="166"/>
      <c r="CV71" s="166"/>
      <c r="CW71" s="763"/>
      <c r="CX71" s="764"/>
      <c r="CY71" s="765"/>
      <c r="CZ71" s="776"/>
      <c r="DA71" s="777"/>
      <c r="DB71" s="774"/>
      <c r="DC71" s="661"/>
      <c r="DD71" s="661"/>
      <c r="DE71" s="661"/>
      <c r="DF71" s="661"/>
      <c r="DG71" s="661"/>
      <c r="DH71" s="661"/>
      <c r="DI71" s="661"/>
      <c r="DJ71" s="775"/>
      <c r="DK71" s="501"/>
      <c r="DL71" s="486"/>
      <c r="DM71" s="487"/>
      <c r="DN71" s="508"/>
      <c r="DO71" s="509"/>
      <c r="DP71" s="509"/>
      <c r="DQ71" s="509"/>
      <c r="DR71" s="509"/>
      <c r="DS71" s="509"/>
      <c r="DT71" s="509"/>
      <c r="DU71" s="509"/>
      <c r="DV71" s="509"/>
      <c r="DW71" s="509"/>
      <c r="DX71" s="509"/>
      <c r="DY71" s="509"/>
      <c r="DZ71" s="509"/>
      <c r="EA71" s="510"/>
      <c r="EB71" s="165"/>
    </row>
    <row r="72" spans="50:132" ht="5.25" customHeight="1">
      <c r="AX72" s="872"/>
      <c r="AY72" s="872"/>
      <c r="AZ72" s="872"/>
      <c r="BC72" s="758"/>
      <c r="BD72" s="759"/>
      <c r="BE72" s="759"/>
      <c r="BF72" s="759"/>
      <c r="BG72" s="759"/>
      <c r="BH72" s="759"/>
      <c r="BI72" s="759"/>
      <c r="BJ72" s="760"/>
      <c r="BK72" s="623" t="s">
        <v>2</v>
      </c>
      <c r="BL72" s="624"/>
      <c r="BM72" s="624"/>
      <c r="BN72" s="624"/>
      <c r="BO72" s="624"/>
      <c r="BP72" s="624"/>
      <c r="BQ72" s="624"/>
      <c r="BR72" s="624"/>
      <c r="BS72" s="624"/>
      <c r="BT72" s="624"/>
      <c r="BU72" s="624"/>
      <c r="BV72" s="624"/>
      <c r="BW72" s="624"/>
      <c r="BX72" s="624"/>
      <c r="BY72" s="624"/>
      <c r="BZ72" s="624"/>
      <c r="CA72" s="624"/>
      <c r="CB72" s="624"/>
      <c r="CC72" s="623" t="s">
        <v>2</v>
      </c>
      <c r="CD72" s="624"/>
      <c r="CE72" s="624"/>
      <c r="CF72" s="624"/>
      <c r="CG72" s="624"/>
      <c r="CH72" s="624"/>
      <c r="CI72" s="624"/>
      <c r="CJ72" s="624"/>
      <c r="CK72" s="624"/>
      <c r="CL72" s="624"/>
      <c r="CM72" s="624"/>
      <c r="CN72" s="624"/>
      <c r="CO72" s="624"/>
      <c r="CP72" s="624"/>
      <c r="CQ72" s="624"/>
      <c r="CR72" s="624"/>
      <c r="CS72" s="624"/>
      <c r="CT72" s="625"/>
      <c r="CU72" s="166"/>
      <c r="CV72" s="166"/>
      <c r="CW72" s="763"/>
      <c r="CX72" s="764"/>
      <c r="CY72" s="765"/>
      <c r="CZ72" s="748" t="s">
        <v>112</v>
      </c>
      <c r="DA72" s="748"/>
      <c r="DB72" s="729"/>
      <c r="DC72" s="729"/>
      <c r="DD72" s="729"/>
      <c r="DE72" s="729"/>
      <c r="DF72" s="729"/>
      <c r="DG72" s="729"/>
      <c r="DH72" s="729"/>
      <c r="DI72" s="729"/>
      <c r="DJ72" s="730"/>
      <c r="DK72" s="464" t="s">
        <v>111</v>
      </c>
      <c r="DL72" s="465"/>
      <c r="DM72" s="466"/>
      <c r="DN72" s="502"/>
      <c r="DO72" s="503"/>
      <c r="DP72" s="503"/>
      <c r="DQ72" s="503"/>
      <c r="DR72" s="503"/>
      <c r="DS72" s="503"/>
      <c r="DT72" s="503"/>
      <c r="DU72" s="503"/>
      <c r="DV72" s="503"/>
      <c r="DW72" s="503"/>
      <c r="DX72" s="503"/>
      <c r="DY72" s="503"/>
      <c r="DZ72" s="503"/>
      <c r="EA72" s="504"/>
      <c r="EB72" s="165"/>
    </row>
    <row r="73" spans="50:132" ht="5.25" customHeight="1">
      <c r="AX73" s="872"/>
      <c r="AY73" s="872"/>
      <c r="AZ73" s="872"/>
      <c r="BC73" s="733" t="s">
        <v>103</v>
      </c>
      <c r="BD73" s="734"/>
      <c r="BE73" s="734"/>
      <c r="BF73" s="734"/>
      <c r="BG73" s="734"/>
      <c r="BH73" s="734"/>
      <c r="BI73" s="734"/>
      <c r="BJ73" s="735"/>
      <c r="BK73" s="626"/>
      <c r="BL73" s="627"/>
      <c r="BM73" s="627"/>
      <c r="BN73" s="627"/>
      <c r="BO73" s="627"/>
      <c r="BP73" s="627"/>
      <c r="BQ73" s="627"/>
      <c r="BR73" s="627"/>
      <c r="BS73" s="627"/>
      <c r="BT73" s="627"/>
      <c r="BU73" s="627"/>
      <c r="BV73" s="627"/>
      <c r="BW73" s="627"/>
      <c r="BX73" s="627"/>
      <c r="BY73" s="627"/>
      <c r="BZ73" s="627"/>
      <c r="CA73" s="627"/>
      <c r="CB73" s="627"/>
      <c r="CC73" s="626"/>
      <c r="CD73" s="627"/>
      <c r="CE73" s="627"/>
      <c r="CF73" s="627"/>
      <c r="CG73" s="627"/>
      <c r="CH73" s="627"/>
      <c r="CI73" s="627"/>
      <c r="CJ73" s="627"/>
      <c r="CK73" s="627"/>
      <c r="CL73" s="627"/>
      <c r="CM73" s="627"/>
      <c r="CN73" s="627"/>
      <c r="CO73" s="627"/>
      <c r="CP73" s="627"/>
      <c r="CQ73" s="627"/>
      <c r="CR73" s="627"/>
      <c r="CS73" s="627"/>
      <c r="CT73" s="628"/>
      <c r="CU73" s="166"/>
      <c r="CV73" s="166"/>
      <c r="CW73" s="763"/>
      <c r="CX73" s="764"/>
      <c r="CY73" s="765"/>
      <c r="CZ73" s="729"/>
      <c r="DA73" s="729"/>
      <c r="DB73" s="729"/>
      <c r="DC73" s="729"/>
      <c r="DD73" s="729"/>
      <c r="DE73" s="729"/>
      <c r="DF73" s="729"/>
      <c r="DG73" s="729"/>
      <c r="DH73" s="729"/>
      <c r="DI73" s="729"/>
      <c r="DJ73" s="730"/>
      <c r="DK73" s="467"/>
      <c r="DL73" s="468"/>
      <c r="DM73" s="469"/>
      <c r="DN73" s="505"/>
      <c r="DO73" s="506"/>
      <c r="DP73" s="506"/>
      <c r="DQ73" s="506"/>
      <c r="DR73" s="506"/>
      <c r="DS73" s="506"/>
      <c r="DT73" s="506"/>
      <c r="DU73" s="506"/>
      <c r="DV73" s="506"/>
      <c r="DW73" s="506"/>
      <c r="DX73" s="506"/>
      <c r="DY73" s="506"/>
      <c r="DZ73" s="506"/>
      <c r="EA73" s="507"/>
      <c r="EB73" s="165"/>
    </row>
    <row r="74" spans="50:132" ht="5.25" customHeight="1">
      <c r="AX74" s="872"/>
      <c r="AY74" s="872"/>
      <c r="AZ74" s="872"/>
      <c r="BC74" s="733"/>
      <c r="BD74" s="734"/>
      <c r="BE74" s="734"/>
      <c r="BF74" s="734"/>
      <c r="BG74" s="734"/>
      <c r="BH74" s="734"/>
      <c r="BI74" s="734"/>
      <c r="BJ74" s="735"/>
      <c r="BK74" s="626"/>
      <c r="BL74" s="627"/>
      <c r="BM74" s="627"/>
      <c r="BN74" s="627"/>
      <c r="BO74" s="627"/>
      <c r="BP74" s="627"/>
      <c r="BQ74" s="627"/>
      <c r="BR74" s="627"/>
      <c r="BS74" s="627"/>
      <c r="BT74" s="627"/>
      <c r="BU74" s="627"/>
      <c r="BV74" s="627"/>
      <c r="BW74" s="627"/>
      <c r="BX74" s="627"/>
      <c r="BY74" s="627"/>
      <c r="BZ74" s="627"/>
      <c r="CA74" s="627"/>
      <c r="CB74" s="627"/>
      <c r="CC74" s="626"/>
      <c r="CD74" s="627"/>
      <c r="CE74" s="627"/>
      <c r="CF74" s="627"/>
      <c r="CG74" s="627"/>
      <c r="CH74" s="627"/>
      <c r="CI74" s="627"/>
      <c r="CJ74" s="627"/>
      <c r="CK74" s="627"/>
      <c r="CL74" s="627"/>
      <c r="CM74" s="627"/>
      <c r="CN74" s="627"/>
      <c r="CO74" s="627"/>
      <c r="CP74" s="627"/>
      <c r="CQ74" s="627"/>
      <c r="CR74" s="627"/>
      <c r="CS74" s="627"/>
      <c r="CT74" s="628"/>
      <c r="CU74" s="166"/>
      <c r="CV74" s="166"/>
      <c r="CW74" s="763"/>
      <c r="CX74" s="764"/>
      <c r="CY74" s="765"/>
      <c r="CZ74" s="729"/>
      <c r="DA74" s="729"/>
      <c r="DB74" s="729"/>
      <c r="DC74" s="729"/>
      <c r="DD74" s="729"/>
      <c r="DE74" s="729"/>
      <c r="DF74" s="729"/>
      <c r="DG74" s="729"/>
      <c r="DH74" s="729"/>
      <c r="DI74" s="729"/>
      <c r="DJ74" s="730"/>
      <c r="DK74" s="467"/>
      <c r="DL74" s="468"/>
      <c r="DM74" s="469"/>
      <c r="DN74" s="505"/>
      <c r="DO74" s="506"/>
      <c r="DP74" s="506"/>
      <c r="DQ74" s="506"/>
      <c r="DR74" s="506"/>
      <c r="DS74" s="506"/>
      <c r="DT74" s="506"/>
      <c r="DU74" s="506"/>
      <c r="DV74" s="506"/>
      <c r="DW74" s="506"/>
      <c r="DX74" s="506"/>
      <c r="DY74" s="506"/>
      <c r="DZ74" s="506"/>
      <c r="EA74" s="507"/>
      <c r="EB74" s="165"/>
    </row>
    <row r="75" spans="50:132" ht="5.25" customHeight="1">
      <c r="AX75" s="872"/>
      <c r="AY75" s="872"/>
      <c r="AZ75" s="872"/>
      <c r="BC75" s="778"/>
      <c r="BD75" s="779"/>
      <c r="BE75" s="779"/>
      <c r="BF75" s="779"/>
      <c r="BG75" s="779"/>
      <c r="BH75" s="779"/>
      <c r="BI75" s="779"/>
      <c r="BJ75" s="780"/>
      <c r="BK75" s="629"/>
      <c r="BL75" s="630"/>
      <c r="BM75" s="630"/>
      <c r="BN75" s="630"/>
      <c r="BO75" s="630"/>
      <c r="BP75" s="630"/>
      <c r="BQ75" s="630"/>
      <c r="BR75" s="630"/>
      <c r="BS75" s="630"/>
      <c r="BT75" s="630"/>
      <c r="BU75" s="630"/>
      <c r="BV75" s="630"/>
      <c r="BW75" s="630"/>
      <c r="BX75" s="630"/>
      <c r="BY75" s="630"/>
      <c r="BZ75" s="630"/>
      <c r="CA75" s="630"/>
      <c r="CB75" s="630"/>
      <c r="CC75" s="629"/>
      <c r="CD75" s="630"/>
      <c r="CE75" s="630"/>
      <c r="CF75" s="630"/>
      <c r="CG75" s="630"/>
      <c r="CH75" s="630"/>
      <c r="CI75" s="630"/>
      <c r="CJ75" s="630"/>
      <c r="CK75" s="630"/>
      <c r="CL75" s="630"/>
      <c r="CM75" s="630"/>
      <c r="CN75" s="630"/>
      <c r="CO75" s="630"/>
      <c r="CP75" s="630"/>
      <c r="CQ75" s="630"/>
      <c r="CR75" s="630"/>
      <c r="CS75" s="630"/>
      <c r="CT75" s="631"/>
      <c r="CU75" s="166"/>
      <c r="CV75" s="166"/>
      <c r="CW75" s="766"/>
      <c r="CX75" s="767"/>
      <c r="CY75" s="768"/>
      <c r="CZ75" s="731"/>
      <c r="DA75" s="731"/>
      <c r="DB75" s="731"/>
      <c r="DC75" s="731"/>
      <c r="DD75" s="731"/>
      <c r="DE75" s="731"/>
      <c r="DF75" s="731"/>
      <c r="DG75" s="731"/>
      <c r="DH75" s="731"/>
      <c r="DI75" s="731"/>
      <c r="DJ75" s="732"/>
      <c r="DK75" s="467"/>
      <c r="DL75" s="468"/>
      <c r="DM75" s="469"/>
      <c r="DN75" s="505"/>
      <c r="DO75" s="506"/>
      <c r="DP75" s="506"/>
      <c r="DQ75" s="506"/>
      <c r="DR75" s="506"/>
      <c r="DS75" s="506"/>
      <c r="DT75" s="506"/>
      <c r="DU75" s="506"/>
      <c r="DV75" s="506"/>
      <c r="DW75" s="506"/>
      <c r="DX75" s="506"/>
      <c r="DY75" s="506"/>
      <c r="DZ75" s="506"/>
      <c r="EA75" s="507"/>
      <c r="EB75" s="165"/>
    </row>
    <row r="76" spans="50:132" ht="5.25" customHeight="1">
      <c r="AX76" s="872"/>
      <c r="AY76" s="872"/>
      <c r="AZ76" s="872"/>
      <c r="BC76" s="758" t="s">
        <v>110</v>
      </c>
      <c r="BD76" s="759"/>
      <c r="BE76" s="759"/>
      <c r="BF76" s="759"/>
      <c r="BG76" s="759"/>
      <c r="BH76" s="759"/>
      <c r="BI76" s="759"/>
      <c r="BJ76" s="760"/>
      <c r="BK76" s="458" t="s">
        <v>109</v>
      </c>
      <c r="BL76" s="459"/>
      <c r="BM76" s="459"/>
      <c r="BN76" s="459"/>
      <c r="BO76" s="459"/>
      <c r="BP76" s="459"/>
      <c r="BQ76" s="459"/>
      <c r="BR76" s="459"/>
      <c r="BS76" s="459"/>
      <c r="BT76" s="459"/>
      <c r="BU76" s="459"/>
      <c r="BV76" s="459"/>
      <c r="BW76" s="459"/>
      <c r="BX76" s="459"/>
      <c r="BY76" s="459"/>
      <c r="BZ76" s="459"/>
      <c r="CA76" s="459"/>
      <c r="CB76" s="459"/>
      <c r="CC76" s="458" t="s">
        <v>108</v>
      </c>
      <c r="CD76" s="459"/>
      <c r="CE76" s="459"/>
      <c r="CF76" s="459"/>
      <c r="CG76" s="459"/>
      <c r="CH76" s="459"/>
      <c r="CI76" s="459"/>
      <c r="CJ76" s="459"/>
      <c r="CK76" s="459"/>
      <c r="CL76" s="459"/>
      <c r="CM76" s="459"/>
      <c r="CN76" s="459"/>
      <c r="CO76" s="459"/>
      <c r="CP76" s="459"/>
      <c r="CQ76" s="459"/>
      <c r="CR76" s="459"/>
      <c r="CS76" s="459"/>
      <c r="CT76" s="473"/>
      <c r="CU76" s="166"/>
      <c r="CV76" s="166"/>
      <c r="CW76" s="588" t="s">
        <v>107</v>
      </c>
      <c r="CX76" s="761"/>
      <c r="CY76" s="762"/>
      <c r="CZ76" s="498" t="s">
        <v>106</v>
      </c>
      <c r="DA76" s="500"/>
      <c r="DB76" s="769" t="s">
        <v>105</v>
      </c>
      <c r="DC76" s="770"/>
      <c r="DD76" s="770"/>
      <c r="DE76" s="770"/>
      <c r="DF76" s="770"/>
      <c r="DG76" s="770"/>
      <c r="DH76" s="770"/>
      <c r="DI76" s="770"/>
      <c r="DJ76" s="771"/>
      <c r="DK76" s="498" t="s">
        <v>104</v>
      </c>
      <c r="DL76" s="499"/>
      <c r="DM76" s="500"/>
      <c r="DN76" s="632"/>
      <c r="DO76" s="633"/>
      <c r="DP76" s="633"/>
      <c r="DQ76" s="633"/>
      <c r="DR76" s="633"/>
      <c r="DS76" s="633"/>
      <c r="DT76" s="633"/>
      <c r="DU76" s="633"/>
      <c r="DV76" s="633"/>
      <c r="DW76" s="633"/>
      <c r="DX76" s="633"/>
      <c r="DY76" s="633"/>
      <c r="DZ76" s="633"/>
      <c r="EA76" s="634"/>
      <c r="EB76" s="165"/>
    </row>
    <row r="77" spans="50:132" ht="5.25" customHeight="1">
      <c r="AX77" s="872"/>
      <c r="AY77" s="872"/>
      <c r="AZ77" s="872"/>
      <c r="BC77" s="758"/>
      <c r="BD77" s="759"/>
      <c r="BE77" s="759"/>
      <c r="BF77" s="759"/>
      <c r="BG77" s="759"/>
      <c r="BH77" s="759"/>
      <c r="BI77" s="759"/>
      <c r="BJ77" s="760"/>
      <c r="BK77" s="461"/>
      <c r="BL77" s="462"/>
      <c r="BM77" s="462"/>
      <c r="BN77" s="462"/>
      <c r="BO77" s="462"/>
      <c r="BP77" s="462"/>
      <c r="BQ77" s="462"/>
      <c r="BR77" s="462"/>
      <c r="BS77" s="462"/>
      <c r="BT77" s="462"/>
      <c r="BU77" s="462"/>
      <c r="BV77" s="462"/>
      <c r="BW77" s="462"/>
      <c r="BX77" s="462"/>
      <c r="BY77" s="462"/>
      <c r="BZ77" s="462"/>
      <c r="CA77" s="462"/>
      <c r="CB77" s="462"/>
      <c r="CC77" s="458"/>
      <c r="CD77" s="459"/>
      <c r="CE77" s="459"/>
      <c r="CF77" s="459"/>
      <c r="CG77" s="459"/>
      <c r="CH77" s="459"/>
      <c r="CI77" s="459"/>
      <c r="CJ77" s="459"/>
      <c r="CK77" s="459"/>
      <c r="CL77" s="459"/>
      <c r="CM77" s="459"/>
      <c r="CN77" s="459"/>
      <c r="CO77" s="459"/>
      <c r="CP77" s="459"/>
      <c r="CQ77" s="459"/>
      <c r="CR77" s="459"/>
      <c r="CS77" s="459"/>
      <c r="CT77" s="473"/>
      <c r="CU77" s="166"/>
      <c r="CV77" s="166"/>
      <c r="CW77" s="763"/>
      <c r="CX77" s="764"/>
      <c r="CY77" s="765"/>
      <c r="CZ77" s="467"/>
      <c r="DA77" s="469"/>
      <c r="DB77" s="736"/>
      <c r="DC77" s="729"/>
      <c r="DD77" s="729"/>
      <c r="DE77" s="729"/>
      <c r="DF77" s="729"/>
      <c r="DG77" s="729"/>
      <c r="DH77" s="729"/>
      <c r="DI77" s="729"/>
      <c r="DJ77" s="730"/>
      <c r="DK77" s="467"/>
      <c r="DL77" s="468"/>
      <c r="DM77" s="469"/>
      <c r="DN77" s="505"/>
      <c r="DO77" s="506"/>
      <c r="DP77" s="506"/>
      <c r="DQ77" s="506"/>
      <c r="DR77" s="506"/>
      <c r="DS77" s="506"/>
      <c r="DT77" s="506"/>
      <c r="DU77" s="506"/>
      <c r="DV77" s="506"/>
      <c r="DW77" s="506"/>
      <c r="DX77" s="506"/>
      <c r="DY77" s="506"/>
      <c r="DZ77" s="506"/>
      <c r="EA77" s="507"/>
      <c r="EB77" s="165"/>
    </row>
    <row r="78" spans="50:132" ht="5.25" customHeight="1">
      <c r="AX78" s="872"/>
      <c r="AY78" s="872"/>
      <c r="AZ78" s="872"/>
      <c r="BC78" s="758"/>
      <c r="BD78" s="759"/>
      <c r="BE78" s="759"/>
      <c r="BF78" s="759"/>
      <c r="BG78" s="759"/>
      <c r="BH78" s="759"/>
      <c r="BI78" s="759"/>
      <c r="BJ78" s="760"/>
      <c r="BK78" s="623" t="s">
        <v>2</v>
      </c>
      <c r="BL78" s="624"/>
      <c r="BM78" s="624"/>
      <c r="BN78" s="624"/>
      <c r="BO78" s="624"/>
      <c r="BP78" s="624"/>
      <c r="BQ78" s="624"/>
      <c r="BR78" s="624"/>
      <c r="BS78" s="624"/>
      <c r="BT78" s="624"/>
      <c r="BU78" s="624"/>
      <c r="BV78" s="624"/>
      <c r="BW78" s="624"/>
      <c r="BX78" s="624"/>
      <c r="BY78" s="624"/>
      <c r="BZ78" s="624"/>
      <c r="CA78" s="624"/>
      <c r="CB78" s="624"/>
      <c r="CC78" s="623" t="s">
        <v>2</v>
      </c>
      <c r="CD78" s="624"/>
      <c r="CE78" s="624"/>
      <c r="CF78" s="624"/>
      <c r="CG78" s="624"/>
      <c r="CH78" s="624"/>
      <c r="CI78" s="624"/>
      <c r="CJ78" s="624"/>
      <c r="CK78" s="624"/>
      <c r="CL78" s="624"/>
      <c r="CM78" s="624"/>
      <c r="CN78" s="624"/>
      <c r="CO78" s="624"/>
      <c r="CP78" s="624"/>
      <c r="CQ78" s="624"/>
      <c r="CR78" s="624"/>
      <c r="CS78" s="624"/>
      <c r="CT78" s="625"/>
      <c r="CU78" s="166"/>
      <c r="CV78" s="166"/>
      <c r="CW78" s="763"/>
      <c r="CX78" s="764"/>
      <c r="CY78" s="765"/>
      <c r="CZ78" s="467"/>
      <c r="DA78" s="469"/>
      <c r="DB78" s="736"/>
      <c r="DC78" s="729"/>
      <c r="DD78" s="729"/>
      <c r="DE78" s="729"/>
      <c r="DF78" s="729"/>
      <c r="DG78" s="729"/>
      <c r="DH78" s="729"/>
      <c r="DI78" s="729"/>
      <c r="DJ78" s="730"/>
      <c r="DK78" s="467"/>
      <c r="DL78" s="468"/>
      <c r="DM78" s="469"/>
      <c r="DN78" s="505"/>
      <c r="DO78" s="506"/>
      <c r="DP78" s="506"/>
      <c r="DQ78" s="506"/>
      <c r="DR78" s="506"/>
      <c r="DS78" s="506"/>
      <c r="DT78" s="506"/>
      <c r="DU78" s="506"/>
      <c r="DV78" s="506"/>
      <c r="DW78" s="506"/>
      <c r="DX78" s="506"/>
      <c r="DY78" s="506"/>
      <c r="DZ78" s="506"/>
      <c r="EA78" s="507"/>
      <c r="EB78" s="165"/>
    </row>
    <row r="79" spans="50:132" ht="5.25" customHeight="1">
      <c r="AX79" s="872"/>
      <c r="AY79" s="872"/>
      <c r="AZ79" s="872"/>
      <c r="BC79" s="733" t="s">
        <v>103</v>
      </c>
      <c r="BD79" s="734"/>
      <c r="BE79" s="734"/>
      <c r="BF79" s="734"/>
      <c r="BG79" s="734"/>
      <c r="BH79" s="734"/>
      <c r="BI79" s="734"/>
      <c r="BJ79" s="735"/>
      <c r="BK79" s="626"/>
      <c r="BL79" s="627"/>
      <c r="BM79" s="627"/>
      <c r="BN79" s="627"/>
      <c r="BO79" s="627"/>
      <c r="BP79" s="627"/>
      <c r="BQ79" s="627"/>
      <c r="BR79" s="627"/>
      <c r="BS79" s="627"/>
      <c r="BT79" s="627"/>
      <c r="BU79" s="627"/>
      <c r="BV79" s="627"/>
      <c r="BW79" s="627"/>
      <c r="BX79" s="627"/>
      <c r="BY79" s="627"/>
      <c r="BZ79" s="627"/>
      <c r="CA79" s="627"/>
      <c r="CB79" s="627"/>
      <c r="CC79" s="626"/>
      <c r="CD79" s="627"/>
      <c r="CE79" s="627"/>
      <c r="CF79" s="627"/>
      <c r="CG79" s="627"/>
      <c r="CH79" s="627"/>
      <c r="CI79" s="627"/>
      <c r="CJ79" s="627"/>
      <c r="CK79" s="627"/>
      <c r="CL79" s="627"/>
      <c r="CM79" s="627"/>
      <c r="CN79" s="627"/>
      <c r="CO79" s="627"/>
      <c r="CP79" s="627"/>
      <c r="CQ79" s="627"/>
      <c r="CR79" s="627"/>
      <c r="CS79" s="627"/>
      <c r="CT79" s="628"/>
      <c r="CU79" s="166"/>
      <c r="CV79" s="166"/>
      <c r="CW79" s="763"/>
      <c r="CX79" s="764"/>
      <c r="CY79" s="765"/>
      <c r="CZ79" s="467"/>
      <c r="DA79" s="469"/>
      <c r="DB79" s="736"/>
      <c r="DC79" s="729"/>
      <c r="DD79" s="729"/>
      <c r="DE79" s="729"/>
      <c r="DF79" s="729"/>
      <c r="DG79" s="729"/>
      <c r="DH79" s="729"/>
      <c r="DI79" s="729"/>
      <c r="DJ79" s="730"/>
      <c r="DK79" s="501"/>
      <c r="DL79" s="486"/>
      <c r="DM79" s="487"/>
      <c r="DN79" s="508"/>
      <c r="DO79" s="509"/>
      <c r="DP79" s="509"/>
      <c r="DQ79" s="509"/>
      <c r="DR79" s="509"/>
      <c r="DS79" s="509"/>
      <c r="DT79" s="509"/>
      <c r="DU79" s="509"/>
      <c r="DV79" s="509"/>
      <c r="DW79" s="509"/>
      <c r="DX79" s="509"/>
      <c r="DY79" s="509"/>
      <c r="DZ79" s="509"/>
      <c r="EA79" s="510"/>
      <c r="EB79" s="165"/>
    </row>
    <row r="80" spans="50:132" ht="5.25" customHeight="1">
      <c r="AX80" s="872"/>
      <c r="AY80" s="872"/>
      <c r="AZ80" s="872"/>
      <c r="BC80" s="733"/>
      <c r="BD80" s="734"/>
      <c r="BE80" s="734"/>
      <c r="BF80" s="734"/>
      <c r="BG80" s="734"/>
      <c r="BH80" s="734"/>
      <c r="BI80" s="734"/>
      <c r="BJ80" s="735"/>
      <c r="BK80" s="626"/>
      <c r="BL80" s="627"/>
      <c r="BM80" s="627"/>
      <c r="BN80" s="627"/>
      <c r="BO80" s="627"/>
      <c r="BP80" s="627"/>
      <c r="BQ80" s="627"/>
      <c r="BR80" s="627"/>
      <c r="BS80" s="627"/>
      <c r="BT80" s="627"/>
      <c r="BU80" s="627"/>
      <c r="BV80" s="627"/>
      <c r="BW80" s="627"/>
      <c r="BX80" s="627"/>
      <c r="BY80" s="627"/>
      <c r="BZ80" s="627"/>
      <c r="CA80" s="627"/>
      <c r="CB80" s="627"/>
      <c r="CC80" s="626"/>
      <c r="CD80" s="627"/>
      <c r="CE80" s="627"/>
      <c r="CF80" s="627"/>
      <c r="CG80" s="627"/>
      <c r="CH80" s="627"/>
      <c r="CI80" s="627"/>
      <c r="CJ80" s="627"/>
      <c r="CK80" s="627"/>
      <c r="CL80" s="627"/>
      <c r="CM80" s="627"/>
      <c r="CN80" s="627"/>
      <c r="CO80" s="627"/>
      <c r="CP80" s="627"/>
      <c r="CQ80" s="627"/>
      <c r="CR80" s="627"/>
      <c r="CS80" s="627"/>
      <c r="CT80" s="628"/>
      <c r="CU80" s="166"/>
      <c r="CV80" s="166"/>
      <c r="CW80" s="763"/>
      <c r="CX80" s="764"/>
      <c r="CY80" s="765"/>
      <c r="CZ80" s="467" t="s">
        <v>102</v>
      </c>
      <c r="DA80" s="469"/>
      <c r="DB80" s="736" t="s">
        <v>101</v>
      </c>
      <c r="DC80" s="729"/>
      <c r="DD80" s="729"/>
      <c r="DE80" s="729"/>
      <c r="DF80" s="729"/>
      <c r="DG80" s="729"/>
      <c r="DH80" s="729"/>
      <c r="DI80" s="729"/>
      <c r="DJ80" s="730"/>
      <c r="DK80" s="464" t="s">
        <v>100</v>
      </c>
      <c r="DL80" s="465"/>
      <c r="DM80" s="466"/>
      <c r="DN80" s="502"/>
      <c r="DO80" s="503"/>
      <c r="DP80" s="503"/>
      <c r="DQ80" s="503"/>
      <c r="DR80" s="503"/>
      <c r="DS80" s="503"/>
      <c r="DT80" s="503"/>
      <c r="DU80" s="503"/>
      <c r="DV80" s="503"/>
      <c r="DW80" s="503"/>
      <c r="DX80" s="503"/>
      <c r="DY80" s="503"/>
      <c r="DZ80" s="503"/>
      <c r="EA80" s="504"/>
      <c r="EB80" s="165"/>
    </row>
    <row r="81" spans="50:132" ht="5.25" customHeight="1">
      <c r="AX81" s="872"/>
      <c r="AY81" s="872"/>
      <c r="AZ81" s="872"/>
      <c r="BC81" s="733"/>
      <c r="BD81" s="734"/>
      <c r="BE81" s="734"/>
      <c r="BF81" s="734"/>
      <c r="BG81" s="734"/>
      <c r="BH81" s="734"/>
      <c r="BI81" s="734"/>
      <c r="BJ81" s="735"/>
      <c r="BK81" s="626"/>
      <c r="BL81" s="627"/>
      <c r="BM81" s="627"/>
      <c r="BN81" s="627"/>
      <c r="BO81" s="627"/>
      <c r="BP81" s="627"/>
      <c r="BQ81" s="627"/>
      <c r="BR81" s="627"/>
      <c r="BS81" s="627"/>
      <c r="BT81" s="627"/>
      <c r="BU81" s="627"/>
      <c r="BV81" s="627"/>
      <c r="BW81" s="627"/>
      <c r="BX81" s="627"/>
      <c r="BY81" s="627"/>
      <c r="BZ81" s="627"/>
      <c r="CA81" s="627"/>
      <c r="CB81" s="627"/>
      <c r="CC81" s="629"/>
      <c r="CD81" s="630"/>
      <c r="CE81" s="630"/>
      <c r="CF81" s="630"/>
      <c r="CG81" s="630"/>
      <c r="CH81" s="630"/>
      <c r="CI81" s="630"/>
      <c r="CJ81" s="630"/>
      <c r="CK81" s="630"/>
      <c r="CL81" s="630"/>
      <c r="CM81" s="630"/>
      <c r="CN81" s="630"/>
      <c r="CO81" s="630"/>
      <c r="CP81" s="630"/>
      <c r="CQ81" s="630"/>
      <c r="CR81" s="630"/>
      <c r="CS81" s="630"/>
      <c r="CT81" s="631"/>
      <c r="CU81" s="166"/>
      <c r="CV81" s="166"/>
      <c r="CW81" s="763"/>
      <c r="CX81" s="764"/>
      <c r="CY81" s="765"/>
      <c r="CZ81" s="467"/>
      <c r="DA81" s="469"/>
      <c r="DB81" s="736"/>
      <c r="DC81" s="729"/>
      <c r="DD81" s="729"/>
      <c r="DE81" s="729"/>
      <c r="DF81" s="729"/>
      <c r="DG81" s="729"/>
      <c r="DH81" s="729"/>
      <c r="DI81" s="729"/>
      <c r="DJ81" s="730"/>
      <c r="DK81" s="467"/>
      <c r="DL81" s="468"/>
      <c r="DM81" s="469"/>
      <c r="DN81" s="505"/>
      <c r="DO81" s="506"/>
      <c r="DP81" s="506"/>
      <c r="DQ81" s="506"/>
      <c r="DR81" s="506"/>
      <c r="DS81" s="506"/>
      <c r="DT81" s="506"/>
      <c r="DU81" s="506"/>
      <c r="DV81" s="506"/>
      <c r="DW81" s="506"/>
      <c r="DX81" s="506"/>
      <c r="DY81" s="506"/>
      <c r="DZ81" s="506"/>
      <c r="EA81" s="507"/>
      <c r="EB81" s="165"/>
    </row>
    <row r="82" spans="50:132" ht="5.25" customHeight="1">
      <c r="AX82" s="872"/>
      <c r="AY82" s="872"/>
      <c r="AZ82" s="872"/>
      <c r="BC82" s="737" t="s">
        <v>99</v>
      </c>
      <c r="BD82" s="738"/>
      <c r="BE82" s="738"/>
      <c r="BF82" s="738"/>
      <c r="BG82" s="738"/>
      <c r="BH82" s="738"/>
      <c r="BI82" s="738"/>
      <c r="BJ82" s="739"/>
      <c r="BK82" s="740" t="s">
        <v>98</v>
      </c>
      <c r="BL82" s="741"/>
      <c r="BM82" s="741"/>
      <c r="BN82" s="741"/>
      <c r="BO82" s="741"/>
      <c r="BP82" s="741"/>
      <c r="BQ82" s="741"/>
      <c r="BR82" s="741"/>
      <c r="BS82" s="741"/>
      <c r="BT82" s="741"/>
      <c r="BU82" s="741"/>
      <c r="BV82" s="741"/>
      <c r="BW82" s="741"/>
      <c r="BX82" s="741"/>
      <c r="BY82" s="741"/>
      <c r="BZ82" s="741"/>
      <c r="CA82" s="741"/>
      <c r="CB82" s="741"/>
      <c r="CC82" s="741"/>
      <c r="CD82" s="741"/>
      <c r="CE82" s="742"/>
      <c r="CF82" s="746" t="s">
        <v>97</v>
      </c>
      <c r="CG82" s="711"/>
      <c r="CH82" s="711"/>
      <c r="CI82" s="711"/>
      <c r="CJ82" s="711"/>
      <c r="CK82" s="711"/>
      <c r="CL82" s="711"/>
      <c r="CM82" s="711"/>
      <c r="CN82" s="711"/>
      <c r="CO82" s="711"/>
      <c r="CP82" s="711"/>
      <c r="CQ82" s="711"/>
      <c r="CR82" s="711"/>
      <c r="CS82" s="711"/>
      <c r="CT82" s="747"/>
      <c r="CU82" s="166"/>
      <c r="CV82" s="166"/>
      <c r="CW82" s="763"/>
      <c r="CX82" s="764"/>
      <c r="CY82" s="765"/>
      <c r="CZ82" s="467"/>
      <c r="DA82" s="469"/>
      <c r="DB82" s="736"/>
      <c r="DC82" s="729"/>
      <c r="DD82" s="729"/>
      <c r="DE82" s="729"/>
      <c r="DF82" s="729"/>
      <c r="DG82" s="729"/>
      <c r="DH82" s="729"/>
      <c r="DI82" s="729"/>
      <c r="DJ82" s="730"/>
      <c r="DK82" s="467"/>
      <c r="DL82" s="468"/>
      <c r="DM82" s="469"/>
      <c r="DN82" s="505"/>
      <c r="DO82" s="506"/>
      <c r="DP82" s="506"/>
      <c r="DQ82" s="506"/>
      <c r="DR82" s="506"/>
      <c r="DS82" s="506"/>
      <c r="DT82" s="506"/>
      <c r="DU82" s="506"/>
      <c r="DV82" s="506"/>
      <c r="DW82" s="506"/>
      <c r="DX82" s="506"/>
      <c r="DY82" s="506"/>
      <c r="DZ82" s="506"/>
      <c r="EA82" s="507"/>
      <c r="EB82" s="165"/>
    </row>
    <row r="83" spans="50:132" ht="5.25" customHeight="1">
      <c r="AX83" s="872"/>
      <c r="AY83" s="872"/>
      <c r="AZ83" s="872"/>
      <c r="BC83" s="697"/>
      <c r="BD83" s="564"/>
      <c r="BE83" s="564"/>
      <c r="BF83" s="564"/>
      <c r="BG83" s="564"/>
      <c r="BH83" s="564"/>
      <c r="BI83" s="564"/>
      <c r="BJ83" s="698"/>
      <c r="BK83" s="743"/>
      <c r="BL83" s="744"/>
      <c r="BM83" s="744"/>
      <c r="BN83" s="744"/>
      <c r="BO83" s="744"/>
      <c r="BP83" s="744"/>
      <c r="BQ83" s="744"/>
      <c r="BR83" s="744"/>
      <c r="BS83" s="744"/>
      <c r="BT83" s="744"/>
      <c r="BU83" s="744"/>
      <c r="BV83" s="744"/>
      <c r="BW83" s="744"/>
      <c r="BX83" s="744"/>
      <c r="BY83" s="744"/>
      <c r="BZ83" s="744"/>
      <c r="CA83" s="744"/>
      <c r="CB83" s="744"/>
      <c r="CC83" s="744"/>
      <c r="CD83" s="744"/>
      <c r="CE83" s="745"/>
      <c r="CF83" s="746"/>
      <c r="CG83" s="711"/>
      <c r="CH83" s="711"/>
      <c r="CI83" s="711"/>
      <c r="CJ83" s="711"/>
      <c r="CK83" s="711"/>
      <c r="CL83" s="711"/>
      <c r="CM83" s="711"/>
      <c r="CN83" s="711"/>
      <c r="CO83" s="711"/>
      <c r="CP83" s="711"/>
      <c r="CQ83" s="711"/>
      <c r="CR83" s="711"/>
      <c r="CS83" s="711"/>
      <c r="CT83" s="747"/>
      <c r="CU83" s="166"/>
      <c r="CV83" s="166"/>
      <c r="CW83" s="763"/>
      <c r="CX83" s="764"/>
      <c r="CY83" s="765"/>
      <c r="CZ83" s="501"/>
      <c r="DA83" s="487"/>
      <c r="DB83" s="736"/>
      <c r="DC83" s="729"/>
      <c r="DD83" s="729"/>
      <c r="DE83" s="729"/>
      <c r="DF83" s="729"/>
      <c r="DG83" s="729"/>
      <c r="DH83" s="729"/>
      <c r="DI83" s="729"/>
      <c r="DJ83" s="730"/>
      <c r="DK83" s="501"/>
      <c r="DL83" s="486"/>
      <c r="DM83" s="487"/>
      <c r="DN83" s="508"/>
      <c r="DO83" s="509"/>
      <c r="DP83" s="509"/>
      <c r="DQ83" s="509"/>
      <c r="DR83" s="509"/>
      <c r="DS83" s="509"/>
      <c r="DT83" s="509"/>
      <c r="DU83" s="509"/>
      <c r="DV83" s="509"/>
      <c r="DW83" s="509"/>
      <c r="DX83" s="509"/>
      <c r="DY83" s="509"/>
      <c r="DZ83" s="509"/>
      <c r="EA83" s="510"/>
      <c r="EB83" s="165"/>
    </row>
    <row r="84" spans="50:132" ht="5.25" customHeight="1">
      <c r="AX84" s="872"/>
      <c r="AY84" s="872"/>
      <c r="AZ84" s="872"/>
      <c r="BC84" s="697"/>
      <c r="BD84" s="564"/>
      <c r="BE84" s="564"/>
      <c r="BF84" s="564"/>
      <c r="BG84" s="564"/>
      <c r="BH84" s="564"/>
      <c r="BI84" s="564"/>
      <c r="BJ84" s="698"/>
      <c r="BK84" s="743"/>
      <c r="BL84" s="744"/>
      <c r="BM84" s="744"/>
      <c r="BN84" s="744"/>
      <c r="BO84" s="744"/>
      <c r="BP84" s="744"/>
      <c r="BQ84" s="744"/>
      <c r="BR84" s="744"/>
      <c r="BS84" s="744"/>
      <c r="BT84" s="744"/>
      <c r="BU84" s="744"/>
      <c r="BV84" s="744"/>
      <c r="BW84" s="744"/>
      <c r="BX84" s="744"/>
      <c r="BY84" s="744"/>
      <c r="BZ84" s="744"/>
      <c r="CA84" s="744"/>
      <c r="CB84" s="744"/>
      <c r="CC84" s="744"/>
      <c r="CD84" s="744"/>
      <c r="CE84" s="745"/>
      <c r="CF84" s="746"/>
      <c r="CG84" s="711"/>
      <c r="CH84" s="711"/>
      <c r="CI84" s="711"/>
      <c r="CJ84" s="711"/>
      <c r="CK84" s="711"/>
      <c r="CL84" s="711"/>
      <c r="CM84" s="711"/>
      <c r="CN84" s="711"/>
      <c r="CO84" s="711"/>
      <c r="CP84" s="711"/>
      <c r="CQ84" s="711"/>
      <c r="CR84" s="711"/>
      <c r="CS84" s="711"/>
      <c r="CT84" s="747"/>
      <c r="CU84" s="166"/>
      <c r="CV84" s="166"/>
      <c r="CW84" s="763"/>
      <c r="CX84" s="764"/>
      <c r="CY84" s="765"/>
      <c r="CZ84" s="748" t="s">
        <v>96</v>
      </c>
      <c r="DA84" s="748"/>
      <c r="DB84" s="729"/>
      <c r="DC84" s="729"/>
      <c r="DD84" s="729"/>
      <c r="DE84" s="729"/>
      <c r="DF84" s="729"/>
      <c r="DG84" s="729"/>
      <c r="DH84" s="729"/>
      <c r="DI84" s="729"/>
      <c r="DJ84" s="730"/>
      <c r="DK84" s="464" t="s">
        <v>95</v>
      </c>
      <c r="DL84" s="465"/>
      <c r="DM84" s="466"/>
      <c r="DN84" s="502"/>
      <c r="DO84" s="503"/>
      <c r="DP84" s="503"/>
      <c r="DQ84" s="503"/>
      <c r="DR84" s="503"/>
      <c r="DS84" s="503"/>
      <c r="DT84" s="503"/>
      <c r="DU84" s="503"/>
      <c r="DV84" s="503"/>
      <c r="DW84" s="503"/>
      <c r="DX84" s="503"/>
      <c r="DY84" s="503"/>
      <c r="DZ84" s="503"/>
      <c r="EA84" s="504"/>
      <c r="EB84" s="165"/>
    </row>
    <row r="85" spans="50:132" ht="5.25" customHeight="1">
      <c r="AX85" s="872"/>
      <c r="AY85" s="872"/>
      <c r="AZ85" s="872"/>
      <c r="BC85" s="697" t="s">
        <v>94</v>
      </c>
      <c r="BD85" s="564"/>
      <c r="BE85" s="564"/>
      <c r="BF85" s="564"/>
      <c r="BG85" s="564"/>
      <c r="BH85" s="564"/>
      <c r="BI85" s="564"/>
      <c r="BJ85" s="698"/>
      <c r="BK85" s="749" t="s">
        <v>93</v>
      </c>
      <c r="BL85" s="750"/>
      <c r="BM85" s="750"/>
      <c r="BN85" s="750"/>
      <c r="BO85" s="750"/>
      <c r="BP85" s="750"/>
      <c r="BQ85" s="750"/>
      <c r="BR85" s="750"/>
      <c r="BS85" s="750"/>
      <c r="BT85" s="750"/>
      <c r="BU85" s="750"/>
      <c r="BV85" s="750"/>
      <c r="BW85" s="750"/>
      <c r="BX85" s="750"/>
      <c r="BY85" s="750"/>
      <c r="BZ85" s="750"/>
      <c r="CA85" s="750"/>
      <c r="CB85" s="750"/>
      <c r="CC85" s="750"/>
      <c r="CD85" s="750"/>
      <c r="CE85" s="751"/>
      <c r="CF85" s="752" t="s">
        <v>92</v>
      </c>
      <c r="CG85" s="753"/>
      <c r="CH85" s="753"/>
      <c r="CI85" s="753"/>
      <c r="CJ85" s="753"/>
      <c r="CK85" s="753"/>
      <c r="CL85" s="753"/>
      <c r="CM85" s="753"/>
      <c r="CN85" s="753"/>
      <c r="CO85" s="753"/>
      <c r="CP85" s="753"/>
      <c r="CQ85" s="753"/>
      <c r="CR85" s="753"/>
      <c r="CS85" s="753"/>
      <c r="CT85" s="754"/>
      <c r="CU85" s="166"/>
      <c r="CV85" s="166"/>
      <c r="CW85" s="763"/>
      <c r="CX85" s="764"/>
      <c r="CY85" s="765"/>
      <c r="CZ85" s="729"/>
      <c r="DA85" s="729"/>
      <c r="DB85" s="729"/>
      <c r="DC85" s="729"/>
      <c r="DD85" s="729"/>
      <c r="DE85" s="729"/>
      <c r="DF85" s="729"/>
      <c r="DG85" s="729"/>
      <c r="DH85" s="729"/>
      <c r="DI85" s="729"/>
      <c r="DJ85" s="730"/>
      <c r="DK85" s="467"/>
      <c r="DL85" s="468"/>
      <c r="DM85" s="469"/>
      <c r="DN85" s="505"/>
      <c r="DO85" s="506"/>
      <c r="DP85" s="506"/>
      <c r="DQ85" s="506"/>
      <c r="DR85" s="506"/>
      <c r="DS85" s="506"/>
      <c r="DT85" s="506"/>
      <c r="DU85" s="506"/>
      <c r="DV85" s="506"/>
      <c r="DW85" s="506"/>
      <c r="DX85" s="506"/>
      <c r="DY85" s="506"/>
      <c r="DZ85" s="506"/>
      <c r="EA85" s="507"/>
      <c r="EB85" s="165"/>
    </row>
    <row r="86" spans="50:132" ht="5.25" customHeight="1">
      <c r="AX86" s="872"/>
      <c r="AY86" s="872"/>
      <c r="AZ86" s="872"/>
      <c r="BC86" s="697"/>
      <c r="BD86" s="564"/>
      <c r="BE86" s="564"/>
      <c r="BF86" s="564"/>
      <c r="BG86" s="564"/>
      <c r="BH86" s="564"/>
      <c r="BI86" s="564"/>
      <c r="BJ86" s="698"/>
      <c r="BK86" s="749"/>
      <c r="BL86" s="750"/>
      <c r="BM86" s="750"/>
      <c r="BN86" s="750"/>
      <c r="BO86" s="750"/>
      <c r="BP86" s="750"/>
      <c r="BQ86" s="750"/>
      <c r="BR86" s="750"/>
      <c r="BS86" s="750"/>
      <c r="BT86" s="750"/>
      <c r="BU86" s="750"/>
      <c r="BV86" s="750"/>
      <c r="BW86" s="750"/>
      <c r="BX86" s="750"/>
      <c r="BY86" s="750"/>
      <c r="BZ86" s="750"/>
      <c r="CA86" s="750"/>
      <c r="CB86" s="750"/>
      <c r="CC86" s="750"/>
      <c r="CD86" s="750"/>
      <c r="CE86" s="751"/>
      <c r="CF86" s="752"/>
      <c r="CG86" s="753"/>
      <c r="CH86" s="753"/>
      <c r="CI86" s="753"/>
      <c r="CJ86" s="753"/>
      <c r="CK86" s="753"/>
      <c r="CL86" s="753"/>
      <c r="CM86" s="753"/>
      <c r="CN86" s="753"/>
      <c r="CO86" s="753"/>
      <c r="CP86" s="753"/>
      <c r="CQ86" s="753"/>
      <c r="CR86" s="753"/>
      <c r="CS86" s="753"/>
      <c r="CT86" s="754"/>
      <c r="CU86" s="166"/>
      <c r="CV86" s="166"/>
      <c r="CW86" s="763"/>
      <c r="CX86" s="764"/>
      <c r="CY86" s="765"/>
      <c r="CZ86" s="729"/>
      <c r="DA86" s="729"/>
      <c r="DB86" s="729"/>
      <c r="DC86" s="729"/>
      <c r="DD86" s="729"/>
      <c r="DE86" s="729"/>
      <c r="DF86" s="729"/>
      <c r="DG86" s="729"/>
      <c r="DH86" s="729"/>
      <c r="DI86" s="729"/>
      <c r="DJ86" s="730"/>
      <c r="DK86" s="467"/>
      <c r="DL86" s="468"/>
      <c r="DM86" s="469"/>
      <c r="DN86" s="505"/>
      <c r="DO86" s="506"/>
      <c r="DP86" s="506"/>
      <c r="DQ86" s="506"/>
      <c r="DR86" s="506"/>
      <c r="DS86" s="506"/>
      <c r="DT86" s="506"/>
      <c r="DU86" s="506"/>
      <c r="DV86" s="506"/>
      <c r="DW86" s="506"/>
      <c r="DX86" s="506"/>
      <c r="DY86" s="506"/>
      <c r="DZ86" s="506"/>
      <c r="EA86" s="507"/>
      <c r="EB86" s="165"/>
    </row>
    <row r="87" spans="50:132" ht="5.25" customHeight="1">
      <c r="AX87" s="872"/>
      <c r="AY87" s="872"/>
      <c r="AZ87" s="872"/>
      <c r="BC87" s="697"/>
      <c r="BD87" s="564"/>
      <c r="BE87" s="564"/>
      <c r="BF87" s="564"/>
      <c r="BG87" s="564"/>
      <c r="BH87" s="564"/>
      <c r="BI87" s="564"/>
      <c r="BJ87" s="698"/>
      <c r="BK87" s="749"/>
      <c r="BL87" s="750"/>
      <c r="BM87" s="750"/>
      <c r="BN87" s="750"/>
      <c r="BO87" s="750"/>
      <c r="BP87" s="750"/>
      <c r="BQ87" s="750"/>
      <c r="BR87" s="750"/>
      <c r="BS87" s="750"/>
      <c r="BT87" s="750"/>
      <c r="BU87" s="750"/>
      <c r="BV87" s="750"/>
      <c r="BW87" s="750"/>
      <c r="BX87" s="750"/>
      <c r="BY87" s="750"/>
      <c r="BZ87" s="750"/>
      <c r="CA87" s="750"/>
      <c r="CB87" s="750"/>
      <c r="CC87" s="750"/>
      <c r="CD87" s="750"/>
      <c r="CE87" s="751"/>
      <c r="CF87" s="752"/>
      <c r="CG87" s="753"/>
      <c r="CH87" s="753"/>
      <c r="CI87" s="753"/>
      <c r="CJ87" s="753"/>
      <c r="CK87" s="753"/>
      <c r="CL87" s="753"/>
      <c r="CM87" s="753"/>
      <c r="CN87" s="753"/>
      <c r="CO87" s="753"/>
      <c r="CP87" s="753"/>
      <c r="CQ87" s="753"/>
      <c r="CR87" s="753"/>
      <c r="CS87" s="753"/>
      <c r="CT87" s="754"/>
      <c r="CU87" s="166"/>
      <c r="CV87" s="166"/>
      <c r="CW87" s="763"/>
      <c r="CX87" s="764"/>
      <c r="CY87" s="765"/>
      <c r="CZ87" s="729"/>
      <c r="DA87" s="729"/>
      <c r="DB87" s="729"/>
      <c r="DC87" s="729"/>
      <c r="DD87" s="729"/>
      <c r="DE87" s="729"/>
      <c r="DF87" s="729"/>
      <c r="DG87" s="729"/>
      <c r="DH87" s="729"/>
      <c r="DI87" s="729"/>
      <c r="DJ87" s="730"/>
      <c r="DK87" s="501"/>
      <c r="DL87" s="486"/>
      <c r="DM87" s="487"/>
      <c r="DN87" s="508"/>
      <c r="DO87" s="509"/>
      <c r="DP87" s="509"/>
      <c r="DQ87" s="509"/>
      <c r="DR87" s="509"/>
      <c r="DS87" s="509"/>
      <c r="DT87" s="509"/>
      <c r="DU87" s="509"/>
      <c r="DV87" s="509"/>
      <c r="DW87" s="509"/>
      <c r="DX87" s="509"/>
      <c r="DY87" s="509"/>
      <c r="DZ87" s="509"/>
      <c r="EA87" s="510"/>
      <c r="EB87" s="165"/>
    </row>
    <row r="88" spans="50:132" ht="5.25" customHeight="1">
      <c r="AX88" s="872"/>
      <c r="AY88" s="872"/>
      <c r="AZ88" s="872"/>
      <c r="BC88" s="697" t="s">
        <v>91</v>
      </c>
      <c r="BD88" s="564"/>
      <c r="BE88" s="564"/>
      <c r="BF88" s="564"/>
      <c r="BG88" s="564"/>
      <c r="BH88" s="564"/>
      <c r="BI88" s="564"/>
      <c r="BJ88" s="698"/>
      <c r="BK88" s="702" t="s">
        <v>90</v>
      </c>
      <c r="BL88" s="703"/>
      <c r="BM88" s="703"/>
      <c r="BN88" s="703"/>
      <c r="BO88" s="703"/>
      <c r="BP88" s="703"/>
      <c r="BQ88" s="703"/>
      <c r="BR88" s="703"/>
      <c r="BS88" s="703"/>
      <c r="BT88" s="703"/>
      <c r="BU88" s="703"/>
      <c r="BV88" s="703"/>
      <c r="BW88" s="703"/>
      <c r="BX88" s="703"/>
      <c r="BY88" s="703"/>
      <c r="BZ88" s="703"/>
      <c r="CA88" s="703"/>
      <c r="CB88" s="703"/>
      <c r="CC88" s="703"/>
      <c r="CD88" s="703"/>
      <c r="CE88" s="704"/>
      <c r="CF88" s="752"/>
      <c r="CG88" s="753"/>
      <c r="CH88" s="753"/>
      <c r="CI88" s="753"/>
      <c r="CJ88" s="753"/>
      <c r="CK88" s="753"/>
      <c r="CL88" s="753"/>
      <c r="CM88" s="753"/>
      <c r="CN88" s="753"/>
      <c r="CO88" s="753"/>
      <c r="CP88" s="753"/>
      <c r="CQ88" s="753"/>
      <c r="CR88" s="753"/>
      <c r="CS88" s="753"/>
      <c r="CT88" s="754"/>
      <c r="CU88" s="166"/>
      <c r="CV88" s="166"/>
      <c r="CW88" s="763"/>
      <c r="CX88" s="764"/>
      <c r="CY88" s="765"/>
      <c r="CZ88" s="661" t="s">
        <v>89</v>
      </c>
      <c r="DA88" s="661"/>
      <c r="DB88" s="661"/>
      <c r="DC88" s="661"/>
      <c r="DD88" s="661"/>
      <c r="DE88" s="661"/>
      <c r="DF88" s="661"/>
      <c r="DG88" s="661"/>
      <c r="DH88" s="661"/>
      <c r="DI88" s="661"/>
      <c r="DJ88" s="661"/>
      <c r="DK88" s="464" t="s">
        <v>88</v>
      </c>
      <c r="DL88" s="465"/>
      <c r="DM88" s="466"/>
      <c r="DN88" s="502"/>
      <c r="DO88" s="503"/>
      <c r="DP88" s="503"/>
      <c r="DQ88" s="503"/>
      <c r="DR88" s="503"/>
      <c r="DS88" s="503"/>
      <c r="DT88" s="503"/>
      <c r="DU88" s="503"/>
      <c r="DV88" s="503"/>
      <c r="DW88" s="503"/>
      <c r="DX88" s="503"/>
      <c r="DY88" s="503"/>
      <c r="DZ88" s="503"/>
      <c r="EA88" s="504"/>
      <c r="EB88" s="165"/>
    </row>
    <row r="89" spans="50:132" ht="5.25" customHeight="1">
      <c r="AX89" s="872"/>
      <c r="AY89" s="872"/>
      <c r="AZ89" s="872"/>
      <c r="BC89" s="697"/>
      <c r="BD89" s="564"/>
      <c r="BE89" s="564"/>
      <c r="BF89" s="564"/>
      <c r="BG89" s="564"/>
      <c r="BH89" s="564"/>
      <c r="BI89" s="564"/>
      <c r="BJ89" s="698"/>
      <c r="BK89" s="702"/>
      <c r="BL89" s="703"/>
      <c r="BM89" s="703"/>
      <c r="BN89" s="703"/>
      <c r="BO89" s="703"/>
      <c r="BP89" s="703"/>
      <c r="BQ89" s="703"/>
      <c r="BR89" s="703"/>
      <c r="BS89" s="703"/>
      <c r="BT89" s="703"/>
      <c r="BU89" s="703"/>
      <c r="BV89" s="703"/>
      <c r="BW89" s="703"/>
      <c r="BX89" s="703"/>
      <c r="BY89" s="703"/>
      <c r="BZ89" s="703"/>
      <c r="CA89" s="703"/>
      <c r="CB89" s="703"/>
      <c r="CC89" s="703"/>
      <c r="CD89" s="703"/>
      <c r="CE89" s="704"/>
      <c r="CF89" s="752"/>
      <c r="CG89" s="753"/>
      <c r="CH89" s="753"/>
      <c r="CI89" s="753"/>
      <c r="CJ89" s="753"/>
      <c r="CK89" s="753"/>
      <c r="CL89" s="753"/>
      <c r="CM89" s="753"/>
      <c r="CN89" s="753"/>
      <c r="CO89" s="753"/>
      <c r="CP89" s="753"/>
      <c r="CQ89" s="753"/>
      <c r="CR89" s="753"/>
      <c r="CS89" s="753"/>
      <c r="CT89" s="754"/>
      <c r="CU89" s="166"/>
      <c r="CV89" s="166"/>
      <c r="CW89" s="763"/>
      <c r="CX89" s="764"/>
      <c r="CY89" s="765"/>
      <c r="CZ89" s="661"/>
      <c r="DA89" s="661"/>
      <c r="DB89" s="661"/>
      <c r="DC89" s="661"/>
      <c r="DD89" s="661"/>
      <c r="DE89" s="661"/>
      <c r="DF89" s="661"/>
      <c r="DG89" s="661"/>
      <c r="DH89" s="661"/>
      <c r="DI89" s="661"/>
      <c r="DJ89" s="661"/>
      <c r="DK89" s="467"/>
      <c r="DL89" s="468"/>
      <c r="DM89" s="469"/>
      <c r="DN89" s="505"/>
      <c r="DO89" s="506"/>
      <c r="DP89" s="506"/>
      <c r="DQ89" s="506"/>
      <c r="DR89" s="506"/>
      <c r="DS89" s="506"/>
      <c r="DT89" s="506"/>
      <c r="DU89" s="506"/>
      <c r="DV89" s="506"/>
      <c r="DW89" s="506"/>
      <c r="DX89" s="506"/>
      <c r="DY89" s="506"/>
      <c r="DZ89" s="506"/>
      <c r="EA89" s="507"/>
      <c r="EB89" s="165"/>
    </row>
    <row r="90" spans="50:132" ht="5.25" customHeight="1">
      <c r="AX90" s="872"/>
      <c r="AY90" s="872"/>
      <c r="AZ90" s="872"/>
      <c r="BC90" s="699"/>
      <c r="BD90" s="700"/>
      <c r="BE90" s="700"/>
      <c r="BF90" s="700"/>
      <c r="BG90" s="700"/>
      <c r="BH90" s="700"/>
      <c r="BI90" s="700"/>
      <c r="BJ90" s="701"/>
      <c r="BK90" s="705"/>
      <c r="BL90" s="706"/>
      <c r="BM90" s="706"/>
      <c r="BN90" s="706"/>
      <c r="BO90" s="706"/>
      <c r="BP90" s="706"/>
      <c r="BQ90" s="706"/>
      <c r="BR90" s="706"/>
      <c r="BS90" s="706"/>
      <c r="BT90" s="706"/>
      <c r="BU90" s="706"/>
      <c r="BV90" s="706"/>
      <c r="BW90" s="706"/>
      <c r="BX90" s="706"/>
      <c r="BY90" s="706"/>
      <c r="BZ90" s="706"/>
      <c r="CA90" s="706"/>
      <c r="CB90" s="706"/>
      <c r="CC90" s="706"/>
      <c r="CD90" s="706"/>
      <c r="CE90" s="707"/>
      <c r="CF90" s="755"/>
      <c r="CG90" s="756"/>
      <c r="CH90" s="756"/>
      <c r="CI90" s="756"/>
      <c r="CJ90" s="756"/>
      <c r="CK90" s="756"/>
      <c r="CL90" s="756"/>
      <c r="CM90" s="756"/>
      <c r="CN90" s="756"/>
      <c r="CO90" s="756"/>
      <c r="CP90" s="756"/>
      <c r="CQ90" s="756"/>
      <c r="CR90" s="756"/>
      <c r="CS90" s="756"/>
      <c r="CT90" s="757"/>
      <c r="CU90" s="166"/>
      <c r="CV90" s="166"/>
      <c r="CW90" s="763"/>
      <c r="CX90" s="764"/>
      <c r="CY90" s="765"/>
      <c r="CZ90" s="661"/>
      <c r="DA90" s="661"/>
      <c r="DB90" s="661"/>
      <c r="DC90" s="661"/>
      <c r="DD90" s="661"/>
      <c r="DE90" s="661"/>
      <c r="DF90" s="661"/>
      <c r="DG90" s="661"/>
      <c r="DH90" s="661"/>
      <c r="DI90" s="661"/>
      <c r="DJ90" s="661"/>
      <c r="DK90" s="467"/>
      <c r="DL90" s="468"/>
      <c r="DM90" s="469"/>
      <c r="DN90" s="505"/>
      <c r="DO90" s="506"/>
      <c r="DP90" s="506"/>
      <c r="DQ90" s="506"/>
      <c r="DR90" s="506"/>
      <c r="DS90" s="506"/>
      <c r="DT90" s="506"/>
      <c r="DU90" s="506"/>
      <c r="DV90" s="506"/>
      <c r="DW90" s="506"/>
      <c r="DX90" s="506"/>
      <c r="DY90" s="506"/>
      <c r="DZ90" s="506"/>
      <c r="EA90" s="507"/>
      <c r="EB90" s="165"/>
    </row>
    <row r="91" spans="50:132" ht="5.25" customHeight="1">
      <c r="AX91" s="872"/>
      <c r="AY91" s="872"/>
      <c r="AZ91" s="872"/>
      <c r="BC91" s="708" t="s">
        <v>87</v>
      </c>
      <c r="BD91" s="709"/>
      <c r="BE91" s="709"/>
      <c r="BF91" s="709"/>
      <c r="BG91" s="709"/>
      <c r="BH91" s="709"/>
      <c r="BI91" s="709"/>
      <c r="BJ91" s="709"/>
      <c r="BK91" s="470" t="s">
        <v>83</v>
      </c>
      <c r="BL91" s="471"/>
      <c r="BM91" s="471"/>
      <c r="BN91" s="512"/>
      <c r="BO91" s="635"/>
      <c r="BP91" s="636"/>
      <c r="BQ91" s="636"/>
      <c r="BR91" s="636"/>
      <c r="BS91" s="636"/>
      <c r="BT91" s="636"/>
      <c r="BU91" s="636"/>
      <c r="BV91" s="636"/>
      <c r="BW91" s="636"/>
      <c r="BX91" s="636"/>
      <c r="BY91" s="636"/>
      <c r="BZ91" s="636"/>
      <c r="CA91" s="636"/>
      <c r="CB91" s="656"/>
      <c r="CC91" s="647" t="s">
        <v>82</v>
      </c>
      <c r="CD91" s="662"/>
      <c r="CE91" s="662"/>
      <c r="CF91" s="662"/>
      <c r="CG91" s="662"/>
      <c r="CH91" s="663"/>
      <c r="CI91" s="678" t="s">
        <v>256</v>
      </c>
      <c r="CJ91" s="679"/>
      <c r="CK91" s="679"/>
      <c r="CL91" s="679"/>
      <c r="CM91" s="679"/>
      <c r="CN91" s="680"/>
      <c r="CO91" s="688" t="s">
        <v>258</v>
      </c>
      <c r="CP91" s="689"/>
      <c r="CQ91" s="689"/>
      <c r="CR91" s="689"/>
      <c r="CS91" s="689"/>
      <c r="CT91" s="690"/>
      <c r="CU91" s="166"/>
      <c r="CV91" s="166"/>
      <c r="CW91" s="763"/>
      <c r="CX91" s="764"/>
      <c r="CY91" s="765"/>
      <c r="CZ91" s="661"/>
      <c r="DA91" s="661"/>
      <c r="DB91" s="661"/>
      <c r="DC91" s="661"/>
      <c r="DD91" s="661"/>
      <c r="DE91" s="661"/>
      <c r="DF91" s="661"/>
      <c r="DG91" s="661"/>
      <c r="DH91" s="661"/>
      <c r="DI91" s="661"/>
      <c r="DJ91" s="661"/>
      <c r="DK91" s="467"/>
      <c r="DL91" s="468"/>
      <c r="DM91" s="469"/>
      <c r="DN91" s="508"/>
      <c r="DO91" s="509"/>
      <c r="DP91" s="509"/>
      <c r="DQ91" s="509"/>
      <c r="DR91" s="509"/>
      <c r="DS91" s="509"/>
      <c r="DT91" s="509"/>
      <c r="DU91" s="509"/>
      <c r="DV91" s="509"/>
      <c r="DW91" s="509"/>
      <c r="DX91" s="509"/>
      <c r="DY91" s="509"/>
      <c r="DZ91" s="509"/>
      <c r="EA91" s="510"/>
      <c r="EB91" s="165"/>
    </row>
    <row r="92" spans="50:132" ht="5.25" customHeight="1">
      <c r="AX92" s="872"/>
      <c r="AY92" s="872"/>
      <c r="AZ92" s="872"/>
      <c r="BC92" s="710"/>
      <c r="BD92" s="711"/>
      <c r="BE92" s="711"/>
      <c r="BF92" s="711"/>
      <c r="BG92" s="711"/>
      <c r="BH92" s="711"/>
      <c r="BI92" s="711"/>
      <c r="BJ92" s="711"/>
      <c r="BK92" s="458"/>
      <c r="BL92" s="459"/>
      <c r="BM92" s="459"/>
      <c r="BN92" s="460"/>
      <c r="BO92" s="638"/>
      <c r="BP92" s="639"/>
      <c r="BQ92" s="639"/>
      <c r="BR92" s="639"/>
      <c r="BS92" s="639"/>
      <c r="BT92" s="639"/>
      <c r="BU92" s="639"/>
      <c r="BV92" s="639"/>
      <c r="BW92" s="639"/>
      <c r="BX92" s="639"/>
      <c r="BY92" s="639"/>
      <c r="BZ92" s="639"/>
      <c r="CA92" s="639"/>
      <c r="CB92" s="657"/>
      <c r="CC92" s="664"/>
      <c r="CD92" s="665"/>
      <c r="CE92" s="665"/>
      <c r="CF92" s="665"/>
      <c r="CG92" s="665"/>
      <c r="CH92" s="666"/>
      <c r="CI92" s="681"/>
      <c r="CJ92" s="682"/>
      <c r="CK92" s="682"/>
      <c r="CL92" s="682"/>
      <c r="CM92" s="682"/>
      <c r="CN92" s="683"/>
      <c r="CO92" s="691"/>
      <c r="CP92" s="692"/>
      <c r="CQ92" s="692"/>
      <c r="CR92" s="692"/>
      <c r="CS92" s="692"/>
      <c r="CT92" s="693"/>
      <c r="CU92" s="166"/>
      <c r="CV92" s="166"/>
      <c r="CW92" s="763"/>
      <c r="CX92" s="764"/>
      <c r="CY92" s="765"/>
      <c r="CZ92" s="661" t="s">
        <v>86</v>
      </c>
      <c r="DA92" s="661"/>
      <c r="DB92" s="661"/>
      <c r="DC92" s="661"/>
      <c r="DD92" s="661"/>
      <c r="DE92" s="661"/>
      <c r="DF92" s="661"/>
      <c r="DG92" s="661"/>
      <c r="DH92" s="661"/>
      <c r="DI92" s="661"/>
      <c r="DJ92" s="661"/>
      <c r="DK92" s="464" t="s">
        <v>85</v>
      </c>
      <c r="DL92" s="465"/>
      <c r="DM92" s="466"/>
      <c r="DN92" s="502"/>
      <c r="DO92" s="503"/>
      <c r="DP92" s="503"/>
      <c r="DQ92" s="503"/>
      <c r="DR92" s="503"/>
      <c r="DS92" s="503"/>
      <c r="DT92" s="503"/>
      <c r="DU92" s="503"/>
      <c r="DV92" s="503"/>
      <c r="DW92" s="503"/>
      <c r="DX92" s="503"/>
      <c r="DY92" s="503"/>
      <c r="DZ92" s="503"/>
      <c r="EA92" s="504"/>
      <c r="EB92" s="165"/>
    </row>
    <row r="93" spans="50:132" ht="5.25" customHeight="1">
      <c r="AX93" s="872"/>
      <c r="AY93" s="872"/>
      <c r="AZ93" s="872"/>
      <c r="BC93" s="710"/>
      <c r="BD93" s="711"/>
      <c r="BE93" s="711"/>
      <c r="BF93" s="711"/>
      <c r="BG93" s="711"/>
      <c r="BH93" s="711"/>
      <c r="BI93" s="711"/>
      <c r="BJ93" s="711"/>
      <c r="BK93" s="458"/>
      <c r="BL93" s="459"/>
      <c r="BM93" s="459"/>
      <c r="BN93" s="460"/>
      <c r="BO93" s="638"/>
      <c r="BP93" s="639"/>
      <c r="BQ93" s="639"/>
      <c r="BR93" s="639"/>
      <c r="BS93" s="639"/>
      <c r="BT93" s="639"/>
      <c r="BU93" s="639"/>
      <c r="BV93" s="639"/>
      <c r="BW93" s="639"/>
      <c r="BX93" s="639"/>
      <c r="BY93" s="639"/>
      <c r="BZ93" s="639"/>
      <c r="CA93" s="639"/>
      <c r="CB93" s="657"/>
      <c r="CC93" s="664"/>
      <c r="CD93" s="665"/>
      <c r="CE93" s="665"/>
      <c r="CF93" s="665"/>
      <c r="CG93" s="665"/>
      <c r="CH93" s="666"/>
      <c r="CI93" s="684" t="s">
        <v>255</v>
      </c>
      <c r="CJ93" s="682"/>
      <c r="CK93" s="682"/>
      <c r="CL93" s="682"/>
      <c r="CM93" s="682"/>
      <c r="CN93" s="683"/>
      <c r="CO93" s="691" t="s">
        <v>259</v>
      </c>
      <c r="CP93" s="692"/>
      <c r="CQ93" s="692"/>
      <c r="CR93" s="692"/>
      <c r="CS93" s="692"/>
      <c r="CT93" s="693"/>
      <c r="CU93" s="166"/>
      <c r="CV93" s="166"/>
      <c r="CW93" s="763"/>
      <c r="CX93" s="764"/>
      <c r="CY93" s="765"/>
      <c r="CZ93" s="661"/>
      <c r="DA93" s="661"/>
      <c r="DB93" s="661"/>
      <c r="DC93" s="661"/>
      <c r="DD93" s="661"/>
      <c r="DE93" s="661"/>
      <c r="DF93" s="661"/>
      <c r="DG93" s="661"/>
      <c r="DH93" s="661"/>
      <c r="DI93" s="661"/>
      <c r="DJ93" s="661"/>
      <c r="DK93" s="467"/>
      <c r="DL93" s="468"/>
      <c r="DM93" s="469"/>
      <c r="DN93" s="505"/>
      <c r="DO93" s="506"/>
      <c r="DP93" s="506"/>
      <c r="DQ93" s="506"/>
      <c r="DR93" s="506"/>
      <c r="DS93" s="506"/>
      <c r="DT93" s="506"/>
      <c r="DU93" s="506"/>
      <c r="DV93" s="506"/>
      <c r="DW93" s="506"/>
      <c r="DX93" s="506"/>
      <c r="DY93" s="506"/>
      <c r="DZ93" s="506"/>
      <c r="EA93" s="507"/>
      <c r="EB93" s="165"/>
    </row>
    <row r="94" spans="50:132" ht="5.25" customHeight="1">
      <c r="AX94" s="872"/>
      <c r="AY94" s="872"/>
      <c r="AZ94" s="872"/>
      <c r="BC94" s="710"/>
      <c r="BD94" s="711"/>
      <c r="BE94" s="711"/>
      <c r="BF94" s="711"/>
      <c r="BG94" s="711"/>
      <c r="BH94" s="711"/>
      <c r="BI94" s="711"/>
      <c r="BJ94" s="711"/>
      <c r="BK94" s="461"/>
      <c r="BL94" s="462"/>
      <c r="BM94" s="462"/>
      <c r="BN94" s="463"/>
      <c r="BO94" s="658"/>
      <c r="BP94" s="659"/>
      <c r="BQ94" s="659"/>
      <c r="BR94" s="659"/>
      <c r="BS94" s="659"/>
      <c r="BT94" s="659"/>
      <c r="BU94" s="659"/>
      <c r="BV94" s="659"/>
      <c r="BW94" s="659"/>
      <c r="BX94" s="659"/>
      <c r="BY94" s="659"/>
      <c r="BZ94" s="659"/>
      <c r="CA94" s="659"/>
      <c r="CB94" s="660"/>
      <c r="CC94" s="667"/>
      <c r="CD94" s="668"/>
      <c r="CE94" s="668"/>
      <c r="CF94" s="668"/>
      <c r="CG94" s="668"/>
      <c r="CH94" s="669"/>
      <c r="CI94" s="685"/>
      <c r="CJ94" s="686"/>
      <c r="CK94" s="686"/>
      <c r="CL94" s="686"/>
      <c r="CM94" s="686"/>
      <c r="CN94" s="687"/>
      <c r="CO94" s="694"/>
      <c r="CP94" s="695"/>
      <c r="CQ94" s="695"/>
      <c r="CR94" s="695"/>
      <c r="CS94" s="695"/>
      <c r="CT94" s="696"/>
      <c r="CU94" s="166"/>
      <c r="CV94" s="166"/>
      <c r="CW94" s="763"/>
      <c r="CX94" s="764"/>
      <c r="CY94" s="765"/>
      <c r="CZ94" s="661"/>
      <c r="DA94" s="661"/>
      <c r="DB94" s="661"/>
      <c r="DC94" s="661"/>
      <c r="DD94" s="661"/>
      <c r="DE94" s="661"/>
      <c r="DF94" s="661"/>
      <c r="DG94" s="661"/>
      <c r="DH94" s="661"/>
      <c r="DI94" s="661"/>
      <c r="DJ94" s="661"/>
      <c r="DK94" s="467"/>
      <c r="DL94" s="468"/>
      <c r="DM94" s="469"/>
      <c r="DN94" s="505"/>
      <c r="DO94" s="506"/>
      <c r="DP94" s="506"/>
      <c r="DQ94" s="506"/>
      <c r="DR94" s="506"/>
      <c r="DS94" s="506"/>
      <c r="DT94" s="506"/>
      <c r="DU94" s="506"/>
      <c r="DV94" s="506"/>
      <c r="DW94" s="506"/>
      <c r="DX94" s="506"/>
      <c r="DY94" s="506"/>
      <c r="DZ94" s="506"/>
      <c r="EA94" s="507"/>
      <c r="EB94" s="165"/>
    </row>
    <row r="95" spans="50:132" ht="5.25" customHeight="1">
      <c r="AX95" s="872"/>
      <c r="AY95" s="872"/>
      <c r="AZ95" s="872"/>
      <c r="BC95" s="650" t="s">
        <v>84</v>
      </c>
      <c r="BD95" s="651"/>
      <c r="BE95" s="651"/>
      <c r="BF95" s="651"/>
      <c r="BG95" s="651"/>
      <c r="BH95" s="651"/>
      <c r="BI95" s="651"/>
      <c r="BJ95" s="652"/>
      <c r="BK95" s="470" t="s">
        <v>83</v>
      </c>
      <c r="BL95" s="471"/>
      <c r="BM95" s="471"/>
      <c r="BN95" s="512"/>
      <c r="BO95" s="635"/>
      <c r="BP95" s="636"/>
      <c r="BQ95" s="636"/>
      <c r="BR95" s="636"/>
      <c r="BS95" s="636"/>
      <c r="BT95" s="636"/>
      <c r="BU95" s="636"/>
      <c r="BV95" s="636"/>
      <c r="BW95" s="636"/>
      <c r="BX95" s="636"/>
      <c r="BY95" s="636"/>
      <c r="BZ95" s="636"/>
      <c r="CA95" s="636"/>
      <c r="CB95" s="656"/>
      <c r="CC95" s="647" t="s">
        <v>82</v>
      </c>
      <c r="CD95" s="670"/>
      <c r="CE95" s="670"/>
      <c r="CF95" s="670"/>
      <c r="CG95" s="670"/>
      <c r="CH95" s="671"/>
      <c r="CI95" s="678" t="s">
        <v>256</v>
      </c>
      <c r="CJ95" s="679"/>
      <c r="CK95" s="679"/>
      <c r="CL95" s="679"/>
      <c r="CM95" s="679"/>
      <c r="CN95" s="680"/>
      <c r="CO95" s="688" t="s">
        <v>258</v>
      </c>
      <c r="CP95" s="689"/>
      <c r="CQ95" s="689"/>
      <c r="CR95" s="689"/>
      <c r="CS95" s="689"/>
      <c r="CT95" s="690"/>
      <c r="CU95" s="166"/>
      <c r="CV95" s="166"/>
      <c r="CW95" s="763"/>
      <c r="CX95" s="764"/>
      <c r="CY95" s="765"/>
      <c r="CZ95" s="661"/>
      <c r="DA95" s="661"/>
      <c r="DB95" s="661"/>
      <c r="DC95" s="661"/>
      <c r="DD95" s="661"/>
      <c r="DE95" s="661"/>
      <c r="DF95" s="661"/>
      <c r="DG95" s="661"/>
      <c r="DH95" s="661"/>
      <c r="DI95" s="661"/>
      <c r="DJ95" s="661"/>
      <c r="DK95" s="501"/>
      <c r="DL95" s="486"/>
      <c r="DM95" s="487"/>
      <c r="DN95" s="508"/>
      <c r="DO95" s="509"/>
      <c r="DP95" s="509"/>
      <c r="DQ95" s="509"/>
      <c r="DR95" s="509"/>
      <c r="DS95" s="509"/>
      <c r="DT95" s="509"/>
      <c r="DU95" s="509"/>
      <c r="DV95" s="509"/>
      <c r="DW95" s="509"/>
      <c r="DX95" s="509"/>
      <c r="DY95" s="509"/>
      <c r="DZ95" s="509"/>
      <c r="EA95" s="510"/>
      <c r="EB95" s="165"/>
    </row>
    <row r="96" spans="50:132" ht="5.25" customHeight="1">
      <c r="AX96" s="872"/>
      <c r="AY96" s="872"/>
      <c r="AZ96" s="872"/>
      <c r="BC96" s="650"/>
      <c r="BD96" s="651"/>
      <c r="BE96" s="651"/>
      <c r="BF96" s="651"/>
      <c r="BG96" s="651"/>
      <c r="BH96" s="651"/>
      <c r="BI96" s="651"/>
      <c r="BJ96" s="652"/>
      <c r="BK96" s="458"/>
      <c r="BL96" s="459"/>
      <c r="BM96" s="459"/>
      <c r="BN96" s="460"/>
      <c r="BO96" s="638"/>
      <c r="BP96" s="639"/>
      <c r="BQ96" s="639"/>
      <c r="BR96" s="639"/>
      <c r="BS96" s="639"/>
      <c r="BT96" s="639"/>
      <c r="BU96" s="639"/>
      <c r="BV96" s="639"/>
      <c r="BW96" s="639"/>
      <c r="BX96" s="639"/>
      <c r="BY96" s="639"/>
      <c r="BZ96" s="639"/>
      <c r="CA96" s="639"/>
      <c r="CB96" s="657"/>
      <c r="CC96" s="672"/>
      <c r="CD96" s="673"/>
      <c r="CE96" s="673"/>
      <c r="CF96" s="673"/>
      <c r="CG96" s="673"/>
      <c r="CH96" s="674"/>
      <c r="CI96" s="681"/>
      <c r="CJ96" s="682"/>
      <c r="CK96" s="682"/>
      <c r="CL96" s="682"/>
      <c r="CM96" s="682"/>
      <c r="CN96" s="683"/>
      <c r="CO96" s="691"/>
      <c r="CP96" s="692"/>
      <c r="CQ96" s="692"/>
      <c r="CR96" s="692"/>
      <c r="CS96" s="692"/>
      <c r="CT96" s="693"/>
      <c r="CU96" s="166"/>
      <c r="CV96" s="166"/>
      <c r="CW96" s="763"/>
      <c r="CX96" s="764"/>
      <c r="CY96" s="765"/>
      <c r="CZ96" s="661" t="s">
        <v>81</v>
      </c>
      <c r="DA96" s="661"/>
      <c r="DB96" s="661"/>
      <c r="DC96" s="661"/>
      <c r="DD96" s="661"/>
      <c r="DE96" s="661"/>
      <c r="DF96" s="661"/>
      <c r="DG96" s="661"/>
      <c r="DH96" s="661"/>
      <c r="DI96" s="661"/>
      <c r="DJ96" s="661"/>
      <c r="DK96" s="464" t="s">
        <v>80</v>
      </c>
      <c r="DL96" s="465"/>
      <c r="DM96" s="466"/>
      <c r="DN96" s="502"/>
      <c r="DO96" s="503"/>
      <c r="DP96" s="503"/>
      <c r="DQ96" s="503"/>
      <c r="DR96" s="503"/>
      <c r="DS96" s="503"/>
      <c r="DT96" s="503"/>
      <c r="DU96" s="503"/>
      <c r="DV96" s="503"/>
      <c r="DW96" s="503"/>
      <c r="DX96" s="503"/>
      <c r="DY96" s="503"/>
      <c r="DZ96" s="503"/>
      <c r="EA96" s="504"/>
      <c r="EB96" s="165"/>
    </row>
    <row r="97" spans="50:132" ht="5.25" customHeight="1">
      <c r="AX97" s="872"/>
      <c r="AY97" s="872"/>
      <c r="AZ97" s="872"/>
      <c r="BC97" s="650"/>
      <c r="BD97" s="651"/>
      <c r="BE97" s="651"/>
      <c r="BF97" s="651"/>
      <c r="BG97" s="651"/>
      <c r="BH97" s="651"/>
      <c r="BI97" s="651"/>
      <c r="BJ97" s="652"/>
      <c r="BK97" s="458"/>
      <c r="BL97" s="459"/>
      <c r="BM97" s="459"/>
      <c r="BN97" s="460"/>
      <c r="BO97" s="638"/>
      <c r="BP97" s="639"/>
      <c r="BQ97" s="639"/>
      <c r="BR97" s="639"/>
      <c r="BS97" s="639"/>
      <c r="BT97" s="639"/>
      <c r="BU97" s="639"/>
      <c r="BV97" s="639"/>
      <c r="BW97" s="639"/>
      <c r="BX97" s="639"/>
      <c r="BY97" s="639"/>
      <c r="BZ97" s="639"/>
      <c r="CA97" s="639"/>
      <c r="CB97" s="657"/>
      <c r="CC97" s="672"/>
      <c r="CD97" s="673"/>
      <c r="CE97" s="673"/>
      <c r="CF97" s="673"/>
      <c r="CG97" s="673"/>
      <c r="CH97" s="674"/>
      <c r="CI97" s="684" t="s">
        <v>255</v>
      </c>
      <c r="CJ97" s="682"/>
      <c r="CK97" s="682"/>
      <c r="CL97" s="682"/>
      <c r="CM97" s="682"/>
      <c r="CN97" s="683"/>
      <c r="CO97" s="691" t="s">
        <v>259</v>
      </c>
      <c r="CP97" s="692"/>
      <c r="CQ97" s="692"/>
      <c r="CR97" s="692"/>
      <c r="CS97" s="692"/>
      <c r="CT97" s="693"/>
      <c r="CU97" s="166"/>
      <c r="CV97" s="166"/>
      <c r="CW97" s="763"/>
      <c r="CX97" s="764"/>
      <c r="CY97" s="765"/>
      <c r="CZ97" s="661"/>
      <c r="DA97" s="661"/>
      <c r="DB97" s="661"/>
      <c r="DC97" s="661"/>
      <c r="DD97" s="661"/>
      <c r="DE97" s="661"/>
      <c r="DF97" s="661"/>
      <c r="DG97" s="661"/>
      <c r="DH97" s="661"/>
      <c r="DI97" s="661"/>
      <c r="DJ97" s="661"/>
      <c r="DK97" s="467"/>
      <c r="DL97" s="468"/>
      <c r="DM97" s="469"/>
      <c r="DN97" s="505"/>
      <c r="DO97" s="506"/>
      <c r="DP97" s="506"/>
      <c r="DQ97" s="506"/>
      <c r="DR97" s="506"/>
      <c r="DS97" s="506"/>
      <c r="DT97" s="506"/>
      <c r="DU97" s="506"/>
      <c r="DV97" s="506"/>
      <c r="DW97" s="506"/>
      <c r="DX97" s="506"/>
      <c r="DY97" s="506"/>
      <c r="DZ97" s="506"/>
      <c r="EA97" s="507"/>
      <c r="EB97" s="165"/>
    </row>
    <row r="98" spans="50:132" ht="5.25" customHeight="1">
      <c r="AX98" s="872"/>
      <c r="AY98" s="872"/>
      <c r="AZ98" s="872"/>
      <c r="BC98" s="653"/>
      <c r="BD98" s="654"/>
      <c r="BE98" s="654"/>
      <c r="BF98" s="654"/>
      <c r="BG98" s="654"/>
      <c r="BH98" s="654"/>
      <c r="BI98" s="654"/>
      <c r="BJ98" s="655"/>
      <c r="BK98" s="461"/>
      <c r="BL98" s="462"/>
      <c r="BM98" s="462"/>
      <c r="BN98" s="463"/>
      <c r="BO98" s="658"/>
      <c r="BP98" s="659"/>
      <c r="BQ98" s="659"/>
      <c r="BR98" s="659"/>
      <c r="BS98" s="659"/>
      <c r="BT98" s="659"/>
      <c r="BU98" s="659"/>
      <c r="BV98" s="659"/>
      <c r="BW98" s="659"/>
      <c r="BX98" s="659"/>
      <c r="BY98" s="659"/>
      <c r="BZ98" s="659"/>
      <c r="CA98" s="659"/>
      <c r="CB98" s="660"/>
      <c r="CC98" s="675"/>
      <c r="CD98" s="676"/>
      <c r="CE98" s="676"/>
      <c r="CF98" s="676"/>
      <c r="CG98" s="676"/>
      <c r="CH98" s="677"/>
      <c r="CI98" s="685"/>
      <c r="CJ98" s="686"/>
      <c r="CK98" s="686"/>
      <c r="CL98" s="686"/>
      <c r="CM98" s="686"/>
      <c r="CN98" s="687"/>
      <c r="CO98" s="694"/>
      <c r="CP98" s="695"/>
      <c r="CQ98" s="695"/>
      <c r="CR98" s="695"/>
      <c r="CS98" s="695"/>
      <c r="CT98" s="696"/>
      <c r="CU98" s="166"/>
      <c r="CV98" s="166"/>
      <c r="CW98" s="763"/>
      <c r="CX98" s="764"/>
      <c r="CY98" s="765"/>
      <c r="CZ98" s="661"/>
      <c r="DA98" s="661"/>
      <c r="DB98" s="661"/>
      <c r="DC98" s="661"/>
      <c r="DD98" s="661"/>
      <c r="DE98" s="661"/>
      <c r="DF98" s="661"/>
      <c r="DG98" s="661"/>
      <c r="DH98" s="661"/>
      <c r="DI98" s="661"/>
      <c r="DJ98" s="661"/>
      <c r="DK98" s="467"/>
      <c r="DL98" s="468"/>
      <c r="DM98" s="469"/>
      <c r="DN98" s="505"/>
      <c r="DO98" s="506"/>
      <c r="DP98" s="506"/>
      <c r="DQ98" s="506"/>
      <c r="DR98" s="506"/>
      <c r="DS98" s="506"/>
      <c r="DT98" s="506"/>
      <c r="DU98" s="506"/>
      <c r="DV98" s="506"/>
      <c r="DW98" s="506"/>
      <c r="DX98" s="506"/>
      <c r="DY98" s="506"/>
      <c r="DZ98" s="506"/>
      <c r="EA98" s="507"/>
      <c r="EB98" s="165"/>
    </row>
    <row r="99" spans="50:132" ht="5.25" customHeight="1">
      <c r="AX99" s="872"/>
      <c r="AY99" s="872"/>
      <c r="AZ99" s="872"/>
      <c r="BC99" s="723" t="s">
        <v>272</v>
      </c>
      <c r="BD99" s="724"/>
      <c r="BE99" s="724"/>
      <c r="BF99" s="724"/>
      <c r="BG99" s="724"/>
      <c r="BH99" s="724"/>
      <c r="BI99" s="724"/>
      <c r="BJ99" s="725"/>
      <c r="BK99" s="470" t="s">
        <v>79</v>
      </c>
      <c r="BL99" s="471"/>
      <c r="BM99" s="471"/>
      <c r="BN99" s="471"/>
      <c r="BO99" s="471"/>
      <c r="BP99" s="471"/>
      <c r="BQ99" s="471"/>
      <c r="BR99" s="471"/>
      <c r="BS99" s="471"/>
      <c r="BT99" s="471"/>
      <c r="BU99" s="471"/>
      <c r="BV99" s="471"/>
      <c r="BW99" s="471"/>
      <c r="BX99" s="471"/>
      <c r="BY99" s="512"/>
      <c r="BZ99" s="647" t="s">
        <v>67</v>
      </c>
      <c r="CA99" s="648"/>
      <c r="CB99" s="648"/>
      <c r="CC99" s="648"/>
      <c r="CD99" s="648"/>
      <c r="CE99" s="648"/>
      <c r="CF99" s="648"/>
      <c r="CG99" s="648"/>
      <c r="CH99" s="649"/>
      <c r="CI99" s="555" t="s">
        <v>42</v>
      </c>
      <c r="CJ99" s="556"/>
      <c r="CK99" s="556"/>
      <c r="CL99" s="55"/>
      <c r="CM99" s="55"/>
      <c r="CN99" s="55"/>
      <c r="CO99" s="55"/>
      <c r="CP99" s="55"/>
      <c r="CQ99" s="55"/>
      <c r="CR99" s="174"/>
      <c r="CS99" s="55"/>
      <c r="CT99" s="63"/>
      <c r="CU99" s="166"/>
      <c r="CV99" s="166"/>
      <c r="CW99" s="763"/>
      <c r="CX99" s="764"/>
      <c r="CY99" s="765"/>
      <c r="CZ99" s="661"/>
      <c r="DA99" s="661"/>
      <c r="DB99" s="661"/>
      <c r="DC99" s="661"/>
      <c r="DD99" s="661"/>
      <c r="DE99" s="661"/>
      <c r="DF99" s="661"/>
      <c r="DG99" s="661"/>
      <c r="DH99" s="661"/>
      <c r="DI99" s="661"/>
      <c r="DJ99" s="661"/>
      <c r="DK99" s="501"/>
      <c r="DL99" s="486"/>
      <c r="DM99" s="487"/>
      <c r="DN99" s="508"/>
      <c r="DO99" s="509"/>
      <c r="DP99" s="509"/>
      <c r="DQ99" s="509"/>
      <c r="DR99" s="509"/>
      <c r="DS99" s="509"/>
      <c r="DT99" s="509"/>
      <c r="DU99" s="509"/>
      <c r="DV99" s="509"/>
      <c r="DW99" s="509"/>
      <c r="DX99" s="509"/>
      <c r="DY99" s="509"/>
      <c r="DZ99" s="509"/>
      <c r="EA99" s="510"/>
      <c r="EB99" s="165"/>
    </row>
    <row r="100" spans="50:132" ht="5.25" customHeight="1">
      <c r="AX100" s="872"/>
      <c r="AY100" s="872"/>
      <c r="AZ100" s="872"/>
      <c r="BC100" s="726"/>
      <c r="BD100" s="727"/>
      <c r="BE100" s="727"/>
      <c r="BF100" s="727"/>
      <c r="BG100" s="727"/>
      <c r="BH100" s="727"/>
      <c r="BI100" s="727"/>
      <c r="BJ100" s="728"/>
      <c r="BK100" s="458"/>
      <c r="BL100" s="459"/>
      <c r="BM100" s="459"/>
      <c r="BN100" s="459"/>
      <c r="BO100" s="459"/>
      <c r="BP100" s="459"/>
      <c r="BQ100" s="459"/>
      <c r="BR100" s="459"/>
      <c r="BS100" s="459"/>
      <c r="BT100" s="459"/>
      <c r="BU100" s="459"/>
      <c r="BV100" s="459"/>
      <c r="BW100" s="459"/>
      <c r="BX100" s="459"/>
      <c r="BY100" s="460"/>
      <c r="BZ100" s="488"/>
      <c r="CA100" s="489"/>
      <c r="CB100" s="489"/>
      <c r="CC100" s="489"/>
      <c r="CD100" s="489"/>
      <c r="CE100" s="489"/>
      <c r="CF100" s="489"/>
      <c r="CG100" s="489"/>
      <c r="CH100" s="490"/>
      <c r="CI100" s="456"/>
      <c r="CJ100" s="457"/>
      <c r="CK100" s="457"/>
      <c r="CL100" s="55"/>
      <c r="CM100" s="55"/>
      <c r="CN100" s="55"/>
      <c r="CO100" s="55"/>
      <c r="CP100" s="55"/>
      <c r="CQ100" s="55"/>
      <c r="CR100" s="55"/>
      <c r="CS100" s="55"/>
      <c r="CT100" s="63"/>
      <c r="CU100" s="166"/>
      <c r="CV100" s="166"/>
      <c r="CW100" s="763"/>
      <c r="CX100" s="764"/>
      <c r="CY100" s="765"/>
      <c r="CZ100" s="729" t="s">
        <v>8</v>
      </c>
      <c r="DA100" s="729"/>
      <c r="DB100" s="729"/>
      <c r="DC100" s="729"/>
      <c r="DD100" s="729"/>
      <c r="DE100" s="729"/>
      <c r="DF100" s="729"/>
      <c r="DG100" s="729"/>
      <c r="DH100" s="729"/>
      <c r="DI100" s="729"/>
      <c r="DJ100" s="730"/>
      <c r="DK100" s="464" t="s">
        <v>78</v>
      </c>
      <c r="DL100" s="465"/>
      <c r="DM100" s="466"/>
      <c r="DN100" s="502"/>
      <c r="DO100" s="503"/>
      <c r="DP100" s="503"/>
      <c r="DQ100" s="503"/>
      <c r="DR100" s="503"/>
      <c r="DS100" s="503"/>
      <c r="DT100" s="503"/>
      <c r="DU100" s="503"/>
      <c r="DV100" s="503"/>
      <c r="DW100" s="503"/>
      <c r="DX100" s="503"/>
      <c r="DY100" s="503"/>
      <c r="DZ100" s="503"/>
      <c r="EA100" s="504"/>
      <c r="EB100" s="165"/>
    </row>
    <row r="101" spans="50:132" ht="5.25" customHeight="1">
      <c r="AX101" s="872"/>
      <c r="AY101" s="872"/>
      <c r="AZ101" s="872"/>
      <c r="BC101" s="566" t="s">
        <v>77</v>
      </c>
      <c r="BD101" s="489"/>
      <c r="BE101" s="489"/>
      <c r="BF101" s="489"/>
      <c r="BG101" s="489"/>
      <c r="BH101" s="489"/>
      <c r="BI101" s="489"/>
      <c r="BJ101" s="490"/>
      <c r="BK101" s="458"/>
      <c r="BL101" s="459"/>
      <c r="BM101" s="459"/>
      <c r="BN101" s="459"/>
      <c r="BO101" s="459"/>
      <c r="BP101" s="459"/>
      <c r="BQ101" s="459"/>
      <c r="BR101" s="459"/>
      <c r="BS101" s="459"/>
      <c r="BT101" s="459"/>
      <c r="BU101" s="459"/>
      <c r="BV101" s="459"/>
      <c r="BW101" s="459"/>
      <c r="BX101" s="459"/>
      <c r="BY101" s="460"/>
      <c r="BZ101" s="488"/>
      <c r="CA101" s="489"/>
      <c r="CB101" s="489"/>
      <c r="CC101" s="489"/>
      <c r="CD101" s="489"/>
      <c r="CE101" s="489"/>
      <c r="CF101" s="489"/>
      <c r="CG101" s="489"/>
      <c r="CH101" s="490"/>
      <c r="CI101" s="712" t="s">
        <v>76</v>
      </c>
      <c r="CJ101" s="454"/>
      <c r="CK101" s="454"/>
      <c r="CL101" s="55"/>
      <c r="CM101" s="55"/>
      <c r="CN101" s="55" t="s">
        <v>75</v>
      </c>
      <c r="CO101" s="55"/>
      <c r="CP101" s="55"/>
      <c r="CQ101" s="55" t="s">
        <v>75</v>
      </c>
      <c r="CR101" s="55"/>
      <c r="CS101" s="55"/>
      <c r="CT101" s="63"/>
      <c r="CU101" s="166"/>
      <c r="CV101" s="62"/>
      <c r="CW101" s="763"/>
      <c r="CX101" s="764"/>
      <c r="CY101" s="765"/>
      <c r="CZ101" s="729"/>
      <c r="DA101" s="729"/>
      <c r="DB101" s="729"/>
      <c r="DC101" s="729"/>
      <c r="DD101" s="729"/>
      <c r="DE101" s="729"/>
      <c r="DF101" s="729"/>
      <c r="DG101" s="729"/>
      <c r="DH101" s="729"/>
      <c r="DI101" s="729"/>
      <c r="DJ101" s="730"/>
      <c r="DK101" s="467"/>
      <c r="DL101" s="468"/>
      <c r="DM101" s="469"/>
      <c r="DN101" s="505"/>
      <c r="DO101" s="506"/>
      <c r="DP101" s="506"/>
      <c r="DQ101" s="506"/>
      <c r="DR101" s="506"/>
      <c r="DS101" s="506"/>
      <c r="DT101" s="506"/>
      <c r="DU101" s="506"/>
      <c r="DV101" s="506"/>
      <c r="DW101" s="506"/>
      <c r="DX101" s="506"/>
      <c r="DY101" s="506"/>
      <c r="DZ101" s="506"/>
      <c r="EA101" s="507"/>
      <c r="EB101" s="165"/>
    </row>
    <row r="102" spans="50:132" ht="5.25" customHeight="1">
      <c r="AX102" s="872"/>
      <c r="AY102" s="872"/>
      <c r="AZ102" s="872"/>
      <c r="BC102" s="566"/>
      <c r="BD102" s="489"/>
      <c r="BE102" s="489"/>
      <c r="BF102" s="489"/>
      <c r="BG102" s="489"/>
      <c r="BH102" s="489"/>
      <c r="BI102" s="489"/>
      <c r="BJ102" s="490"/>
      <c r="BK102" s="461"/>
      <c r="BL102" s="462"/>
      <c r="BM102" s="462"/>
      <c r="BN102" s="462"/>
      <c r="BO102" s="462"/>
      <c r="BP102" s="462"/>
      <c r="BQ102" s="462"/>
      <c r="BR102" s="462"/>
      <c r="BS102" s="462"/>
      <c r="BT102" s="462"/>
      <c r="BU102" s="462"/>
      <c r="BV102" s="462"/>
      <c r="BW102" s="462"/>
      <c r="BX102" s="462"/>
      <c r="BY102" s="463"/>
      <c r="BZ102" s="491"/>
      <c r="CA102" s="492"/>
      <c r="CB102" s="492"/>
      <c r="CC102" s="492"/>
      <c r="CD102" s="492"/>
      <c r="CE102" s="492"/>
      <c r="CF102" s="492"/>
      <c r="CG102" s="492"/>
      <c r="CH102" s="493"/>
      <c r="CI102" s="713"/>
      <c r="CJ102" s="714"/>
      <c r="CK102" s="714"/>
      <c r="CL102" s="55"/>
      <c r="CM102" s="55"/>
      <c r="CN102" s="55"/>
      <c r="CO102" s="55"/>
      <c r="CP102" s="55"/>
      <c r="CQ102" s="55"/>
      <c r="CR102" s="55"/>
      <c r="CS102" s="55"/>
      <c r="CT102" s="63"/>
      <c r="CU102" s="263"/>
      <c r="CV102" s="62"/>
      <c r="CW102" s="763"/>
      <c r="CX102" s="764"/>
      <c r="CY102" s="765"/>
      <c r="CZ102" s="729"/>
      <c r="DA102" s="729"/>
      <c r="DB102" s="729"/>
      <c r="DC102" s="729"/>
      <c r="DD102" s="729"/>
      <c r="DE102" s="729"/>
      <c r="DF102" s="729"/>
      <c r="DG102" s="729"/>
      <c r="DH102" s="729"/>
      <c r="DI102" s="729"/>
      <c r="DJ102" s="730"/>
      <c r="DK102" s="467"/>
      <c r="DL102" s="468"/>
      <c r="DM102" s="469"/>
      <c r="DN102" s="505"/>
      <c r="DO102" s="506"/>
      <c r="DP102" s="506"/>
      <c r="DQ102" s="506"/>
      <c r="DR102" s="506"/>
      <c r="DS102" s="506"/>
      <c r="DT102" s="506"/>
      <c r="DU102" s="506"/>
      <c r="DV102" s="506"/>
      <c r="DW102" s="506"/>
      <c r="DX102" s="506"/>
      <c r="DY102" s="506"/>
      <c r="DZ102" s="506"/>
      <c r="EA102" s="507"/>
      <c r="EB102" s="165"/>
    </row>
    <row r="103" spans="50:132" ht="5.25" customHeight="1">
      <c r="AX103" s="872"/>
      <c r="AY103" s="872"/>
      <c r="AZ103" s="872"/>
      <c r="BC103" s="566" t="s">
        <v>74</v>
      </c>
      <c r="BD103" s="489"/>
      <c r="BE103" s="489"/>
      <c r="BF103" s="489"/>
      <c r="BG103" s="489"/>
      <c r="BH103" s="489"/>
      <c r="BI103" s="489"/>
      <c r="BJ103" s="490"/>
      <c r="BK103" s="61"/>
      <c r="BL103" s="60"/>
      <c r="BM103" s="60"/>
      <c r="BN103" s="60"/>
      <c r="BO103" s="60"/>
      <c r="BP103" s="60"/>
      <c r="BQ103" s="60"/>
      <c r="BR103" s="60"/>
      <c r="BS103" s="60"/>
      <c r="BT103" s="60"/>
      <c r="BU103" s="60"/>
      <c r="BV103" s="60"/>
      <c r="BW103" s="60"/>
      <c r="BX103" s="60"/>
      <c r="BY103" s="59"/>
      <c r="BZ103" s="470" t="s">
        <v>73</v>
      </c>
      <c r="CA103" s="471"/>
      <c r="CB103" s="471"/>
      <c r="CC103" s="471"/>
      <c r="CD103" s="471"/>
      <c r="CE103" s="471"/>
      <c r="CF103" s="471"/>
      <c r="CG103" s="471"/>
      <c r="CH103" s="512"/>
      <c r="CI103" s="623" t="s">
        <v>4</v>
      </c>
      <c r="CJ103" s="715"/>
      <c r="CK103" s="715"/>
      <c r="CL103" s="715"/>
      <c r="CM103" s="715"/>
      <c r="CN103" s="715"/>
      <c r="CO103" s="715"/>
      <c r="CP103" s="715"/>
      <c r="CQ103" s="715"/>
      <c r="CR103" s="715"/>
      <c r="CS103" s="715"/>
      <c r="CT103" s="716"/>
      <c r="CU103" s="263"/>
      <c r="CV103" s="58"/>
      <c r="CW103" s="763"/>
      <c r="CX103" s="764"/>
      <c r="CY103" s="765"/>
      <c r="CZ103" s="731"/>
      <c r="DA103" s="731"/>
      <c r="DB103" s="731"/>
      <c r="DC103" s="731"/>
      <c r="DD103" s="731"/>
      <c r="DE103" s="731"/>
      <c r="DF103" s="731"/>
      <c r="DG103" s="731"/>
      <c r="DH103" s="731"/>
      <c r="DI103" s="731"/>
      <c r="DJ103" s="732"/>
      <c r="DK103" s="501"/>
      <c r="DL103" s="486"/>
      <c r="DM103" s="487"/>
      <c r="DN103" s="508"/>
      <c r="DO103" s="509"/>
      <c r="DP103" s="509"/>
      <c r="DQ103" s="509"/>
      <c r="DR103" s="509"/>
      <c r="DS103" s="509"/>
      <c r="DT103" s="509"/>
      <c r="DU103" s="509"/>
      <c r="DV103" s="509"/>
      <c r="DW103" s="509"/>
      <c r="DX103" s="509"/>
      <c r="DY103" s="509"/>
      <c r="DZ103" s="509"/>
      <c r="EA103" s="510"/>
      <c r="EB103" s="165"/>
    </row>
    <row r="104" spans="50:132" ht="5.25" customHeight="1">
      <c r="AX104" s="872"/>
      <c r="AY104" s="872"/>
      <c r="AZ104" s="872"/>
      <c r="BC104" s="566"/>
      <c r="BD104" s="489"/>
      <c r="BE104" s="489"/>
      <c r="BF104" s="489"/>
      <c r="BG104" s="489"/>
      <c r="BH104" s="489"/>
      <c r="BI104" s="489"/>
      <c r="BJ104" s="490"/>
      <c r="BK104" s="56"/>
      <c r="BL104" s="55"/>
      <c r="BM104" s="55"/>
      <c r="BN104" s="55"/>
      <c r="BO104" s="55"/>
      <c r="BP104" s="55"/>
      <c r="BQ104" s="55"/>
      <c r="BR104" s="55"/>
      <c r="BS104" s="55"/>
      <c r="BT104" s="55"/>
      <c r="BU104" s="55"/>
      <c r="BV104" s="55"/>
      <c r="BW104" s="55"/>
      <c r="BX104" s="55"/>
      <c r="BY104" s="54"/>
      <c r="BZ104" s="458"/>
      <c r="CA104" s="459"/>
      <c r="CB104" s="459"/>
      <c r="CC104" s="459"/>
      <c r="CD104" s="459"/>
      <c r="CE104" s="459"/>
      <c r="CF104" s="459"/>
      <c r="CG104" s="459"/>
      <c r="CH104" s="460"/>
      <c r="CI104" s="717"/>
      <c r="CJ104" s="718"/>
      <c r="CK104" s="718"/>
      <c r="CL104" s="718"/>
      <c r="CM104" s="718"/>
      <c r="CN104" s="718"/>
      <c r="CO104" s="718"/>
      <c r="CP104" s="718"/>
      <c r="CQ104" s="718"/>
      <c r="CR104" s="718"/>
      <c r="CS104" s="718"/>
      <c r="CT104" s="719"/>
      <c r="CU104" s="57"/>
      <c r="CV104" s="43"/>
      <c r="CW104" s="763"/>
      <c r="CX104" s="764"/>
      <c r="CY104" s="765"/>
      <c r="CZ104" s="464" t="s">
        <v>72</v>
      </c>
      <c r="DA104" s="465"/>
      <c r="DB104" s="465"/>
      <c r="DC104" s="465"/>
      <c r="DD104" s="465"/>
      <c r="DE104" s="465"/>
      <c r="DF104" s="465"/>
      <c r="DG104" s="465"/>
      <c r="DH104" s="465"/>
      <c r="DI104" s="465"/>
      <c r="DJ104" s="466"/>
      <c r="DK104" s="465" t="s">
        <v>71</v>
      </c>
      <c r="DL104" s="465"/>
      <c r="DM104" s="466"/>
      <c r="DN104" s="502"/>
      <c r="DO104" s="503"/>
      <c r="DP104" s="503"/>
      <c r="DQ104" s="503"/>
      <c r="DR104" s="503"/>
      <c r="DS104" s="503"/>
      <c r="DT104" s="503"/>
      <c r="DU104" s="503"/>
      <c r="DV104" s="503"/>
      <c r="DW104" s="503"/>
      <c r="DX104" s="503"/>
      <c r="DY104" s="503"/>
      <c r="DZ104" s="503"/>
      <c r="EA104" s="504"/>
      <c r="EB104" s="165"/>
    </row>
    <row r="105" spans="50:132" ht="5.25" customHeight="1">
      <c r="AX105" s="872"/>
      <c r="AY105" s="872"/>
      <c r="AZ105" s="872"/>
      <c r="BC105" s="566" t="s">
        <v>70</v>
      </c>
      <c r="BD105" s="489"/>
      <c r="BE105" s="489"/>
      <c r="BF105" s="489"/>
      <c r="BG105" s="489"/>
      <c r="BH105" s="489"/>
      <c r="BI105" s="489"/>
      <c r="BJ105" s="490"/>
      <c r="BK105" s="56"/>
      <c r="BL105" s="55"/>
      <c r="BM105" s="55"/>
      <c r="BN105" s="55"/>
      <c r="BO105" s="55"/>
      <c r="BP105" s="55"/>
      <c r="BQ105" s="55"/>
      <c r="BR105" s="55"/>
      <c r="BS105" s="55"/>
      <c r="BT105" s="55"/>
      <c r="BU105" s="55"/>
      <c r="BV105" s="55"/>
      <c r="BW105" s="55"/>
      <c r="BX105" s="55"/>
      <c r="BY105" s="54"/>
      <c r="BZ105" s="458" t="s">
        <v>69</v>
      </c>
      <c r="CA105" s="459"/>
      <c r="CB105" s="459"/>
      <c r="CC105" s="459"/>
      <c r="CD105" s="459"/>
      <c r="CE105" s="459"/>
      <c r="CF105" s="459"/>
      <c r="CG105" s="459"/>
      <c r="CH105" s="460"/>
      <c r="CI105" s="717"/>
      <c r="CJ105" s="718"/>
      <c r="CK105" s="718"/>
      <c r="CL105" s="718"/>
      <c r="CM105" s="718"/>
      <c r="CN105" s="718"/>
      <c r="CO105" s="718"/>
      <c r="CP105" s="718"/>
      <c r="CQ105" s="718"/>
      <c r="CR105" s="718"/>
      <c r="CS105" s="718"/>
      <c r="CT105" s="719"/>
      <c r="CU105" s="43"/>
      <c r="CV105" s="2"/>
      <c r="CW105" s="763"/>
      <c r="CX105" s="764"/>
      <c r="CY105" s="765"/>
      <c r="CZ105" s="467"/>
      <c r="DA105" s="468"/>
      <c r="DB105" s="468"/>
      <c r="DC105" s="468"/>
      <c r="DD105" s="468"/>
      <c r="DE105" s="468"/>
      <c r="DF105" s="468"/>
      <c r="DG105" s="468"/>
      <c r="DH105" s="468"/>
      <c r="DI105" s="468"/>
      <c r="DJ105" s="469"/>
      <c r="DK105" s="468"/>
      <c r="DL105" s="468"/>
      <c r="DM105" s="469"/>
      <c r="DN105" s="505"/>
      <c r="DO105" s="506"/>
      <c r="DP105" s="506"/>
      <c r="DQ105" s="506"/>
      <c r="DR105" s="506"/>
      <c r="DS105" s="506"/>
      <c r="DT105" s="506"/>
      <c r="DU105" s="506"/>
      <c r="DV105" s="506"/>
      <c r="DW105" s="506"/>
      <c r="DX105" s="506"/>
      <c r="DY105" s="506"/>
      <c r="DZ105" s="506"/>
      <c r="EA105" s="507"/>
      <c r="EB105" s="165"/>
    </row>
    <row r="106" spans="50:132" ht="5.25" customHeight="1">
      <c r="AX106" s="872"/>
      <c r="AY106" s="872"/>
      <c r="AZ106" s="872"/>
      <c r="BC106" s="644"/>
      <c r="BD106" s="492"/>
      <c r="BE106" s="492"/>
      <c r="BF106" s="492"/>
      <c r="BG106" s="492"/>
      <c r="BH106" s="492"/>
      <c r="BI106" s="492"/>
      <c r="BJ106" s="493"/>
      <c r="BK106" s="53"/>
      <c r="BL106" s="52"/>
      <c r="BM106" s="52"/>
      <c r="BN106" s="52"/>
      <c r="BO106" s="52"/>
      <c r="BP106" s="52"/>
      <c r="BQ106" s="52"/>
      <c r="BR106" s="52"/>
      <c r="BS106" s="52"/>
      <c r="BT106" s="52"/>
      <c r="BU106" s="52"/>
      <c r="BV106" s="52"/>
      <c r="BW106" s="52"/>
      <c r="BX106" s="52"/>
      <c r="BY106" s="51"/>
      <c r="BZ106" s="461"/>
      <c r="CA106" s="462"/>
      <c r="CB106" s="462"/>
      <c r="CC106" s="462"/>
      <c r="CD106" s="462"/>
      <c r="CE106" s="462"/>
      <c r="CF106" s="462"/>
      <c r="CG106" s="462"/>
      <c r="CH106" s="463"/>
      <c r="CI106" s="720"/>
      <c r="CJ106" s="721"/>
      <c r="CK106" s="721"/>
      <c r="CL106" s="721"/>
      <c r="CM106" s="721"/>
      <c r="CN106" s="721"/>
      <c r="CO106" s="721"/>
      <c r="CP106" s="721"/>
      <c r="CQ106" s="721"/>
      <c r="CR106" s="721"/>
      <c r="CS106" s="721"/>
      <c r="CT106" s="722"/>
      <c r="CU106" s="2"/>
      <c r="CV106" s="2"/>
      <c r="CW106" s="763"/>
      <c r="CX106" s="764"/>
      <c r="CY106" s="765"/>
      <c r="CZ106" s="467"/>
      <c r="DA106" s="468"/>
      <c r="DB106" s="468"/>
      <c r="DC106" s="468"/>
      <c r="DD106" s="468"/>
      <c r="DE106" s="468"/>
      <c r="DF106" s="468"/>
      <c r="DG106" s="468"/>
      <c r="DH106" s="468"/>
      <c r="DI106" s="468"/>
      <c r="DJ106" s="469"/>
      <c r="DK106" s="468"/>
      <c r="DL106" s="468"/>
      <c r="DM106" s="469"/>
      <c r="DN106" s="505"/>
      <c r="DO106" s="506"/>
      <c r="DP106" s="506"/>
      <c r="DQ106" s="506"/>
      <c r="DR106" s="506"/>
      <c r="DS106" s="506"/>
      <c r="DT106" s="506"/>
      <c r="DU106" s="506"/>
      <c r="DV106" s="506"/>
      <c r="DW106" s="506"/>
      <c r="DX106" s="506"/>
      <c r="DY106" s="506"/>
      <c r="DZ106" s="506"/>
      <c r="EA106" s="507"/>
      <c r="EB106" s="165"/>
    </row>
    <row r="107" spans="50:132" ht="5.25" customHeight="1">
      <c r="AX107" s="872"/>
      <c r="AY107" s="872"/>
      <c r="AZ107" s="872"/>
      <c r="BC107" s="645">
        <v>21</v>
      </c>
      <c r="BD107" s="471"/>
      <c r="BE107" s="471"/>
      <c r="BF107" s="471"/>
      <c r="BG107" s="512"/>
      <c r="BH107" s="539" t="s">
        <v>68</v>
      </c>
      <c r="BI107" s="540"/>
      <c r="BJ107" s="540"/>
      <c r="BK107" s="540"/>
      <c r="BL107" s="540"/>
      <c r="BM107" s="540"/>
      <c r="BN107" s="540"/>
      <c r="BO107" s="540"/>
      <c r="BP107" s="540"/>
      <c r="BQ107" s="540"/>
      <c r="BR107" s="540"/>
      <c r="BS107" s="540"/>
      <c r="BT107" s="540"/>
      <c r="BU107" s="541"/>
      <c r="BV107" s="470" t="s">
        <v>67</v>
      </c>
      <c r="BW107" s="471"/>
      <c r="BX107" s="471"/>
      <c r="BY107" s="471"/>
      <c r="BZ107" s="471"/>
      <c r="CA107" s="471"/>
      <c r="CB107" s="471"/>
      <c r="CC107" s="471"/>
      <c r="CD107" s="471"/>
      <c r="CE107" s="512"/>
      <c r="CF107" s="647" t="s">
        <v>66</v>
      </c>
      <c r="CG107" s="648"/>
      <c r="CH107" s="648"/>
      <c r="CI107" s="648"/>
      <c r="CJ107" s="648"/>
      <c r="CK107" s="649"/>
      <c r="CL107" s="647" t="s">
        <v>65</v>
      </c>
      <c r="CM107" s="648"/>
      <c r="CN107" s="648"/>
      <c r="CO107" s="649"/>
      <c r="CP107" s="470" t="s">
        <v>64</v>
      </c>
      <c r="CQ107" s="471"/>
      <c r="CR107" s="471"/>
      <c r="CS107" s="471"/>
      <c r="CT107" s="472"/>
      <c r="CU107" s="2"/>
      <c r="CV107" s="2"/>
      <c r="CW107" s="763"/>
      <c r="CX107" s="764"/>
      <c r="CY107" s="765"/>
      <c r="CZ107" s="501"/>
      <c r="DA107" s="486"/>
      <c r="DB107" s="486"/>
      <c r="DC107" s="486"/>
      <c r="DD107" s="486"/>
      <c r="DE107" s="486"/>
      <c r="DF107" s="486"/>
      <c r="DG107" s="486"/>
      <c r="DH107" s="486"/>
      <c r="DI107" s="486"/>
      <c r="DJ107" s="487"/>
      <c r="DK107" s="486"/>
      <c r="DL107" s="486"/>
      <c r="DM107" s="487"/>
      <c r="DN107" s="508"/>
      <c r="DO107" s="509"/>
      <c r="DP107" s="509"/>
      <c r="DQ107" s="509"/>
      <c r="DR107" s="509"/>
      <c r="DS107" s="509"/>
      <c r="DT107" s="509"/>
      <c r="DU107" s="509"/>
      <c r="DV107" s="509"/>
      <c r="DW107" s="509"/>
      <c r="DX107" s="509"/>
      <c r="DY107" s="509"/>
      <c r="DZ107" s="509"/>
      <c r="EA107" s="510"/>
      <c r="EB107" s="165"/>
    </row>
    <row r="108" spans="50:132" ht="5.25" customHeight="1">
      <c r="AX108" s="872"/>
      <c r="AY108" s="872"/>
      <c r="AZ108" s="872"/>
      <c r="BC108" s="646"/>
      <c r="BD108" s="459"/>
      <c r="BE108" s="459"/>
      <c r="BF108" s="459"/>
      <c r="BG108" s="460"/>
      <c r="BH108" s="542"/>
      <c r="BI108" s="520"/>
      <c r="BJ108" s="520"/>
      <c r="BK108" s="520"/>
      <c r="BL108" s="520"/>
      <c r="BM108" s="520"/>
      <c r="BN108" s="520"/>
      <c r="BO108" s="520"/>
      <c r="BP108" s="520"/>
      <c r="BQ108" s="520"/>
      <c r="BR108" s="520"/>
      <c r="BS108" s="520"/>
      <c r="BT108" s="520"/>
      <c r="BU108" s="543"/>
      <c r="BV108" s="458"/>
      <c r="BW108" s="459"/>
      <c r="BX108" s="459"/>
      <c r="BY108" s="459"/>
      <c r="BZ108" s="459"/>
      <c r="CA108" s="459"/>
      <c r="CB108" s="459"/>
      <c r="CC108" s="459"/>
      <c r="CD108" s="459"/>
      <c r="CE108" s="460"/>
      <c r="CF108" s="488"/>
      <c r="CG108" s="489"/>
      <c r="CH108" s="489"/>
      <c r="CI108" s="489"/>
      <c r="CJ108" s="489"/>
      <c r="CK108" s="490"/>
      <c r="CL108" s="488"/>
      <c r="CM108" s="489"/>
      <c r="CN108" s="489"/>
      <c r="CO108" s="490"/>
      <c r="CP108" s="458"/>
      <c r="CQ108" s="459"/>
      <c r="CR108" s="459"/>
      <c r="CS108" s="459"/>
      <c r="CT108" s="473"/>
      <c r="CU108" s="2"/>
      <c r="CV108" s="2"/>
      <c r="CW108" s="763"/>
      <c r="CX108" s="764"/>
      <c r="CY108" s="765"/>
      <c r="CZ108" s="475" t="s">
        <v>63</v>
      </c>
      <c r="DA108" s="476"/>
      <c r="DB108" s="476"/>
      <c r="DC108" s="476"/>
      <c r="DD108" s="476"/>
      <c r="DE108" s="476"/>
      <c r="DF108" s="476"/>
      <c r="DG108" s="476"/>
      <c r="DH108" s="476"/>
      <c r="DI108" s="476"/>
      <c r="DJ108" s="477"/>
      <c r="DK108" s="464" t="s">
        <v>62</v>
      </c>
      <c r="DL108" s="465"/>
      <c r="DM108" s="466"/>
      <c r="DN108" s="502"/>
      <c r="DO108" s="503"/>
      <c r="DP108" s="503"/>
      <c r="DQ108" s="503"/>
      <c r="DR108" s="503"/>
      <c r="DS108" s="503"/>
      <c r="DT108" s="503"/>
      <c r="DU108" s="503"/>
      <c r="DV108" s="503"/>
      <c r="DW108" s="503"/>
      <c r="DX108" s="503"/>
      <c r="DY108" s="503"/>
      <c r="DZ108" s="503"/>
      <c r="EA108" s="504"/>
      <c r="EB108" s="165"/>
    </row>
    <row r="109" spans="50:132" ht="5.25" customHeight="1">
      <c r="AX109" s="872"/>
      <c r="AY109" s="872"/>
      <c r="AZ109" s="872"/>
      <c r="BC109" s="646"/>
      <c r="BD109" s="459"/>
      <c r="BE109" s="459"/>
      <c r="BF109" s="459"/>
      <c r="BG109" s="460"/>
      <c r="BH109" s="542"/>
      <c r="BI109" s="520"/>
      <c r="BJ109" s="520"/>
      <c r="BK109" s="520"/>
      <c r="BL109" s="520"/>
      <c r="BM109" s="520"/>
      <c r="BN109" s="520"/>
      <c r="BO109" s="520"/>
      <c r="BP109" s="520"/>
      <c r="BQ109" s="520"/>
      <c r="BR109" s="520"/>
      <c r="BS109" s="520"/>
      <c r="BT109" s="520"/>
      <c r="BU109" s="543"/>
      <c r="BV109" s="458"/>
      <c r="BW109" s="459"/>
      <c r="BX109" s="459"/>
      <c r="BY109" s="459"/>
      <c r="BZ109" s="459"/>
      <c r="CA109" s="459"/>
      <c r="CB109" s="459"/>
      <c r="CC109" s="459"/>
      <c r="CD109" s="459"/>
      <c r="CE109" s="460"/>
      <c r="CF109" s="488"/>
      <c r="CG109" s="489"/>
      <c r="CH109" s="489"/>
      <c r="CI109" s="489"/>
      <c r="CJ109" s="489"/>
      <c r="CK109" s="490"/>
      <c r="CL109" s="488"/>
      <c r="CM109" s="489"/>
      <c r="CN109" s="489"/>
      <c r="CO109" s="490"/>
      <c r="CP109" s="458"/>
      <c r="CQ109" s="459"/>
      <c r="CR109" s="459"/>
      <c r="CS109" s="459"/>
      <c r="CT109" s="473"/>
      <c r="CU109" s="2"/>
      <c r="CV109" s="2"/>
      <c r="CW109" s="763"/>
      <c r="CX109" s="764"/>
      <c r="CY109" s="765"/>
      <c r="CZ109" s="478"/>
      <c r="DA109" s="479"/>
      <c r="DB109" s="479"/>
      <c r="DC109" s="479"/>
      <c r="DD109" s="479"/>
      <c r="DE109" s="479"/>
      <c r="DF109" s="479"/>
      <c r="DG109" s="479"/>
      <c r="DH109" s="479"/>
      <c r="DI109" s="479"/>
      <c r="DJ109" s="480"/>
      <c r="DK109" s="467"/>
      <c r="DL109" s="468"/>
      <c r="DM109" s="469"/>
      <c r="DN109" s="505"/>
      <c r="DO109" s="506"/>
      <c r="DP109" s="506"/>
      <c r="DQ109" s="506"/>
      <c r="DR109" s="506"/>
      <c r="DS109" s="506"/>
      <c r="DT109" s="506"/>
      <c r="DU109" s="506"/>
      <c r="DV109" s="506"/>
      <c r="DW109" s="506"/>
      <c r="DX109" s="506"/>
      <c r="DY109" s="506"/>
      <c r="DZ109" s="506"/>
      <c r="EA109" s="507"/>
      <c r="EB109" s="165"/>
    </row>
    <row r="110" spans="50:132" ht="5.25" customHeight="1">
      <c r="AX110" s="872"/>
      <c r="AY110" s="872"/>
      <c r="AZ110" s="872"/>
      <c r="BC110" s="646"/>
      <c r="BD110" s="459"/>
      <c r="BE110" s="459"/>
      <c r="BF110" s="459"/>
      <c r="BG110" s="460"/>
      <c r="BH110" s="542"/>
      <c r="BI110" s="520"/>
      <c r="BJ110" s="520"/>
      <c r="BK110" s="520"/>
      <c r="BL110" s="520"/>
      <c r="BM110" s="520"/>
      <c r="BN110" s="520"/>
      <c r="BO110" s="520"/>
      <c r="BP110" s="520"/>
      <c r="BQ110" s="520"/>
      <c r="BR110" s="520"/>
      <c r="BS110" s="520"/>
      <c r="BT110" s="520"/>
      <c r="BU110" s="543"/>
      <c r="BV110" s="458"/>
      <c r="BW110" s="459"/>
      <c r="BX110" s="459"/>
      <c r="BY110" s="459"/>
      <c r="BZ110" s="459"/>
      <c r="CA110" s="459"/>
      <c r="CB110" s="459"/>
      <c r="CC110" s="459"/>
      <c r="CD110" s="459"/>
      <c r="CE110" s="460"/>
      <c r="CF110" s="488" t="s">
        <v>61</v>
      </c>
      <c r="CG110" s="489"/>
      <c r="CH110" s="489"/>
      <c r="CI110" s="489"/>
      <c r="CJ110" s="489"/>
      <c r="CK110" s="490"/>
      <c r="CL110" s="488"/>
      <c r="CM110" s="489"/>
      <c r="CN110" s="489"/>
      <c r="CO110" s="490"/>
      <c r="CP110" s="458"/>
      <c r="CQ110" s="459"/>
      <c r="CR110" s="459"/>
      <c r="CS110" s="459"/>
      <c r="CT110" s="473"/>
      <c r="CU110" s="2"/>
      <c r="CV110" s="2"/>
      <c r="CW110" s="763"/>
      <c r="CX110" s="764"/>
      <c r="CY110" s="765"/>
      <c r="CZ110" s="478"/>
      <c r="DA110" s="479"/>
      <c r="DB110" s="479"/>
      <c r="DC110" s="479"/>
      <c r="DD110" s="479"/>
      <c r="DE110" s="479"/>
      <c r="DF110" s="479"/>
      <c r="DG110" s="479"/>
      <c r="DH110" s="479"/>
      <c r="DI110" s="479"/>
      <c r="DJ110" s="480"/>
      <c r="DK110" s="467"/>
      <c r="DL110" s="468"/>
      <c r="DM110" s="469"/>
      <c r="DN110" s="505"/>
      <c r="DO110" s="506"/>
      <c r="DP110" s="506"/>
      <c r="DQ110" s="506"/>
      <c r="DR110" s="506"/>
      <c r="DS110" s="506"/>
      <c r="DT110" s="506"/>
      <c r="DU110" s="506"/>
      <c r="DV110" s="506"/>
      <c r="DW110" s="506"/>
      <c r="DX110" s="506"/>
      <c r="DY110" s="506"/>
      <c r="DZ110" s="506"/>
      <c r="EA110" s="507"/>
      <c r="EB110" s="165"/>
    </row>
    <row r="111" spans="50:132" ht="5.25" customHeight="1">
      <c r="AX111" s="872"/>
      <c r="AY111" s="872"/>
      <c r="AZ111" s="872"/>
      <c r="BC111" s="646"/>
      <c r="BD111" s="459"/>
      <c r="BE111" s="459"/>
      <c r="BF111" s="459"/>
      <c r="BG111" s="460"/>
      <c r="BH111" s="542"/>
      <c r="BI111" s="520"/>
      <c r="BJ111" s="520"/>
      <c r="BK111" s="520"/>
      <c r="BL111" s="520"/>
      <c r="BM111" s="520"/>
      <c r="BN111" s="520"/>
      <c r="BO111" s="520"/>
      <c r="BP111" s="520"/>
      <c r="BQ111" s="520"/>
      <c r="BR111" s="520"/>
      <c r="BS111" s="520"/>
      <c r="BT111" s="520"/>
      <c r="BU111" s="543"/>
      <c r="BV111" s="458"/>
      <c r="BW111" s="459"/>
      <c r="BX111" s="459"/>
      <c r="BY111" s="459"/>
      <c r="BZ111" s="459"/>
      <c r="CA111" s="459"/>
      <c r="CB111" s="459"/>
      <c r="CC111" s="459"/>
      <c r="CD111" s="459"/>
      <c r="CE111" s="460"/>
      <c r="CF111" s="488"/>
      <c r="CG111" s="489"/>
      <c r="CH111" s="489"/>
      <c r="CI111" s="489"/>
      <c r="CJ111" s="489"/>
      <c r="CK111" s="490"/>
      <c r="CL111" s="488"/>
      <c r="CM111" s="489"/>
      <c r="CN111" s="489"/>
      <c r="CO111" s="490"/>
      <c r="CP111" s="458"/>
      <c r="CQ111" s="459"/>
      <c r="CR111" s="459"/>
      <c r="CS111" s="459"/>
      <c r="CT111" s="473"/>
      <c r="CU111" s="2"/>
      <c r="CV111" s="2"/>
      <c r="CW111" s="766"/>
      <c r="CX111" s="767"/>
      <c r="CY111" s="768"/>
      <c r="CZ111" s="481"/>
      <c r="DA111" s="482"/>
      <c r="DB111" s="482"/>
      <c r="DC111" s="482"/>
      <c r="DD111" s="482"/>
      <c r="DE111" s="482"/>
      <c r="DF111" s="482"/>
      <c r="DG111" s="482"/>
      <c r="DH111" s="482"/>
      <c r="DI111" s="482"/>
      <c r="DJ111" s="483"/>
      <c r="DK111" s="467"/>
      <c r="DL111" s="468"/>
      <c r="DM111" s="469"/>
      <c r="DN111" s="505"/>
      <c r="DO111" s="506"/>
      <c r="DP111" s="506"/>
      <c r="DQ111" s="506"/>
      <c r="DR111" s="506"/>
      <c r="DS111" s="506"/>
      <c r="DT111" s="506"/>
      <c r="DU111" s="506"/>
      <c r="DV111" s="506"/>
      <c r="DW111" s="506"/>
      <c r="DX111" s="506"/>
      <c r="DY111" s="506"/>
      <c r="DZ111" s="506"/>
      <c r="EA111" s="507"/>
      <c r="EB111" s="165"/>
    </row>
    <row r="112" spans="50:132" ht="5.25" customHeight="1">
      <c r="AX112" s="872"/>
      <c r="AY112" s="872"/>
      <c r="AZ112" s="872"/>
      <c r="BC112" s="646"/>
      <c r="BD112" s="459"/>
      <c r="BE112" s="459"/>
      <c r="BF112" s="459"/>
      <c r="BG112" s="460"/>
      <c r="BH112" s="544"/>
      <c r="BI112" s="545"/>
      <c r="BJ112" s="545"/>
      <c r="BK112" s="545"/>
      <c r="BL112" s="545"/>
      <c r="BM112" s="545"/>
      <c r="BN112" s="545"/>
      <c r="BO112" s="545"/>
      <c r="BP112" s="545"/>
      <c r="BQ112" s="545"/>
      <c r="BR112" s="545"/>
      <c r="BS112" s="545"/>
      <c r="BT112" s="545"/>
      <c r="BU112" s="546"/>
      <c r="BV112" s="461"/>
      <c r="BW112" s="462"/>
      <c r="BX112" s="462"/>
      <c r="BY112" s="462"/>
      <c r="BZ112" s="462"/>
      <c r="CA112" s="462"/>
      <c r="CB112" s="462"/>
      <c r="CC112" s="462"/>
      <c r="CD112" s="462"/>
      <c r="CE112" s="463"/>
      <c r="CF112" s="491"/>
      <c r="CG112" s="492"/>
      <c r="CH112" s="492"/>
      <c r="CI112" s="492"/>
      <c r="CJ112" s="492"/>
      <c r="CK112" s="493"/>
      <c r="CL112" s="491"/>
      <c r="CM112" s="492"/>
      <c r="CN112" s="492"/>
      <c r="CO112" s="493"/>
      <c r="CP112" s="461"/>
      <c r="CQ112" s="462"/>
      <c r="CR112" s="462"/>
      <c r="CS112" s="462"/>
      <c r="CT112" s="474"/>
      <c r="CU112" s="2"/>
      <c r="CV112" s="2"/>
      <c r="CW112" s="588" t="s">
        <v>60</v>
      </c>
      <c r="CX112" s="589"/>
      <c r="CY112" s="590"/>
      <c r="CZ112" s="494" t="s">
        <v>59</v>
      </c>
      <c r="DA112" s="494"/>
      <c r="DB112" s="494"/>
      <c r="DC112" s="494"/>
      <c r="DD112" s="494"/>
      <c r="DE112" s="494"/>
      <c r="DF112" s="494"/>
      <c r="DG112" s="494"/>
      <c r="DH112" s="494"/>
      <c r="DI112" s="494"/>
      <c r="DJ112" s="495"/>
      <c r="DK112" s="498" t="s">
        <v>58</v>
      </c>
      <c r="DL112" s="499"/>
      <c r="DM112" s="500"/>
      <c r="DN112" s="632"/>
      <c r="DO112" s="633"/>
      <c r="DP112" s="633"/>
      <c r="DQ112" s="633"/>
      <c r="DR112" s="633"/>
      <c r="DS112" s="633"/>
      <c r="DT112" s="633"/>
      <c r="DU112" s="633"/>
      <c r="DV112" s="633"/>
      <c r="DW112" s="633"/>
      <c r="DX112" s="633"/>
      <c r="DY112" s="633"/>
      <c r="DZ112" s="633"/>
      <c r="EA112" s="634"/>
      <c r="EB112" s="165"/>
    </row>
    <row r="113" spans="50:132" ht="5.25" customHeight="1">
      <c r="AX113" s="872"/>
      <c r="AY113" s="872"/>
      <c r="AZ113" s="872"/>
      <c r="BC113" s="597" t="s">
        <v>57</v>
      </c>
      <c r="BD113" s="468"/>
      <c r="BE113" s="468"/>
      <c r="BF113" s="468"/>
      <c r="BG113" s="469"/>
      <c r="BH113" s="176"/>
      <c r="BI113" s="177"/>
      <c r="BJ113" s="177"/>
      <c r="BK113" s="177"/>
      <c r="BL113" s="177"/>
      <c r="BM113" s="177"/>
      <c r="BN113" s="177"/>
      <c r="BO113" s="177"/>
      <c r="BP113" s="177"/>
      <c r="BQ113" s="177"/>
      <c r="BR113" s="177"/>
      <c r="BS113" s="177"/>
      <c r="BT113" s="177"/>
      <c r="BU113" s="177"/>
      <c r="BV113" s="46"/>
      <c r="BW113" s="45"/>
      <c r="BX113" s="45"/>
      <c r="BY113" s="45"/>
      <c r="BZ113" s="45"/>
      <c r="CA113" s="45"/>
      <c r="CB113" s="45"/>
      <c r="CC113" s="45"/>
      <c r="CD113" s="45"/>
      <c r="CE113" s="44"/>
      <c r="CF113" s="470" t="s">
        <v>43</v>
      </c>
      <c r="CG113" s="471"/>
      <c r="CH113" s="471"/>
      <c r="CI113" s="471"/>
      <c r="CJ113" s="471"/>
      <c r="CK113" s="512"/>
      <c r="CL113" s="505"/>
      <c r="CM113" s="506"/>
      <c r="CN113" s="506"/>
      <c r="CO113" s="514"/>
      <c r="CP113" s="623" t="s">
        <v>56</v>
      </c>
      <c r="CQ113" s="624"/>
      <c r="CR113" s="624"/>
      <c r="CS113" s="624"/>
      <c r="CT113" s="625"/>
      <c r="CU113" s="2"/>
      <c r="CV113" s="2"/>
      <c r="CW113" s="591"/>
      <c r="CX113" s="592"/>
      <c r="CY113" s="593"/>
      <c r="CZ113" s="496"/>
      <c r="DA113" s="496"/>
      <c r="DB113" s="496"/>
      <c r="DC113" s="496"/>
      <c r="DD113" s="496"/>
      <c r="DE113" s="496"/>
      <c r="DF113" s="496"/>
      <c r="DG113" s="496"/>
      <c r="DH113" s="496"/>
      <c r="DI113" s="496"/>
      <c r="DJ113" s="497"/>
      <c r="DK113" s="467"/>
      <c r="DL113" s="468"/>
      <c r="DM113" s="469"/>
      <c r="DN113" s="505"/>
      <c r="DO113" s="506"/>
      <c r="DP113" s="506"/>
      <c r="DQ113" s="506"/>
      <c r="DR113" s="506"/>
      <c r="DS113" s="506"/>
      <c r="DT113" s="506"/>
      <c r="DU113" s="506"/>
      <c r="DV113" s="506"/>
      <c r="DW113" s="506"/>
      <c r="DX113" s="506"/>
      <c r="DY113" s="506"/>
      <c r="DZ113" s="506"/>
      <c r="EA113" s="507"/>
      <c r="EB113" s="165"/>
    </row>
    <row r="114" spans="50:132" ht="5.25" customHeight="1">
      <c r="AX114" s="872"/>
      <c r="AY114" s="872"/>
      <c r="AZ114" s="872"/>
      <c r="BC114" s="597"/>
      <c r="BD114" s="468"/>
      <c r="BE114" s="468"/>
      <c r="BF114" s="468"/>
      <c r="BG114" s="469"/>
      <c r="BH114" s="178"/>
      <c r="BI114" s="179"/>
      <c r="BJ114" s="179"/>
      <c r="BK114" s="179"/>
      <c r="BL114" s="179"/>
      <c r="BM114" s="179"/>
      <c r="BN114" s="179"/>
      <c r="BO114" s="179"/>
      <c r="BP114" s="179"/>
      <c r="BQ114" s="179"/>
      <c r="BR114" s="179"/>
      <c r="BS114" s="179"/>
      <c r="BT114" s="179"/>
      <c r="BU114" s="179"/>
      <c r="BV114" s="456" t="s">
        <v>42</v>
      </c>
      <c r="BW114" s="457"/>
      <c r="BX114" s="457"/>
      <c r="BY114" s="43"/>
      <c r="BZ114" s="43"/>
      <c r="CA114" s="43"/>
      <c r="CB114" s="43"/>
      <c r="CC114" s="43"/>
      <c r="CD114" s="2"/>
      <c r="CE114" s="42"/>
      <c r="CF114" s="458"/>
      <c r="CG114" s="459"/>
      <c r="CH114" s="459"/>
      <c r="CI114" s="459"/>
      <c r="CJ114" s="459"/>
      <c r="CK114" s="460"/>
      <c r="CL114" s="505"/>
      <c r="CM114" s="506"/>
      <c r="CN114" s="506"/>
      <c r="CO114" s="514"/>
      <c r="CP114" s="626"/>
      <c r="CQ114" s="627"/>
      <c r="CR114" s="627"/>
      <c r="CS114" s="627"/>
      <c r="CT114" s="628"/>
      <c r="CU114" s="2"/>
      <c r="CV114" s="2"/>
      <c r="CW114" s="591"/>
      <c r="CX114" s="592"/>
      <c r="CY114" s="593"/>
      <c r="CZ114" s="496"/>
      <c r="DA114" s="496"/>
      <c r="DB114" s="496"/>
      <c r="DC114" s="496"/>
      <c r="DD114" s="496"/>
      <c r="DE114" s="496"/>
      <c r="DF114" s="496"/>
      <c r="DG114" s="496"/>
      <c r="DH114" s="496"/>
      <c r="DI114" s="496"/>
      <c r="DJ114" s="497"/>
      <c r="DK114" s="467"/>
      <c r="DL114" s="468"/>
      <c r="DM114" s="469"/>
      <c r="DN114" s="505"/>
      <c r="DO114" s="506"/>
      <c r="DP114" s="506"/>
      <c r="DQ114" s="506"/>
      <c r="DR114" s="506"/>
      <c r="DS114" s="506"/>
      <c r="DT114" s="506"/>
      <c r="DU114" s="506"/>
      <c r="DV114" s="506"/>
      <c r="DW114" s="506"/>
      <c r="DX114" s="506"/>
      <c r="DY114" s="506"/>
      <c r="DZ114" s="506"/>
      <c r="EA114" s="507"/>
      <c r="EB114" s="165"/>
    </row>
    <row r="115" spans="50:132" ht="5.25" customHeight="1">
      <c r="AX115" s="872"/>
      <c r="AY115" s="872"/>
      <c r="AZ115" s="872"/>
      <c r="BC115" s="597"/>
      <c r="BD115" s="468"/>
      <c r="BE115" s="468"/>
      <c r="BF115" s="468"/>
      <c r="BG115" s="469"/>
      <c r="BH115" s="178"/>
      <c r="BI115" s="179"/>
      <c r="BJ115" s="179"/>
      <c r="BK115" s="179"/>
      <c r="BL115" s="179"/>
      <c r="BM115" s="179"/>
      <c r="BN115" s="179"/>
      <c r="BO115" s="179"/>
      <c r="BP115" s="179"/>
      <c r="BQ115" s="179"/>
      <c r="BR115" s="179"/>
      <c r="BS115" s="179"/>
      <c r="BT115" s="179"/>
      <c r="BU115" s="179"/>
      <c r="BV115" s="456"/>
      <c r="BW115" s="457"/>
      <c r="BX115" s="457"/>
      <c r="BY115" s="454" t="s">
        <v>39</v>
      </c>
      <c r="BZ115" s="454"/>
      <c r="CA115" s="454"/>
      <c r="CB115" s="454"/>
      <c r="CC115" s="454"/>
      <c r="CD115" s="454"/>
      <c r="CE115" s="455"/>
      <c r="CF115" s="458"/>
      <c r="CG115" s="459"/>
      <c r="CH115" s="459"/>
      <c r="CI115" s="459"/>
      <c r="CJ115" s="459"/>
      <c r="CK115" s="460"/>
      <c r="CL115" s="505"/>
      <c r="CM115" s="506"/>
      <c r="CN115" s="506"/>
      <c r="CO115" s="514"/>
      <c r="CP115" s="626"/>
      <c r="CQ115" s="627"/>
      <c r="CR115" s="627"/>
      <c r="CS115" s="627"/>
      <c r="CT115" s="628"/>
      <c r="CU115" s="2"/>
      <c r="CV115" s="2"/>
      <c r="CW115" s="591"/>
      <c r="CX115" s="592"/>
      <c r="CY115" s="593"/>
      <c r="CZ115" s="496"/>
      <c r="DA115" s="496"/>
      <c r="DB115" s="496"/>
      <c r="DC115" s="496"/>
      <c r="DD115" s="496"/>
      <c r="DE115" s="496"/>
      <c r="DF115" s="496"/>
      <c r="DG115" s="496"/>
      <c r="DH115" s="496"/>
      <c r="DI115" s="496"/>
      <c r="DJ115" s="497"/>
      <c r="DK115" s="501"/>
      <c r="DL115" s="486"/>
      <c r="DM115" s="487"/>
      <c r="DN115" s="508"/>
      <c r="DO115" s="509"/>
      <c r="DP115" s="509"/>
      <c r="DQ115" s="509"/>
      <c r="DR115" s="509"/>
      <c r="DS115" s="509"/>
      <c r="DT115" s="509"/>
      <c r="DU115" s="509"/>
      <c r="DV115" s="509"/>
      <c r="DW115" s="509"/>
      <c r="DX115" s="509"/>
      <c r="DY115" s="509"/>
      <c r="DZ115" s="509"/>
      <c r="EA115" s="510"/>
      <c r="EB115" s="165"/>
    </row>
    <row r="116" spans="50:132" ht="5.25" customHeight="1">
      <c r="AX116" s="872"/>
      <c r="AY116" s="872"/>
      <c r="AZ116" s="872"/>
      <c r="BC116" s="597"/>
      <c r="BD116" s="468"/>
      <c r="BE116" s="468"/>
      <c r="BF116" s="468"/>
      <c r="BG116" s="469"/>
      <c r="BH116" s="178"/>
      <c r="BI116" s="179"/>
      <c r="BJ116" s="179"/>
      <c r="BK116" s="179"/>
      <c r="BL116" s="179"/>
      <c r="BM116" s="179"/>
      <c r="BN116" s="179"/>
      <c r="BO116" s="179"/>
      <c r="BP116" s="179"/>
      <c r="BQ116" s="179"/>
      <c r="BR116" s="179"/>
      <c r="BS116" s="179"/>
      <c r="BT116" s="179"/>
      <c r="BU116" s="179"/>
      <c r="BV116" s="456" t="s">
        <v>38</v>
      </c>
      <c r="BW116" s="457"/>
      <c r="BX116" s="457"/>
      <c r="BY116" s="454"/>
      <c r="BZ116" s="454"/>
      <c r="CA116" s="454"/>
      <c r="CB116" s="454"/>
      <c r="CC116" s="454"/>
      <c r="CD116" s="454"/>
      <c r="CE116" s="455"/>
      <c r="CF116" s="458" t="s">
        <v>37</v>
      </c>
      <c r="CG116" s="459"/>
      <c r="CH116" s="459"/>
      <c r="CI116" s="459"/>
      <c r="CJ116" s="459"/>
      <c r="CK116" s="460"/>
      <c r="CL116" s="505"/>
      <c r="CM116" s="506"/>
      <c r="CN116" s="506"/>
      <c r="CO116" s="514"/>
      <c r="CP116" s="626"/>
      <c r="CQ116" s="627"/>
      <c r="CR116" s="627"/>
      <c r="CS116" s="627"/>
      <c r="CT116" s="628"/>
      <c r="CU116" s="2"/>
      <c r="CV116" s="2"/>
      <c r="CW116" s="591"/>
      <c r="CX116" s="592"/>
      <c r="CY116" s="593"/>
      <c r="CZ116" s="496" t="s">
        <v>55</v>
      </c>
      <c r="DA116" s="496"/>
      <c r="DB116" s="496"/>
      <c r="DC116" s="496"/>
      <c r="DD116" s="496"/>
      <c r="DE116" s="496"/>
      <c r="DF116" s="496"/>
      <c r="DG116" s="496"/>
      <c r="DH116" s="496"/>
      <c r="DI116" s="496"/>
      <c r="DJ116" s="497"/>
      <c r="DK116" s="464" t="s">
        <v>54</v>
      </c>
      <c r="DL116" s="465"/>
      <c r="DM116" s="466"/>
      <c r="DN116" s="502"/>
      <c r="DO116" s="503"/>
      <c r="DP116" s="503"/>
      <c r="DQ116" s="503"/>
      <c r="DR116" s="503"/>
      <c r="DS116" s="503"/>
      <c r="DT116" s="503"/>
      <c r="DU116" s="503"/>
      <c r="DV116" s="503"/>
      <c r="DW116" s="503"/>
      <c r="DX116" s="503"/>
      <c r="DY116" s="503"/>
      <c r="DZ116" s="503"/>
      <c r="EA116" s="504"/>
      <c r="EB116" s="165"/>
    </row>
    <row r="117" spans="50:132" ht="5.25" customHeight="1">
      <c r="AX117" s="872"/>
      <c r="AY117" s="872"/>
      <c r="AZ117" s="872"/>
      <c r="BC117" s="597"/>
      <c r="BD117" s="468"/>
      <c r="BE117" s="468"/>
      <c r="BF117" s="468"/>
      <c r="BG117" s="469"/>
      <c r="BH117" s="178"/>
      <c r="BI117" s="179"/>
      <c r="BJ117" s="179"/>
      <c r="BK117" s="179"/>
      <c r="BL117" s="179"/>
      <c r="BM117" s="179"/>
      <c r="BN117" s="179"/>
      <c r="BO117" s="179"/>
      <c r="BP117" s="179"/>
      <c r="BQ117" s="179"/>
      <c r="BR117" s="179"/>
      <c r="BS117" s="179"/>
      <c r="BT117" s="179"/>
      <c r="BU117" s="179"/>
      <c r="BV117" s="456"/>
      <c r="BW117" s="457"/>
      <c r="BX117" s="457"/>
      <c r="BY117" s="43"/>
      <c r="BZ117" s="43"/>
      <c r="CA117" s="43"/>
      <c r="CB117" s="43"/>
      <c r="CC117" s="43"/>
      <c r="CD117" s="2"/>
      <c r="CE117" s="42"/>
      <c r="CF117" s="458"/>
      <c r="CG117" s="459"/>
      <c r="CH117" s="459"/>
      <c r="CI117" s="459"/>
      <c r="CJ117" s="459"/>
      <c r="CK117" s="460"/>
      <c r="CL117" s="505"/>
      <c r="CM117" s="506"/>
      <c r="CN117" s="506"/>
      <c r="CO117" s="514"/>
      <c r="CP117" s="626"/>
      <c r="CQ117" s="627"/>
      <c r="CR117" s="627"/>
      <c r="CS117" s="627"/>
      <c r="CT117" s="628"/>
      <c r="CU117" s="2"/>
      <c r="CV117" s="2"/>
      <c r="CW117" s="591"/>
      <c r="CX117" s="592"/>
      <c r="CY117" s="593"/>
      <c r="CZ117" s="496"/>
      <c r="DA117" s="496"/>
      <c r="DB117" s="496"/>
      <c r="DC117" s="496"/>
      <c r="DD117" s="496"/>
      <c r="DE117" s="496"/>
      <c r="DF117" s="496"/>
      <c r="DG117" s="496"/>
      <c r="DH117" s="496"/>
      <c r="DI117" s="496"/>
      <c r="DJ117" s="497"/>
      <c r="DK117" s="467"/>
      <c r="DL117" s="468"/>
      <c r="DM117" s="469"/>
      <c r="DN117" s="505"/>
      <c r="DO117" s="506"/>
      <c r="DP117" s="506"/>
      <c r="DQ117" s="506"/>
      <c r="DR117" s="506"/>
      <c r="DS117" s="506"/>
      <c r="DT117" s="506"/>
      <c r="DU117" s="506"/>
      <c r="DV117" s="506"/>
      <c r="DW117" s="506"/>
      <c r="DX117" s="506"/>
      <c r="DY117" s="506"/>
      <c r="DZ117" s="506"/>
      <c r="EA117" s="507"/>
      <c r="EB117" s="165"/>
    </row>
    <row r="118" spans="50:132" ht="5.25" customHeight="1">
      <c r="AX118" s="872"/>
      <c r="AY118" s="872"/>
      <c r="AZ118" s="872"/>
      <c r="BC118" s="597"/>
      <c r="BD118" s="468"/>
      <c r="BE118" s="468"/>
      <c r="BF118" s="468"/>
      <c r="BG118" s="469"/>
      <c r="BH118" s="186"/>
      <c r="BI118" s="187"/>
      <c r="BJ118" s="187"/>
      <c r="BK118" s="187"/>
      <c r="BL118" s="187"/>
      <c r="BM118" s="187"/>
      <c r="BN118" s="187"/>
      <c r="BO118" s="187"/>
      <c r="BP118" s="187"/>
      <c r="BQ118" s="187"/>
      <c r="BR118" s="187"/>
      <c r="BS118" s="187"/>
      <c r="BT118" s="187"/>
      <c r="BU118" s="187"/>
      <c r="BV118" s="50"/>
      <c r="BW118" s="49"/>
      <c r="BX118" s="49"/>
      <c r="BY118" s="49"/>
      <c r="BZ118" s="49"/>
      <c r="CA118" s="49"/>
      <c r="CB118" s="49"/>
      <c r="CC118" s="49"/>
      <c r="CD118" s="48"/>
      <c r="CE118" s="47"/>
      <c r="CF118" s="461"/>
      <c r="CG118" s="462"/>
      <c r="CH118" s="462"/>
      <c r="CI118" s="462"/>
      <c r="CJ118" s="462"/>
      <c r="CK118" s="463"/>
      <c r="CL118" s="508"/>
      <c r="CM118" s="509"/>
      <c r="CN118" s="509"/>
      <c r="CO118" s="515"/>
      <c r="CP118" s="629"/>
      <c r="CQ118" s="630"/>
      <c r="CR118" s="630"/>
      <c r="CS118" s="630"/>
      <c r="CT118" s="631"/>
      <c r="CU118" s="2"/>
      <c r="CV118" s="2"/>
      <c r="CW118" s="591"/>
      <c r="CX118" s="592"/>
      <c r="CY118" s="593"/>
      <c r="CZ118" s="496"/>
      <c r="DA118" s="496"/>
      <c r="DB118" s="496"/>
      <c r="DC118" s="496"/>
      <c r="DD118" s="496"/>
      <c r="DE118" s="496"/>
      <c r="DF118" s="496"/>
      <c r="DG118" s="496"/>
      <c r="DH118" s="496"/>
      <c r="DI118" s="496"/>
      <c r="DJ118" s="497"/>
      <c r="DK118" s="467"/>
      <c r="DL118" s="468"/>
      <c r="DM118" s="469"/>
      <c r="DN118" s="505"/>
      <c r="DO118" s="506"/>
      <c r="DP118" s="506"/>
      <c r="DQ118" s="506"/>
      <c r="DR118" s="506"/>
      <c r="DS118" s="506"/>
      <c r="DT118" s="506"/>
      <c r="DU118" s="506"/>
      <c r="DV118" s="506"/>
      <c r="DW118" s="506"/>
      <c r="DX118" s="506"/>
      <c r="DY118" s="506"/>
      <c r="DZ118" s="506"/>
      <c r="EA118" s="507"/>
      <c r="EB118" s="165"/>
    </row>
    <row r="119" spans="50:132" ht="5.25" customHeight="1">
      <c r="AX119" s="872"/>
      <c r="AY119" s="872"/>
      <c r="AZ119" s="872"/>
      <c r="BC119" s="597" t="s">
        <v>53</v>
      </c>
      <c r="BD119" s="468"/>
      <c r="BE119" s="468"/>
      <c r="BF119" s="468"/>
      <c r="BG119" s="469"/>
      <c r="BH119" s="176"/>
      <c r="BI119" s="177"/>
      <c r="BJ119" s="177"/>
      <c r="BK119" s="177"/>
      <c r="BL119" s="177"/>
      <c r="BM119" s="177"/>
      <c r="BN119" s="177"/>
      <c r="BO119" s="177"/>
      <c r="BP119" s="177"/>
      <c r="BQ119" s="177"/>
      <c r="BR119" s="177"/>
      <c r="BS119" s="177"/>
      <c r="BT119" s="177"/>
      <c r="BU119" s="177"/>
      <c r="BV119" s="46"/>
      <c r="BW119" s="45"/>
      <c r="BX119" s="45"/>
      <c r="BY119" s="45"/>
      <c r="BZ119" s="45"/>
      <c r="CA119" s="45"/>
      <c r="CB119" s="45"/>
      <c r="CC119" s="45"/>
      <c r="CD119" s="45"/>
      <c r="CE119" s="44"/>
      <c r="CF119" s="470" t="s">
        <v>43</v>
      </c>
      <c r="CG119" s="471"/>
      <c r="CH119" s="471"/>
      <c r="CI119" s="471"/>
      <c r="CJ119" s="471"/>
      <c r="CK119" s="512"/>
      <c r="CL119" s="502"/>
      <c r="CM119" s="503"/>
      <c r="CN119" s="503"/>
      <c r="CO119" s="513"/>
      <c r="CP119" s="502"/>
      <c r="CQ119" s="503"/>
      <c r="CR119" s="503"/>
      <c r="CS119" s="503"/>
      <c r="CT119" s="504"/>
      <c r="CU119" s="2"/>
      <c r="CV119" s="2"/>
      <c r="CW119" s="591"/>
      <c r="CX119" s="592"/>
      <c r="CY119" s="593"/>
      <c r="CZ119" s="496"/>
      <c r="DA119" s="496"/>
      <c r="DB119" s="496"/>
      <c r="DC119" s="496"/>
      <c r="DD119" s="496"/>
      <c r="DE119" s="496"/>
      <c r="DF119" s="496"/>
      <c r="DG119" s="496"/>
      <c r="DH119" s="496"/>
      <c r="DI119" s="496"/>
      <c r="DJ119" s="497"/>
      <c r="DK119" s="501"/>
      <c r="DL119" s="486"/>
      <c r="DM119" s="487"/>
      <c r="DN119" s="508"/>
      <c r="DO119" s="509"/>
      <c r="DP119" s="509"/>
      <c r="DQ119" s="509"/>
      <c r="DR119" s="509"/>
      <c r="DS119" s="509"/>
      <c r="DT119" s="509"/>
      <c r="DU119" s="509"/>
      <c r="DV119" s="509"/>
      <c r="DW119" s="509"/>
      <c r="DX119" s="509"/>
      <c r="DY119" s="509"/>
      <c r="DZ119" s="509"/>
      <c r="EA119" s="510"/>
      <c r="EB119" s="165"/>
    </row>
    <row r="120" spans="50:132" ht="5.25" customHeight="1">
      <c r="AX120" s="872"/>
      <c r="AY120" s="872"/>
      <c r="AZ120" s="872"/>
      <c r="BC120" s="597"/>
      <c r="BD120" s="468"/>
      <c r="BE120" s="468"/>
      <c r="BF120" s="468"/>
      <c r="BG120" s="469"/>
      <c r="BH120" s="178"/>
      <c r="BI120" s="179"/>
      <c r="BJ120" s="179"/>
      <c r="BK120" s="179"/>
      <c r="BL120" s="179"/>
      <c r="BM120" s="179"/>
      <c r="BN120" s="179"/>
      <c r="BO120" s="179"/>
      <c r="BP120" s="179"/>
      <c r="BQ120" s="179"/>
      <c r="BR120" s="179"/>
      <c r="BS120" s="179"/>
      <c r="BT120" s="179"/>
      <c r="BU120" s="179"/>
      <c r="BV120" s="456" t="s">
        <v>42</v>
      </c>
      <c r="BW120" s="457"/>
      <c r="BX120" s="457"/>
      <c r="BY120" s="43"/>
      <c r="BZ120" s="43"/>
      <c r="CA120" s="43"/>
      <c r="CB120" s="43"/>
      <c r="CC120" s="43"/>
      <c r="CD120" s="2"/>
      <c r="CE120" s="42"/>
      <c r="CF120" s="458"/>
      <c r="CG120" s="459"/>
      <c r="CH120" s="459"/>
      <c r="CI120" s="459"/>
      <c r="CJ120" s="459"/>
      <c r="CK120" s="460"/>
      <c r="CL120" s="505"/>
      <c r="CM120" s="506"/>
      <c r="CN120" s="506"/>
      <c r="CO120" s="514"/>
      <c r="CP120" s="505"/>
      <c r="CQ120" s="506"/>
      <c r="CR120" s="506"/>
      <c r="CS120" s="506"/>
      <c r="CT120" s="507"/>
      <c r="CU120" s="2"/>
      <c r="CV120" s="2"/>
      <c r="CW120" s="591"/>
      <c r="CX120" s="592"/>
      <c r="CY120" s="593"/>
      <c r="CZ120" s="484" t="s">
        <v>52</v>
      </c>
      <c r="DA120" s="484"/>
      <c r="DB120" s="484"/>
      <c r="DC120" s="484"/>
      <c r="DD120" s="484"/>
      <c r="DE120" s="484"/>
      <c r="DF120" s="484"/>
      <c r="DG120" s="484"/>
      <c r="DH120" s="484"/>
      <c r="DI120" s="484"/>
      <c r="DJ120" s="511"/>
      <c r="DK120" s="464" t="s">
        <v>51</v>
      </c>
      <c r="DL120" s="465"/>
      <c r="DM120" s="466"/>
      <c r="DN120" s="502"/>
      <c r="DO120" s="503"/>
      <c r="DP120" s="503"/>
      <c r="DQ120" s="503"/>
      <c r="DR120" s="503"/>
      <c r="DS120" s="503"/>
      <c r="DT120" s="503"/>
      <c r="DU120" s="503"/>
      <c r="DV120" s="503"/>
      <c r="DW120" s="503"/>
      <c r="DX120" s="503"/>
      <c r="DY120" s="503"/>
      <c r="DZ120" s="503"/>
      <c r="EA120" s="504"/>
      <c r="EB120" s="165"/>
    </row>
    <row r="121" spans="50:132" ht="5.25" customHeight="1">
      <c r="AX121" s="872"/>
      <c r="AY121" s="872"/>
      <c r="AZ121" s="872"/>
      <c r="BC121" s="597"/>
      <c r="BD121" s="468"/>
      <c r="BE121" s="468"/>
      <c r="BF121" s="468"/>
      <c r="BG121" s="469"/>
      <c r="BH121" s="178"/>
      <c r="BI121" s="179"/>
      <c r="BJ121" s="179"/>
      <c r="BK121" s="179"/>
      <c r="BL121" s="179"/>
      <c r="BM121" s="179"/>
      <c r="BN121" s="179"/>
      <c r="BO121" s="179"/>
      <c r="BP121" s="179"/>
      <c r="BQ121" s="179"/>
      <c r="BR121" s="179"/>
      <c r="BS121" s="179"/>
      <c r="BT121" s="179"/>
      <c r="BU121" s="179"/>
      <c r="BV121" s="456"/>
      <c r="BW121" s="457"/>
      <c r="BX121" s="457"/>
      <c r="BY121" s="454" t="s">
        <v>39</v>
      </c>
      <c r="BZ121" s="454"/>
      <c r="CA121" s="454"/>
      <c r="CB121" s="454"/>
      <c r="CC121" s="454"/>
      <c r="CD121" s="454"/>
      <c r="CE121" s="455"/>
      <c r="CF121" s="458"/>
      <c r="CG121" s="459"/>
      <c r="CH121" s="459"/>
      <c r="CI121" s="459"/>
      <c r="CJ121" s="459"/>
      <c r="CK121" s="460"/>
      <c r="CL121" s="505"/>
      <c r="CM121" s="506"/>
      <c r="CN121" s="506"/>
      <c r="CO121" s="514"/>
      <c r="CP121" s="505"/>
      <c r="CQ121" s="506"/>
      <c r="CR121" s="506"/>
      <c r="CS121" s="506"/>
      <c r="CT121" s="507"/>
      <c r="CU121" s="2"/>
      <c r="CV121" s="2"/>
      <c r="CW121" s="591"/>
      <c r="CX121" s="592"/>
      <c r="CY121" s="593"/>
      <c r="CZ121" s="484"/>
      <c r="DA121" s="484"/>
      <c r="DB121" s="484"/>
      <c r="DC121" s="484"/>
      <c r="DD121" s="484"/>
      <c r="DE121" s="484"/>
      <c r="DF121" s="484"/>
      <c r="DG121" s="484"/>
      <c r="DH121" s="484"/>
      <c r="DI121" s="484"/>
      <c r="DJ121" s="511"/>
      <c r="DK121" s="467"/>
      <c r="DL121" s="468"/>
      <c r="DM121" s="469"/>
      <c r="DN121" s="505"/>
      <c r="DO121" s="506"/>
      <c r="DP121" s="506"/>
      <c r="DQ121" s="506"/>
      <c r="DR121" s="506"/>
      <c r="DS121" s="506"/>
      <c r="DT121" s="506"/>
      <c r="DU121" s="506"/>
      <c r="DV121" s="506"/>
      <c r="DW121" s="506"/>
      <c r="DX121" s="506"/>
      <c r="DY121" s="506"/>
      <c r="DZ121" s="506"/>
      <c r="EA121" s="507"/>
      <c r="EB121" s="165"/>
    </row>
    <row r="122" spans="50:132" ht="5.25" customHeight="1">
      <c r="AX122" s="872"/>
      <c r="AY122" s="872"/>
      <c r="AZ122" s="872"/>
      <c r="BC122" s="597"/>
      <c r="BD122" s="468"/>
      <c r="BE122" s="468"/>
      <c r="BF122" s="468"/>
      <c r="BG122" s="469"/>
      <c r="BH122" s="178"/>
      <c r="BI122" s="179"/>
      <c r="BJ122" s="179"/>
      <c r="BK122" s="179"/>
      <c r="BL122" s="179"/>
      <c r="BM122" s="179"/>
      <c r="BN122" s="179"/>
      <c r="BO122" s="179"/>
      <c r="BP122" s="179"/>
      <c r="BQ122" s="179"/>
      <c r="BR122" s="179"/>
      <c r="BS122" s="179"/>
      <c r="BT122" s="179"/>
      <c r="BU122" s="179"/>
      <c r="BV122" s="456" t="s">
        <v>38</v>
      </c>
      <c r="BW122" s="457"/>
      <c r="BX122" s="457"/>
      <c r="BY122" s="454"/>
      <c r="BZ122" s="454"/>
      <c r="CA122" s="454"/>
      <c r="CB122" s="454"/>
      <c r="CC122" s="454"/>
      <c r="CD122" s="454"/>
      <c r="CE122" s="455"/>
      <c r="CF122" s="458" t="s">
        <v>37</v>
      </c>
      <c r="CG122" s="459"/>
      <c r="CH122" s="459"/>
      <c r="CI122" s="459"/>
      <c r="CJ122" s="459"/>
      <c r="CK122" s="460"/>
      <c r="CL122" s="505"/>
      <c r="CM122" s="506"/>
      <c r="CN122" s="506"/>
      <c r="CO122" s="514"/>
      <c r="CP122" s="505"/>
      <c r="CQ122" s="506"/>
      <c r="CR122" s="506"/>
      <c r="CS122" s="506"/>
      <c r="CT122" s="507"/>
      <c r="CU122" s="2"/>
      <c r="CV122" s="2"/>
      <c r="CW122" s="591"/>
      <c r="CX122" s="592"/>
      <c r="CY122" s="593"/>
      <c r="CZ122" s="484"/>
      <c r="DA122" s="484"/>
      <c r="DB122" s="484"/>
      <c r="DC122" s="484"/>
      <c r="DD122" s="484"/>
      <c r="DE122" s="484"/>
      <c r="DF122" s="484"/>
      <c r="DG122" s="484"/>
      <c r="DH122" s="484"/>
      <c r="DI122" s="484"/>
      <c r="DJ122" s="511"/>
      <c r="DK122" s="467"/>
      <c r="DL122" s="468"/>
      <c r="DM122" s="469"/>
      <c r="DN122" s="505"/>
      <c r="DO122" s="506"/>
      <c r="DP122" s="506"/>
      <c r="DQ122" s="506"/>
      <c r="DR122" s="506"/>
      <c r="DS122" s="506"/>
      <c r="DT122" s="506"/>
      <c r="DU122" s="506"/>
      <c r="DV122" s="506"/>
      <c r="DW122" s="506"/>
      <c r="DX122" s="506"/>
      <c r="DY122" s="506"/>
      <c r="DZ122" s="506"/>
      <c r="EA122" s="507"/>
      <c r="EB122" s="165"/>
    </row>
    <row r="123" spans="50:132" ht="5.25" customHeight="1">
      <c r="AX123" s="872"/>
      <c r="AY123" s="872"/>
      <c r="AZ123" s="872"/>
      <c r="BC123" s="597"/>
      <c r="BD123" s="468"/>
      <c r="BE123" s="468"/>
      <c r="BF123" s="468"/>
      <c r="BG123" s="469"/>
      <c r="BH123" s="178"/>
      <c r="BI123" s="179"/>
      <c r="BJ123" s="179"/>
      <c r="BK123" s="179"/>
      <c r="BL123" s="179"/>
      <c r="BM123" s="179"/>
      <c r="BN123" s="179"/>
      <c r="BO123" s="179"/>
      <c r="BP123" s="179"/>
      <c r="BQ123" s="179"/>
      <c r="BR123" s="179"/>
      <c r="BS123" s="179"/>
      <c r="BT123" s="179"/>
      <c r="BU123" s="179"/>
      <c r="BV123" s="456"/>
      <c r="BW123" s="457"/>
      <c r="BX123" s="457"/>
      <c r="BY123" s="43"/>
      <c r="BZ123" s="43"/>
      <c r="CA123" s="43"/>
      <c r="CB123" s="43"/>
      <c r="CC123" s="43"/>
      <c r="CD123" s="2"/>
      <c r="CE123" s="42"/>
      <c r="CF123" s="458"/>
      <c r="CG123" s="459"/>
      <c r="CH123" s="459"/>
      <c r="CI123" s="459"/>
      <c r="CJ123" s="459"/>
      <c r="CK123" s="460"/>
      <c r="CL123" s="505"/>
      <c r="CM123" s="506"/>
      <c r="CN123" s="506"/>
      <c r="CO123" s="514"/>
      <c r="CP123" s="505"/>
      <c r="CQ123" s="506"/>
      <c r="CR123" s="506"/>
      <c r="CS123" s="506"/>
      <c r="CT123" s="507"/>
      <c r="CU123" s="2"/>
      <c r="CV123" s="2"/>
      <c r="CW123" s="591"/>
      <c r="CX123" s="592"/>
      <c r="CY123" s="593"/>
      <c r="CZ123" s="484"/>
      <c r="DA123" s="484"/>
      <c r="DB123" s="484"/>
      <c r="DC123" s="484"/>
      <c r="DD123" s="484"/>
      <c r="DE123" s="484"/>
      <c r="DF123" s="484"/>
      <c r="DG123" s="484"/>
      <c r="DH123" s="484"/>
      <c r="DI123" s="484"/>
      <c r="DJ123" s="511"/>
      <c r="DK123" s="501"/>
      <c r="DL123" s="486"/>
      <c r="DM123" s="487"/>
      <c r="DN123" s="508"/>
      <c r="DO123" s="509"/>
      <c r="DP123" s="509"/>
      <c r="DQ123" s="509"/>
      <c r="DR123" s="509"/>
      <c r="DS123" s="509"/>
      <c r="DT123" s="509"/>
      <c r="DU123" s="509"/>
      <c r="DV123" s="509"/>
      <c r="DW123" s="509"/>
      <c r="DX123" s="509"/>
      <c r="DY123" s="509"/>
      <c r="DZ123" s="509"/>
      <c r="EA123" s="510"/>
      <c r="EB123" s="165"/>
    </row>
    <row r="124" spans="50:132" ht="5.25" customHeight="1">
      <c r="AX124" s="872"/>
      <c r="AY124" s="872"/>
      <c r="AZ124" s="872"/>
      <c r="BC124" s="597"/>
      <c r="BD124" s="468"/>
      <c r="BE124" s="468"/>
      <c r="BF124" s="468"/>
      <c r="BG124" s="469"/>
      <c r="BH124" s="186"/>
      <c r="BI124" s="187"/>
      <c r="BJ124" s="187"/>
      <c r="BK124" s="187"/>
      <c r="BL124" s="187"/>
      <c r="BM124" s="187"/>
      <c r="BN124" s="187"/>
      <c r="BO124" s="187"/>
      <c r="BP124" s="187"/>
      <c r="BQ124" s="187"/>
      <c r="BR124" s="187"/>
      <c r="BS124" s="187"/>
      <c r="BT124" s="187"/>
      <c r="BU124" s="187"/>
      <c r="BV124" s="50"/>
      <c r="BW124" s="49"/>
      <c r="BX124" s="49"/>
      <c r="BY124" s="49"/>
      <c r="BZ124" s="49"/>
      <c r="CA124" s="49"/>
      <c r="CB124" s="49"/>
      <c r="CC124" s="49"/>
      <c r="CD124" s="48"/>
      <c r="CE124" s="47"/>
      <c r="CF124" s="461"/>
      <c r="CG124" s="462"/>
      <c r="CH124" s="462"/>
      <c r="CI124" s="462"/>
      <c r="CJ124" s="462"/>
      <c r="CK124" s="463"/>
      <c r="CL124" s="508"/>
      <c r="CM124" s="509"/>
      <c r="CN124" s="509"/>
      <c r="CO124" s="515"/>
      <c r="CP124" s="508"/>
      <c r="CQ124" s="509"/>
      <c r="CR124" s="509"/>
      <c r="CS124" s="509"/>
      <c r="CT124" s="510"/>
      <c r="CU124" s="2"/>
      <c r="CV124" s="2"/>
      <c r="CW124" s="591"/>
      <c r="CX124" s="592"/>
      <c r="CY124" s="593"/>
      <c r="CZ124" s="484" t="s">
        <v>50</v>
      </c>
      <c r="DA124" s="484"/>
      <c r="DB124" s="484"/>
      <c r="DC124" s="484"/>
      <c r="DD124" s="484"/>
      <c r="DE124" s="484"/>
      <c r="DF124" s="484"/>
      <c r="DG124" s="484"/>
      <c r="DH124" s="484"/>
      <c r="DI124" s="484"/>
      <c r="DJ124" s="484"/>
      <c r="DK124" s="465" t="s">
        <v>49</v>
      </c>
      <c r="DL124" s="465"/>
      <c r="DM124" s="466"/>
      <c r="DN124" s="502"/>
      <c r="DO124" s="503"/>
      <c r="DP124" s="503"/>
      <c r="DQ124" s="503"/>
      <c r="DR124" s="503"/>
      <c r="DS124" s="503"/>
      <c r="DT124" s="503"/>
      <c r="DU124" s="503"/>
      <c r="DV124" s="503"/>
      <c r="DW124" s="503"/>
      <c r="DX124" s="503"/>
      <c r="DY124" s="503"/>
      <c r="DZ124" s="503"/>
      <c r="EA124" s="504"/>
      <c r="EB124" s="165"/>
    </row>
    <row r="125" spans="50:132" ht="5.25" customHeight="1">
      <c r="AX125" s="872"/>
      <c r="AY125" s="872"/>
      <c r="AZ125" s="872"/>
      <c r="BC125" s="597" t="s">
        <v>48</v>
      </c>
      <c r="BD125" s="468"/>
      <c r="BE125" s="468"/>
      <c r="BF125" s="468"/>
      <c r="BG125" s="469"/>
      <c r="BH125" s="176"/>
      <c r="BI125" s="177"/>
      <c r="BJ125" s="177"/>
      <c r="BK125" s="177"/>
      <c r="BL125" s="177"/>
      <c r="BM125" s="177"/>
      <c r="BN125" s="177"/>
      <c r="BO125" s="177"/>
      <c r="BP125" s="177"/>
      <c r="BQ125" s="177"/>
      <c r="BR125" s="177"/>
      <c r="BS125" s="177"/>
      <c r="BT125" s="177"/>
      <c r="BU125" s="177"/>
      <c r="BV125" s="46"/>
      <c r="BW125" s="45"/>
      <c r="BX125" s="45"/>
      <c r="BY125" s="45"/>
      <c r="BZ125" s="45"/>
      <c r="CA125" s="45"/>
      <c r="CB125" s="45"/>
      <c r="CC125" s="45"/>
      <c r="CD125" s="45"/>
      <c r="CE125" s="44"/>
      <c r="CF125" s="470" t="s">
        <v>43</v>
      </c>
      <c r="CG125" s="471"/>
      <c r="CH125" s="471"/>
      <c r="CI125" s="471"/>
      <c r="CJ125" s="471"/>
      <c r="CK125" s="512"/>
      <c r="CL125" s="502"/>
      <c r="CM125" s="503"/>
      <c r="CN125" s="503"/>
      <c r="CO125" s="513"/>
      <c r="CP125" s="502"/>
      <c r="CQ125" s="503"/>
      <c r="CR125" s="503"/>
      <c r="CS125" s="503"/>
      <c r="CT125" s="504"/>
      <c r="CU125" s="2"/>
      <c r="CV125" s="2"/>
      <c r="CW125" s="591"/>
      <c r="CX125" s="592"/>
      <c r="CY125" s="593"/>
      <c r="CZ125" s="485"/>
      <c r="DA125" s="485"/>
      <c r="DB125" s="485"/>
      <c r="DC125" s="485"/>
      <c r="DD125" s="485"/>
      <c r="DE125" s="485"/>
      <c r="DF125" s="485"/>
      <c r="DG125" s="485"/>
      <c r="DH125" s="485"/>
      <c r="DI125" s="485"/>
      <c r="DJ125" s="485"/>
      <c r="DK125" s="468"/>
      <c r="DL125" s="468"/>
      <c r="DM125" s="469"/>
      <c r="DN125" s="505"/>
      <c r="DO125" s="506"/>
      <c r="DP125" s="506"/>
      <c r="DQ125" s="506"/>
      <c r="DR125" s="506"/>
      <c r="DS125" s="506"/>
      <c r="DT125" s="506"/>
      <c r="DU125" s="506"/>
      <c r="DV125" s="506"/>
      <c r="DW125" s="506"/>
      <c r="DX125" s="506"/>
      <c r="DY125" s="506"/>
      <c r="DZ125" s="506"/>
      <c r="EA125" s="507"/>
      <c r="EB125" s="165"/>
    </row>
    <row r="126" spans="50:132" ht="5.25" customHeight="1">
      <c r="AX126" s="872"/>
      <c r="AY126" s="872"/>
      <c r="AZ126" s="872"/>
      <c r="BC126" s="597"/>
      <c r="BD126" s="468"/>
      <c r="BE126" s="468"/>
      <c r="BF126" s="468"/>
      <c r="BG126" s="469"/>
      <c r="BH126" s="178"/>
      <c r="BI126" s="179"/>
      <c r="BJ126" s="179"/>
      <c r="BK126" s="179"/>
      <c r="BL126" s="179"/>
      <c r="BM126" s="179"/>
      <c r="BN126" s="179"/>
      <c r="BO126" s="179"/>
      <c r="BP126" s="179"/>
      <c r="BQ126" s="179"/>
      <c r="BR126" s="179"/>
      <c r="BS126" s="179"/>
      <c r="BT126" s="179"/>
      <c r="BU126" s="179"/>
      <c r="BV126" s="456" t="s">
        <v>42</v>
      </c>
      <c r="BW126" s="457"/>
      <c r="BX126" s="457"/>
      <c r="BY126" s="43"/>
      <c r="BZ126" s="43"/>
      <c r="CA126" s="43"/>
      <c r="CB126" s="43"/>
      <c r="CC126" s="43"/>
      <c r="CD126" s="2"/>
      <c r="CE126" s="42"/>
      <c r="CF126" s="458"/>
      <c r="CG126" s="459"/>
      <c r="CH126" s="459"/>
      <c r="CI126" s="459"/>
      <c r="CJ126" s="459"/>
      <c r="CK126" s="460"/>
      <c r="CL126" s="505"/>
      <c r="CM126" s="506"/>
      <c r="CN126" s="506"/>
      <c r="CO126" s="514"/>
      <c r="CP126" s="505"/>
      <c r="CQ126" s="506"/>
      <c r="CR126" s="506"/>
      <c r="CS126" s="506"/>
      <c r="CT126" s="507"/>
      <c r="CU126" s="2"/>
      <c r="CV126" s="2"/>
      <c r="CW126" s="591"/>
      <c r="CX126" s="592"/>
      <c r="CY126" s="593"/>
      <c r="CZ126" s="533" t="s">
        <v>47</v>
      </c>
      <c r="DA126" s="534"/>
      <c r="DB126" s="534"/>
      <c r="DC126" s="534"/>
      <c r="DD126" s="534"/>
      <c r="DE126" s="534"/>
      <c r="DF126" s="534"/>
      <c r="DG126" s="534"/>
      <c r="DH126" s="534"/>
      <c r="DI126" s="534"/>
      <c r="DJ126" s="535"/>
      <c r="DK126" s="468"/>
      <c r="DL126" s="468"/>
      <c r="DM126" s="469"/>
      <c r="DN126" s="505"/>
      <c r="DO126" s="506"/>
      <c r="DP126" s="506"/>
      <c r="DQ126" s="506"/>
      <c r="DR126" s="506"/>
      <c r="DS126" s="506"/>
      <c r="DT126" s="506"/>
      <c r="DU126" s="506"/>
      <c r="DV126" s="506"/>
      <c r="DW126" s="506"/>
      <c r="DX126" s="506"/>
      <c r="DY126" s="506"/>
      <c r="DZ126" s="506"/>
      <c r="EA126" s="507"/>
      <c r="EB126" s="165"/>
    </row>
    <row r="127" spans="50:132" ht="5.25" customHeight="1">
      <c r="AX127" s="872"/>
      <c r="AY127" s="872"/>
      <c r="AZ127" s="872"/>
      <c r="BC127" s="597"/>
      <c r="BD127" s="468"/>
      <c r="BE127" s="468"/>
      <c r="BF127" s="468"/>
      <c r="BG127" s="469"/>
      <c r="BH127" s="178"/>
      <c r="BI127" s="179"/>
      <c r="BJ127" s="179"/>
      <c r="BK127" s="179"/>
      <c r="BL127" s="179"/>
      <c r="BM127" s="179"/>
      <c r="BN127" s="179"/>
      <c r="BO127" s="179"/>
      <c r="BP127" s="179"/>
      <c r="BQ127" s="179"/>
      <c r="BR127" s="179"/>
      <c r="BS127" s="179"/>
      <c r="BT127" s="179"/>
      <c r="BU127" s="179"/>
      <c r="BV127" s="456"/>
      <c r="BW127" s="457"/>
      <c r="BX127" s="457"/>
      <c r="BY127" s="454" t="s">
        <v>39</v>
      </c>
      <c r="BZ127" s="454"/>
      <c r="CA127" s="454"/>
      <c r="CB127" s="454"/>
      <c r="CC127" s="454"/>
      <c r="CD127" s="454"/>
      <c r="CE127" s="455"/>
      <c r="CF127" s="458"/>
      <c r="CG127" s="459"/>
      <c r="CH127" s="459"/>
      <c r="CI127" s="459"/>
      <c r="CJ127" s="459"/>
      <c r="CK127" s="460"/>
      <c r="CL127" s="505"/>
      <c r="CM127" s="506"/>
      <c r="CN127" s="506"/>
      <c r="CO127" s="514"/>
      <c r="CP127" s="505"/>
      <c r="CQ127" s="506"/>
      <c r="CR127" s="506"/>
      <c r="CS127" s="506"/>
      <c r="CT127" s="507"/>
      <c r="CU127" s="2"/>
      <c r="CV127" s="2"/>
      <c r="CW127" s="591"/>
      <c r="CX127" s="592"/>
      <c r="CY127" s="593"/>
      <c r="CZ127" s="536"/>
      <c r="DA127" s="537"/>
      <c r="DB127" s="537"/>
      <c r="DC127" s="537"/>
      <c r="DD127" s="537"/>
      <c r="DE127" s="537"/>
      <c r="DF127" s="537"/>
      <c r="DG127" s="537"/>
      <c r="DH127" s="537"/>
      <c r="DI127" s="537"/>
      <c r="DJ127" s="538"/>
      <c r="DK127" s="486"/>
      <c r="DL127" s="486"/>
      <c r="DM127" s="487"/>
      <c r="DN127" s="508"/>
      <c r="DO127" s="509"/>
      <c r="DP127" s="509"/>
      <c r="DQ127" s="509"/>
      <c r="DR127" s="509"/>
      <c r="DS127" s="509"/>
      <c r="DT127" s="509"/>
      <c r="DU127" s="509"/>
      <c r="DV127" s="509"/>
      <c r="DW127" s="509"/>
      <c r="DX127" s="509"/>
      <c r="DY127" s="509"/>
      <c r="DZ127" s="509"/>
      <c r="EA127" s="510"/>
      <c r="EB127" s="165"/>
    </row>
    <row r="128" spans="50:132" ht="5.25" customHeight="1">
      <c r="AX128" s="872"/>
      <c r="AY128" s="872"/>
      <c r="AZ128" s="872"/>
      <c r="BC128" s="597"/>
      <c r="BD128" s="468"/>
      <c r="BE128" s="468"/>
      <c r="BF128" s="468"/>
      <c r="BG128" s="469"/>
      <c r="BH128" s="178"/>
      <c r="BI128" s="179"/>
      <c r="BJ128" s="179"/>
      <c r="BK128" s="179"/>
      <c r="BL128" s="179"/>
      <c r="BM128" s="179"/>
      <c r="BN128" s="179"/>
      <c r="BO128" s="179"/>
      <c r="BP128" s="179"/>
      <c r="BQ128" s="179"/>
      <c r="BR128" s="179"/>
      <c r="BS128" s="179"/>
      <c r="BT128" s="179"/>
      <c r="BU128" s="179"/>
      <c r="BV128" s="456" t="s">
        <v>38</v>
      </c>
      <c r="BW128" s="457"/>
      <c r="BX128" s="457"/>
      <c r="BY128" s="454"/>
      <c r="BZ128" s="454"/>
      <c r="CA128" s="454"/>
      <c r="CB128" s="454"/>
      <c r="CC128" s="454"/>
      <c r="CD128" s="454"/>
      <c r="CE128" s="455"/>
      <c r="CF128" s="458" t="s">
        <v>37</v>
      </c>
      <c r="CG128" s="459"/>
      <c r="CH128" s="459"/>
      <c r="CI128" s="459"/>
      <c r="CJ128" s="459"/>
      <c r="CK128" s="460"/>
      <c r="CL128" s="505"/>
      <c r="CM128" s="506"/>
      <c r="CN128" s="506"/>
      <c r="CO128" s="514"/>
      <c r="CP128" s="505"/>
      <c r="CQ128" s="506"/>
      <c r="CR128" s="506"/>
      <c r="CS128" s="506"/>
      <c r="CT128" s="507"/>
      <c r="CU128" s="2"/>
      <c r="CV128" s="2"/>
      <c r="CW128" s="591"/>
      <c r="CX128" s="592"/>
      <c r="CY128" s="593"/>
      <c r="CZ128" s="562" t="s">
        <v>46</v>
      </c>
      <c r="DA128" s="562"/>
      <c r="DB128" s="562"/>
      <c r="DC128" s="562"/>
      <c r="DD128" s="562"/>
      <c r="DE128" s="562"/>
      <c r="DF128" s="562"/>
      <c r="DG128" s="562"/>
      <c r="DH128" s="562"/>
      <c r="DI128" s="562"/>
      <c r="DJ128" s="536"/>
      <c r="DK128" s="464" t="s">
        <v>45</v>
      </c>
      <c r="DL128" s="465"/>
      <c r="DM128" s="465"/>
      <c r="DN128" s="502"/>
      <c r="DO128" s="503"/>
      <c r="DP128" s="503"/>
      <c r="DQ128" s="503"/>
      <c r="DR128" s="503"/>
      <c r="DS128" s="503"/>
      <c r="DT128" s="503"/>
      <c r="DU128" s="503"/>
      <c r="DV128" s="503"/>
      <c r="DW128" s="503"/>
      <c r="DX128" s="503"/>
      <c r="DY128" s="503"/>
      <c r="DZ128" s="503"/>
      <c r="EA128" s="504"/>
      <c r="EB128" s="165"/>
    </row>
    <row r="129" spans="50:132" ht="5.25" customHeight="1">
      <c r="AX129" s="872"/>
      <c r="AY129" s="872"/>
      <c r="AZ129" s="872"/>
      <c r="BC129" s="597"/>
      <c r="BD129" s="468"/>
      <c r="BE129" s="468"/>
      <c r="BF129" s="468"/>
      <c r="BG129" s="469"/>
      <c r="BH129" s="178"/>
      <c r="BI129" s="179"/>
      <c r="BJ129" s="179"/>
      <c r="BK129" s="179"/>
      <c r="BL129" s="179"/>
      <c r="BM129" s="179"/>
      <c r="BN129" s="179"/>
      <c r="BO129" s="179"/>
      <c r="BP129" s="179"/>
      <c r="BQ129" s="179"/>
      <c r="BR129" s="179"/>
      <c r="BS129" s="179"/>
      <c r="BT129" s="179"/>
      <c r="BU129" s="179"/>
      <c r="BV129" s="456"/>
      <c r="BW129" s="457"/>
      <c r="BX129" s="457"/>
      <c r="BY129" s="43"/>
      <c r="BZ129" s="43"/>
      <c r="CA129" s="43"/>
      <c r="CB129" s="43"/>
      <c r="CC129" s="43"/>
      <c r="CD129" s="2"/>
      <c r="CE129" s="42"/>
      <c r="CF129" s="458"/>
      <c r="CG129" s="459"/>
      <c r="CH129" s="459"/>
      <c r="CI129" s="459"/>
      <c r="CJ129" s="459"/>
      <c r="CK129" s="460"/>
      <c r="CL129" s="505"/>
      <c r="CM129" s="506"/>
      <c r="CN129" s="506"/>
      <c r="CO129" s="514"/>
      <c r="CP129" s="505"/>
      <c r="CQ129" s="506"/>
      <c r="CR129" s="506"/>
      <c r="CS129" s="506"/>
      <c r="CT129" s="507"/>
      <c r="CU129" s="2"/>
      <c r="CV129" s="2"/>
      <c r="CW129" s="591"/>
      <c r="CX129" s="592"/>
      <c r="CY129" s="593"/>
      <c r="CZ129" s="484"/>
      <c r="DA129" s="484"/>
      <c r="DB129" s="484"/>
      <c r="DC129" s="484"/>
      <c r="DD129" s="484"/>
      <c r="DE129" s="484"/>
      <c r="DF129" s="484"/>
      <c r="DG129" s="484"/>
      <c r="DH129" s="484"/>
      <c r="DI129" s="484"/>
      <c r="DJ129" s="511"/>
      <c r="DK129" s="467"/>
      <c r="DL129" s="468"/>
      <c r="DM129" s="468"/>
      <c r="DN129" s="505"/>
      <c r="DO129" s="506"/>
      <c r="DP129" s="506"/>
      <c r="DQ129" s="506"/>
      <c r="DR129" s="506"/>
      <c r="DS129" s="506"/>
      <c r="DT129" s="506"/>
      <c r="DU129" s="506"/>
      <c r="DV129" s="506"/>
      <c r="DW129" s="506"/>
      <c r="DX129" s="506"/>
      <c r="DY129" s="506"/>
      <c r="DZ129" s="506"/>
      <c r="EA129" s="507"/>
      <c r="EB129" s="165"/>
    </row>
    <row r="130" spans="50:132" ht="5.25" customHeight="1">
      <c r="AX130" s="872"/>
      <c r="AY130" s="872"/>
      <c r="AZ130" s="872"/>
      <c r="BC130" s="597"/>
      <c r="BD130" s="468"/>
      <c r="BE130" s="468"/>
      <c r="BF130" s="468"/>
      <c r="BG130" s="469"/>
      <c r="BH130" s="186"/>
      <c r="BI130" s="187"/>
      <c r="BJ130" s="187"/>
      <c r="BK130" s="187"/>
      <c r="BL130" s="187"/>
      <c r="BM130" s="187"/>
      <c r="BN130" s="187"/>
      <c r="BO130" s="187"/>
      <c r="BP130" s="187"/>
      <c r="BQ130" s="187"/>
      <c r="BR130" s="187"/>
      <c r="BS130" s="187"/>
      <c r="BT130" s="187"/>
      <c r="BU130" s="187"/>
      <c r="BV130" s="50"/>
      <c r="BW130" s="49"/>
      <c r="BX130" s="49"/>
      <c r="BY130" s="49"/>
      <c r="BZ130" s="49"/>
      <c r="CA130" s="49"/>
      <c r="CB130" s="49"/>
      <c r="CC130" s="49"/>
      <c r="CD130" s="48"/>
      <c r="CE130" s="47"/>
      <c r="CF130" s="461"/>
      <c r="CG130" s="462"/>
      <c r="CH130" s="462"/>
      <c r="CI130" s="462"/>
      <c r="CJ130" s="462"/>
      <c r="CK130" s="463"/>
      <c r="CL130" s="508"/>
      <c r="CM130" s="509"/>
      <c r="CN130" s="509"/>
      <c r="CO130" s="515"/>
      <c r="CP130" s="508"/>
      <c r="CQ130" s="509"/>
      <c r="CR130" s="509"/>
      <c r="CS130" s="509"/>
      <c r="CT130" s="510"/>
      <c r="CU130" s="2"/>
      <c r="CV130" s="2"/>
      <c r="CW130" s="591"/>
      <c r="CX130" s="592"/>
      <c r="CY130" s="593"/>
      <c r="CZ130" s="484"/>
      <c r="DA130" s="484"/>
      <c r="DB130" s="484"/>
      <c r="DC130" s="484"/>
      <c r="DD130" s="484"/>
      <c r="DE130" s="484"/>
      <c r="DF130" s="484"/>
      <c r="DG130" s="484"/>
      <c r="DH130" s="484"/>
      <c r="DI130" s="484"/>
      <c r="DJ130" s="511"/>
      <c r="DK130" s="467"/>
      <c r="DL130" s="468"/>
      <c r="DM130" s="468"/>
      <c r="DN130" s="505"/>
      <c r="DO130" s="506"/>
      <c r="DP130" s="506"/>
      <c r="DQ130" s="506"/>
      <c r="DR130" s="506"/>
      <c r="DS130" s="506"/>
      <c r="DT130" s="506"/>
      <c r="DU130" s="506"/>
      <c r="DV130" s="506"/>
      <c r="DW130" s="506"/>
      <c r="DX130" s="506"/>
      <c r="DY130" s="506"/>
      <c r="DZ130" s="506"/>
      <c r="EA130" s="507"/>
      <c r="EB130" s="165"/>
    </row>
    <row r="131" spans="50:132" ht="5.25" customHeight="1">
      <c r="AX131" s="872"/>
      <c r="AY131" s="872"/>
      <c r="AZ131" s="872"/>
      <c r="BC131" s="597" t="s">
        <v>44</v>
      </c>
      <c r="BD131" s="468"/>
      <c r="BE131" s="468"/>
      <c r="BF131" s="468"/>
      <c r="BG131" s="469"/>
      <c r="BH131" s="176"/>
      <c r="BI131" s="177"/>
      <c r="BJ131" s="177"/>
      <c r="BK131" s="177"/>
      <c r="BL131" s="177"/>
      <c r="BM131" s="177"/>
      <c r="BN131" s="177"/>
      <c r="BO131" s="177"/>
      <c r="BP131" s="177"/>
      <c r="BQ131" s="177"/>
      <c r="BR131" s="177"/>
      <c r="BS131" s="177"/>
      <c r="BT131" s="177"/>
      <c r="BU131" s="177"/>
      <c r="BV131" s="46"/>
      <c r="BW131" s="45"/>
      <c r="BX131" s="45"/>
      <c r="BY131" s="45"/>
      <c r="BZ131" s="45"/>
      <c r="CA131" s="45"/>
      <c r="CB131" s="45"/>
      <c r="CC131" s="45"/>
      <c r="CD131" s="45"/>
      <c r="CE131" s="44"/>
      <c r="CF131" s="470" t="s">
        <v>43</v>
      </c>
      <c r="CG131" s="471"/>
      <c r="CH131" s="471"/>
      <c r="CI131" s="471"/>
      <c r="CJ131" s="471"/>
      <c r="CK131" s="512"/>
      <c r="CL131" s="502"/>
      <c r="CM131" s="503"/>
      <c r="CN131" s="503"/>
      <c r="CO131" s="513"/>
      <c r="CP131" s="502"/>
      <c r="CQ131" s="503"/>
      <c r="CR131" s="503"/>
      <c r="CS131" s="503"/>
      <c r="CT131" s="504"/>
      <c r="CU131" s="2"/>
      <c r="CV131" s="2"/>
      <c r="CW131" s="591"/>
      <c r="CX131" s="592"/>
      <c r="CY131" s="593"/>
      <c r="CZ131" s="484"/>
      <c r="DA131" s="484"/>
      <c r="DB131" s="484"/>
      <c r="DC131" s="484"/>
      <c r="DD131" s="484"/>
      <c r="DE131" s="484"/>
      <c r="DF131" s="484"/>
      <c r="DG131" s="484"/>
      <c r="DH131" s="484"/>
      <c r="DI131" s="484"/>
      <c r="DJ131" s="511"/>
      <c r="DK131" s="501"/>
      <c r="DL131" s="486"/>
      <c r="DM131" s="486"/>
      <c r="DN131" s="508"/>
      <c r="DO131" s="509"/>
      <c r="DP131" s="509"/>
      <c r="DQ131" s="509"/>
      <c r="DR131" s="509"/>
      <c r="DS131" s="509"/>
      <c r="DT131" s="509"/>
      <c r="DU131" s="509"/>
      <c r="DV131" s="509"/>
      <c r="DW131" s="509"/>
      <c r="DX131" s="509"/>
      <c r="DY131" s="509"/>
      <c r="DZ131" s="509"/>
      <c r="EA131" s="510"/>
      <c r="EB131" s="165"/>
    </row>
    <row r="132" spans="50:132" ht="5.25" customHeight="1">
      <c r="AX132" s="872"/>
      <c r="AY132" s="872"/>
      <c r="AZ132" s="872"/>
      <c r="BC132" s="597"/>
      <c r="BD132" s="468"/>
      <c r="BE132" s="468"/>
      <c r="BF132" s="468"/>
      <c r="BG132" s="469"/>
      <c r="BH132" s="178"/>
      <c r="BI132" s="179"/>
      <c r="BJ132" s="179"/>
      <c r="BK132" s="179"/>
      <c r="BL132" s="179"/>
      <c r="BM132" s="179"/>
      <c r="BN132" s="179"/>
      <c r="BO132" s="179"/>
      <c r="BP132" s="179"/>
      <c r="BQ132" s="179"/>
      <c r="BR132" s="179"/>
      <c r="BS132" s="179"/>
      <c r="BT132" s="179"/>
      <c r="BU132" s="179"/>
      <c r="BV132" s="456" t="s">
        <v>42</v>
      </c>
      <c r="BW132" s="457"/>
      <c r="BX132" s="457"/>
      <c r="BY132" s="43"/>
      <c r="BZ132" s="43"/>
      <c r="CA132" s="43"/>
      <c r="CB132" s="43"/>
      <c r="CC132" s="43"/>
      <c r="CD132" s="2"/>
      <c r="CE132" s="42"/>
      <c r="CF132" s="458"/>
      <c r="CG132" s="459"/>
      <c r="CH132" s="459"/>
      <c r="CI132" s="459"/>
      <c r="CJ132" s="459"/>
      <c r="CK132" s="460"/>
      <c r="CL132" s="505"/>
      <c r="CM132" s="506"/>
      <c r="CN132" s="506"/>
      <c r="CO132" s="514"/>
      <c r="CP132" s="505"/>
      <c r="CQ132" s="506"/>
      <c r="CR132" s="506"/>
      <c r="CS132" s="506"/>
      <c r="CT132" s="507"/>
      <c r="CU132" s="2"/>
      <c r="CV132" s="2"/>
      <c r="CW132" s="591"/>
      <c r="CX132" s="592"/>
      <c r="CY132" s="593"/>
      <c r="CZ132" s="484" t="s">
        <v>41</v>
      </c>
      <c r="DA132" s="484"/>
      <c r="DB132" s="484"/>
      <c r="DC132" s="484"/>
      <c r="DD132" s="484"/>
      <c r="DE132" s="484"/>
      <c r="DF132" s="484"/>
      <c r="DG132" s="484"/>
      <c r="DH132" s="484"/>
      <c r="DI132" s="484"/>
      <c r="DJ132" s="511"/>
      <c r="DK132" s="464" t="s">
        <v>40</v>
      </c>
      <c r="DL132" s="465"/>
      <c r="DM132" s="466"/>
      <c r="DN132" s="502"/>
      <c r="DO132" s="503"/>
      <c r="DP132" s="503"/>
      <c r="DQ132" s="503"/>
      <c r="DR132" s="503"/>
      <c r="DS132" s="503"/>
      <c r="DT132" s="503"/>
      <c r="DU132" s="503"/>
      <c r="DV132" s="503"/>
      <c r="DW132" s="503"/>
      <c r="DX132" s="503"/>
      <c r="DY132" s="503"/>
      <c r="DZ132" s="503"/>
      <c r="EA132" s="504"/>
      <c r="EB132" s="165"/>
    </row>
    <row r="133" spans="50:132" ht="5.25" customHeight="1">
      <c r="AX133" s="872"/>
      <c r="AY133" s="872"/>
      <c r="AZ133" s="872"/>
      <c r="BC133" s="597"/>
      <c r="BD133" s="468"/>
      <c r="BE133" s="468"/>
      <c r="BF133" s="468"/>
      <c r="BG133" s="469"/>
      <c r="BH133" s="178"/>
      <c r="BI133" s="179"/>
      <c r="BJ133" s="179"/>
      <c r="BK133" s="179"/>
      <c r="BL133" s="179"/>
      <c r="BM133" s="179"/>
      <c r="BN133" s="179"/>
      <c r="BO133" s="179"/>
      <c r="BP133" s="179"/>
      <c r="BQ133" s="179"/>
      <c r="BR133" s="179"/>
      <c r="BS133" s="179"/>
      <c r="BT133" s="179"/>
      <c r="BU133" s="179"/>
      <c r="BV133" s="456"/>
      <c r="BW133" s="457"/>
      <c r="BX133" s="457"/>
      <c r="BY133" s="454" t="s">
        <v>39</v>
      </c>
      <c r="BZ133" s="454"/>
      <c r="CA133" s="454"/>
      <c r="CB133" s="454"/>
      <c r="CC133" s="454"/>
      <c r="CD133" s="454"/>
      <c r="CE133" s="455"/>
      <c r="CF133" s="458"/>
      <c r="CG133" s="459"/>
      <c r="CH133" s="459"/>
      <c r="CI133" s="459"/>
      <c r="CJ133" s="459"/>
      <c r="CK133" s="460"/>
      <c r="CL133" s="505"/>
      <c r="CM133" s="506"/>
      <c r="CN133" s="506"/>
      <c r="CO133" s="514"/>
      <c r="CP133" s="505"/>
      <c r="CQ133" s="506"/>
      <c r="CR133" s="506"/>
      <c r="CS133" s="506"/>
      <c r="CT133" s="507"/>
      <c r="CU133" s="2"/>
      <c r="CV133" s="2"/>
      <c r="CW133" s="591"/>
      <c r="CX133" s="592"/>
      <c r="CY133" s="593"/>
      <c r="CZ133" s="484"/>
      <c r="DA133" s="484"/>
      <c r="DB133" s="484"/>
      <c r="DC133" s="484"/>
      <c r="DD133" s="484"/>
      <c r="DE133" s="484"/>
      <c r="DF133" s="484"/>
      <c r="DG133" s="484"/>
      <c r="DH133" s="484"/>
      <c r="DI133" s="484"/>
      <c r="DJ133" s="511"/>
      <c r="DK133" s="467"/>
      <c r="DL133" s="468"/>
      <c r="DM133" s="469"/>
      <c r="DN133" s="505"/>
      <c r="DO133" s="506"/>
      <c r="DP133" s="506"/>
      <c r="DQ133" s="506"/>
      <c r="DR133" s="506"/>
      <c r="DS133" s="506"/>
      <c r="DT133" s="506"/>
      <c r="DU133" s="506"/>
      <c r="DV133" s="506"/>
      <c r="DW133" s="506"/>
      <c r="DX133" s="506"/>
      <c r="DY133" s="506"/>
      <c r="DZ133" s="506"/>
      <c r="EA133" s="507"/>
      <c r="EB133" s="165"/>
    </row>
    <row r="134" spans="50:132" ht="5.25" customHeight="1">
      <c r="AX134" s="872"/>
      <c r="AY134" s="872"/>
      <c r="AZ134" s="872"/>
      <c r="BC134" s="597"/>
      <c r="BD134" s="468"/>
      <c r="BE134" s="468"/>
      <c r="BF134" s="468"/>
      <c r="BG134" s="469"/>
      <c r="BH134" s="178"/>
      <c r="BI134" s="179"/>
      <c r="BJ134" s="179"/>
      <c r="BK134" s="179"/>
      <c r="BL134" s="179"/>
      <c r="BM134" s="179"/>
      <c r="BN134" s="179"/>
      <c r="BO134" s="179"/>
      <c r="BP134" s="179"/>
      <c r="BQ134" s="179"/>
      <c r="BR134" s="179"/>
      <c r="BS134" s="179"/>
      <c r="BT134" s="179"/>
      <c r="BU134" s="179"/>
      <c r="BV134" s="456" t="s">
        <v>38</v>
      </c>
      <c r="BW134" s="457"/>
      <c r="BX134" s="457"/>
      <c r="BY134" s="454"/>
      <c r="BZ134" s="454"/>
      <c r="CA134" s="454"/>
      <c r="CB134" s="454"/>
      <c r="CC134" s="454"/>
      <c r="CD134" s="454"/>
      <c r="CE134" s="455"/>
      <c r="CF134" s="458" t="s">
        <v>37</v>
      </c>
      <c r="CG134" s="459"/>
      <c r="CH134" s="459"/>
      <c r="CI134" s="459"/>
      <c r="CJ134" s="459"/>
      <c r="CK134" s="460"/>
      <c r="CL134" s="505"/>
      <c r="CM134" s="506"/>
      <c r="CN134" s="506"/>
      <c r="CO134" s="514"/>
      <c r="CP134" s="505"/>
      <c r="CQ134" s="506"/>
      <c r="CR134" s="506"/>
      <c r="CS134" s="506"/>
      <c r="CT134" s="507"/>
      <c r="CU134" s="2"/>
      <c r="CV134" s="2"/>
      <c r="CW134" s="591"/>
      <c r="CX134" s="592"/>
      <c r="CY134" s="593"/>
      <c r="CZ134" s="484"/>
      <c r="DA134" s="484"/>
      <c r="DB134" s="484"/>
      <c r="DC134" s="484"/>
      <c r="DD134" s="484"/>
      <c r="DE134" s="484"/>
      <c r="DF134" s="484"/>
      <c r="DG134" s="484"/>
      <c r="DH134" s="484"/>
      <c r="DI134" s="484"/>
      <c r="DJ134" s="511"/>
      <c r="DK134" s="467"/>
      <c r="DL134" s="468"/>
      <c r="DM134" s="469"/>
      <c r="DN134" s="505"/>
      <c r="DO134" s="506"/>
      <c r="DP134" s="506"/>
      <c r="DQ134" s="506"/>
      <c r="DR134" s="506"/>
      <c r="DS134" s="506"/>
      <c r="DT134" s="506"/>
      <c r="DU134" s="506"/>
      <c r="DV134" s="506"/>
      <c r="DW134" s="506"/>
      <c r="DX134" s="506"/>
      <c r="DY134" s="506"/>
      <c r="DZ134" s="506"/>
      <c r="EA134" s="507"/>
      <c r="EB134" s="165"/>
    </row>
    <row r="135" spans="50:132" ht="5.25" customHeight="1">
      <c r="AX135" s="872"/>
      <c r="AY135" s="872"/>
      <c r="AZ135" s="872"/>
      <c r="BC135" s="597"/>
      <c r="BD135" s="468"/>
      <c r="BE135" s="468"/>
      <c r="BF135" s="468"/>
      <c r="BG135" s="469"/>
      <c r="BH135" s="178"/>
      <c r="BI135" s="179"/>
      <c r="BJ135" s="179"/>
      <c r="BK135" s="179"/>
      <c r="BL135" s="179"/>
      <c r="BM135" s="179"/>
      <c r="BN135" s="179"/>
      <c r="BO135" s="179"/>
      <c r="BP135" s="179"/>
      <c r="BQ135" s="179"/>
      <c r="BR135" s="179"/>
      <c r="BS135" s="179"/>
      <c r="BT135" s="179"/>
      <c r="BU135" s="179"/>
      <c r="BV135" s="456"/>
      <c r="BW135" s="457"/>
      <c r="BX135" s="457"/>
      <c r="BY135" s="43"/>
      <c r="BZ135" s="43"/>
      <c r="CA135" s="43"/>
      <c r="CB135" s="43"/>
      <c r="CC135" s="43"/>
      <c r="CD135" s="2"/>
      <c r="CE135" s="42"/>
      <c r="CF135" s="458"/>
      <c r="CG135" s="459"/>
      <c r="CH135" s="459"/>
      <c r="CI135" s="459"/>
      <c r="CJ135" s="459"/>
      <c r="CK135" s="460"/>
      <c r="CL135" s="505"/>
      <c r="CM135" s="506"/>
      <c r="CN135" s="506"/>
      <c r="CO135" s="514"/>
      <c r="CP135" s="505"/>
      <c r="CQ135" s="506"/>
      <c r="CR135" s="506"/>
      <c r="CS135" s="506"/>
      <c r="CT135" s="507"/>
      <c r="CU135" s="2"/>
      <c r="CV135" s="2"/>
      <c r="CW135" s="591"/>
      <c r="CX135" s="592"/>
      <c r="CY135" s="593"/>
      <c r="CZ135" s="484"/>
      <c r="DA135" s="484"/>
      <c r="DB135" s="484"/>
      <c r="DC135" s="484"/>
      <c r="DD135" s="484"/>
      <c r="DE135" s="484"/>
      <c r="DF135" s="484"/>
      <c r="DG135" s="484"/>
      <c r="DH135" s="484"/>
      <c r="DI135" s="484"/>
      <c r="DJ135" s="511"/>
      <c r="DK135" s="467"/>
      <c r="DL135" s="468"/>
      <c r="DM135" s="469"/>
      <c r="DN135" s="508"/>
      <c r="DO135" s="509"/>
      <c r="DP135" s="509"/>
      <c r="DQ135" s="509"/>
      <c r="DR135" s="509"/>
      <c r="DS135" s="509"/>
      <c r="DT135" s="509"/>
      <c r="DU135" s="509"/>
      <c r="DV135" s="509"/>
      <c r="DW135" s="509"/>
      <c r="DX135" s="509"/>
      <c r="DY135" s="509"/>
      <c r="DZ135" s="509"/>
      <c r="EA135" s="510"/>
      <c r="EB135" s="165"/>
    </row>
    <row r="136" spans="50:132" ht="5.25" customHeight="1">
      <c r="BC136" s="598"/>
      <c r="BD136" s="599"/>
      <c r="BE136" s="599"/>
      <c r="BF136" s="599"/>
      <c r="BG136" s="600"/>
      <c r="BH136" s="180"/>
      <c r="BI136" s="181"/>
      <c r="BJ136" s="181"/>
      <c r="BK136" s="181"/>
      <c r="BL136" s="181"/>
      <c r="BM136" s="181"/>
      <c r="BN136" s="181"/>
      <c r="BO136" s="181"/>
      <c r="BP136" s="181"/>
      <c r="BQ136" s="181"/>
      <c r="BR136" s="181"/>
      <c r="BS136" s="181"/>
      <c r="BT136" s="181"/>
      <c r="BU136" s="181"/>
      <c r="BV136" s="41"/>
      <c r="BW136" s="40"/>
      <c r="BX136" s="40"/>
      <c r="BY136" s="40"/>
      <c r="BZ136" s="40"/>
      <c r="CA136" s="40"/>
      <c r="CB136" s="40"/>
      <c r="CC136" s="40"/>
      <c r="CD136" s="39"/>
      <c r="CE136" s="38"/>
      <c r="CF136" s="461"/>
      <c r="CG136" s="462"/>
      <c r="CH136" s="462"/>
      <c r="CI136" s="462"/>
      <c r="CJ136" s="462"/>
      <c r="CK136" s="463"/>
      <c r="CL136" s="508"/>
      <c r="CM136" s="509"/>
      <c r="CN136" s="509"/>
      <c r="CO136" s="515"/>
      <c r="CP136" s="508"/>
      <c r="CQ136" s="509"/>
      <c r="CR136" s="509"/>
      <c r="CS136" s="509"/>
      <c r="CT136" s="510"/>
      <c r="CU136" s="2"/>
      <c r="CV136" s="2"/>
      <c r="CW136" s="591"/>
      <c r="CX136" s="592"/>
      <c r="CY136" s="593"/>
      <c r="CZ136" s="530" t="s">
        <v>36</v>
      </c>
      <c r="DA136" s="531"/>
      <c r="DB136" s="531"/>
      <c r="DC136" s="531"/>
      <c r="DD136" s="531"/>
      <c r="DE136" s="531"/>
      <c r="DF136" s="531"/>
      <c r="DG136" s="531"/>
      <c r="DH136" s="531"/>
      <c r="DI136" s="531"/>
      <c r="DJ136" s="532"/>
      <c r="DK136" s="464" t="s">
        <v>35</v>
      </c>
      <c r="DL136" s="465"/>
      <c r="DM136" s="466"/>
      <c r="DN136" s="502"/>
      <c r="DO136" s="503"/>
      <c r="DP136" s="503"/>
      <c r="DQ136" s="503"/>
      <c r="DR136" s="503"/>
      <c r="DS136" s="503"/>
      <c r="DT136" s="503"/>
      <c r="DU136" s="503"/>
      <c r="DV136" s="503"/>
      <c r="DW136" s="503"/>
      <c r="DX136" s="503"/>
      <c r="DY136" s="503"/>
      <c r="DZ136" s="503"/>
      <c r="EA136" s="504"/>
      <c r="EB136" s="165"/>
    </row>
    <row r="137" spans="50:132" ht="5.25" customHeight="1">
      <c r="BC137" s="175"/>
      <c r="BD137" s="175"/>
      <c r="BE137" s="175"/>
      <c r="BF137" s="175"/>
      <c r="BG137" s="175"/>
      <c r="BH137" s="175"/>
      <c r="BI137" s="175"/>
      <c r="BJ137" s="175"/>
      <c r="BK137" s="175"/>
      <c r="BL137" s="175"/>
      <c r="BM137" s="175"/>
      <c r="BN137" s="175"/>
      <c r="BO137" s="175"/>
      <c r="BP137" s="175"/>
      <c r="BQ137" s="175"/>
      <c r="BR137" s="175"/>
      <c r="BS137" s="175"/>
      <c r="BT137" s="175"/>
      <c r="BU137" s="175"/>
      <c r="BV137" s="175"/>
      <c r="BW137" s="175"/>
      <c r="BX137" s="175"/>
      <c r="BY137" s="175"/>
      <c r="BZ137" s="175"/>
      <c r="CA137" s="175"/>
      <c r="CB137" s="175"/>
      <c r="CC137" s="175"/>
      <c r="CD137" s="175"/>
      <c r="CE137" s="37"/>
      <c r="CF137" s="489" t="s">
        <v>27</v>
      </c>
      <c r="CG137" s="489"/>
      <c r="CH137" s="489"/>
      <c r="CI137" s="489"/>
      <c r="CJ137" s="489"/>
      <c r="CK137" s="490"/>
      <c r="CL137" s="635"/>
      <c r="CM137" s="636"/>
      <c r="CN137" s="636"/>
      <c r="CO137" s="636"/>
      <c r="CP137" s="636"/>
      <c r="CQ137" s="636"/>
      <c r="CR137" s="636"/>
      <c r="CS137" s="636"/>
      <c r="CT137" s="637"/>
      <c r="CU137" s="2"/>
      <c r="CV137" s="2"/>
      <c r="CW137" s="591"/>
      <c r="CX137" s="592"/>
      <c r="CY137" s="593"/>
      <c r="CZ137" s="533"/>
      <c r="DA137" s="534"/>
      <c r="DB137" s="534"/>
      <c r="DC137" s="534"/>
      <c r="DD137" s="534"/>
      <c r="DE137" s="534"/>
      <c r="DF137" s="534"/>
      <c r="DG137" s="534"/>
      <c r="DH137" s="534"/>
      <c r="DI137" s="534"/>
      <c r="DJ137" s="535"/>
      <c r="DK137" s="467"/>
      <c r="DL137" s="468"/>
      <c r="DM137" s="469"/>
      <c r="DN137" s="505"/>
      <c r="DO137" s="506"/>
      <c r="DP137" s="506"/>
      <c r="DQ137" s="506"/>
      <c r="DR137" s="506"/>
      <c r="DS137" s="506"/>
      <c r="DT137" s="506"/>
      <c r="DU137" s="506"/>
      <c r="DV137" s="506"/>
      <c r="DW137" s="506"/>
      <c r="DX137" s="506"/>
      <c r="DY137" s="506"/>
      <c r="DZ137" s="506"/>
      <c r="EA137" s="507"/>
      <c r="EB137" s="165"/>
    </row>
    <row r="138" spans="50:132" ht="5.25" customHeight="1">
      <c r="BC138" s="563" t="s">
        <v>254</v>
      </c>
      <c r="BD138" s="564"/>
      <c r="BE138" s="564"/>
      <c r="BF138" s="564"/>
      <c r="BG138" s="564"/>
      <c r="BH138" s="564"/>
      <c r="BI138" s="564"/>
      <c r="BJ138" s="564"/>
      <c r="BK138" s="564"/>
      <c r="BL138" s="564"/>
      <c r="BM138" s="564"/>
      <c r="BN138" s="564"/>
      <c r="BO138" s="564"/>
      <c r="BP138" s="564"/>
      <c r="BQ138" s="564"/>
      <c r="BR138" s="564"/>
      <c r="BS138" s="564"/>
      <c r="BT138" s="564"/>
      <c r="BU138" s="564"/>
      <c r="BV138" s="564"/>
      <c r="BW138" s="564"/>
      <c r="BX138" s="564"/>
      <c r="BY138" s="564"/>
      <c r="BZ138" s="564"/>
      <c r="CA138" s="564"/>
      <c r="CB138" s="564"/>
      <c r="CC138" s="564"/>
      <c r="CD138" s="564"/>
      <c r="CE138" s="565"/>
      <c r="CF138" s="566"/>
      <c r="CG138" s="489"/>
      <c r="CH138" s="489"/>
      <c r="CI138" s="489"/>
      <c r="CJ138" s="489"/>
      <c r="CK138" s="490"/>
      <c r="CL138" s="638"/>
      <c r="CM138" s="639"/>
      <c r="CN138" s="639"/>
      <c r="CO138" s="639"/>
      <c r="CP138" s="639"/>
      <c r="CQ138" s="639"/>
      <c r="CR138" s="639"/>
      <c r="CS138" s="639"/>
      <c r="CT138" s="640"/>
      <c r="CU138" s="2"/>
      <c r="CV138" s="2"/>
      <c r="CW138" s="591"/>
      <c r="CX138" s="592"/>
      <c r="CY138" s="593"/>
      <c r="CZ138" s="533"/>
      <c r="DA138" s="534"/>
      <c r="DB138" s="534"/>
      <c r="DC138" s="534"/>
      <c r="DD138" s="534"/>
      <c r="DE138" s="534"/>
      <c r="DF138" s="534"/>
      <c r="DG138" s="534"/>
      <c r="DH138" s="534"/>
      <c r="DI138" s="534"/>
      <c r="DJ138" s="535"/>
      <c r="DK138" s="467"/>
      <c r="DL138" s="468"/>
      <c r="DM138" s="469"/>
      <c r="DN138" s="505"/>
      <c r="DO138" s="506"/>
      <c r="DP138" s="506"/>
      <c r="DQ138" s="506"/>
      <c r="DR138" s="506"/>
      <c r="DS138" s="506"/>
      <c r="DT138" s="506"/>
      <c r="DU138" s="506"/>
      <c r="DV138" s="506"/>
      <c r="DW138" s="506"/>
      <c r="DX138" s="506"/>
      <c r="DY138" s="506"/>
      <c r="DZ138" s="506"/>
      <c r="EA138" s="507"/>
      <c r="EB138" s="165"/>
    </row>
    <row r="139" spans="50:132" ht="5.25" customHeight="1">
      <c r="BC139" s="564"/>
      <c r="BD139" s="564"/>
      <c r="BE139" s="564"/>
      <c r="BF139" s="564"/>
      <c r="BG139" s="564"/>
      <c r="BH139" s="564"/>
      <c r="BI139" s="564"/>
      <c r="BJ139" s="564"/>
      <c r="BK139" s="564"/>
      <c r="BL139" s="564"/>
      <c r="BM139" s="564"/>
      <c r="BN139" s="564"/>
      <c r="BO139" s="564"/>
      <c r="BP139" s="564"/>
      <c r="BQ139" s="564"/>
      <c r="BR139" s="564"/>
      <c r="BS139" s="564"/>
      <c r="BT139" s="564"/>
      <c r="BU139" s="564"/>
      <c r="BV139" s="564"/>
      <c r="BW139" s="564"/>
      <c r="BX139" s="564"/>
      <c r="BY139" s="564"/>
      <c r="BZ139" s="564"/>
      <c r="CA139" s="564"/>
      <c r="CB139" s="564"/>
      <c r="CC139" s="564"/>
      <c r="CD139" s="564"/>
      <c r="CE139" s="565"/>
      <c r="CF139" s="566"/>
      <c r="CG139" s="489"/>
      <c r="CH139" s="489"/>
      <c r="CI139" s="489"/>
      <c r="CJ139" s="489"/>
      <c r="CK139" s="490"/>
      <c r="CL139" s="638"/>
      <c r="CM139" s="639"/>
      <c r="CN139" s="639"/>
      <c r="CO139" s="639"/>
      <c r="CP139" s="639"/>
      <c r="CQ139" s="639"/>
      <c r="CR139" s="639"/>
      <c r="CS139" s="639"/>
      <c r="CT139" s="640"/>
      <c r="CU139" s="2"/>
      <c r="CV139" s="2"/>
      <c r="CW139" s="591"/>
      <c r="CX139" s="592"/>
      <c r="CY139" s="593"/>
      <c r="CZ139" s="536"/>
      <c r="DA139" s="537"/>
      <c r="DB139" s="537"/>
      <c r="DC139" s="537"/>
      <c r="DD139" s="537"/>
      <c r="DE139" s="537"/>
      <c r="DF139" s="537"/>
      <c r="DG139" s="537"/>
      <c r="DH139" s="537"/>
      <c r="DI139" s="537"/>
      <c r="DJ139" s="538"/>
      <c r="DK139" s="501"/>
      <c r="DL139" s="486"/>
      <c r="DM139" s="487"/>
      <c r="DN139" s="508"/>
      <c r="DO139" s="509"/>
      <c r="DP139" s="509"/>
      <c r="DQ139" s="509"/>
      <c r="DR139" s="509"/>
      <c r="DS139" s="509"/>
      <c r="DT139" s="509"/>
      <c r="DU139" s="509"/>
      <c r="DV139" s="509"/>
      <c r="DW139" s="509"/>
      <c r="DX139" s="509"/>
      <c r="DY139" s="509"/>
      <c r="DZ139" s="509"/>
      <c r="EA139" s="510"/>
      <c r="EB139" s="165"/>
    </row>
    <row r="140" spans="50:132" ht="5.25" customHeight="1">
      <c r="BC140" s="564" t="s">
        <v>253</v>
      </c>
      <c r="BD140" s="564"/>
      <c r="BE140" s="564"/>
      <c r="BF140" s="564"/>
      <c r="BG140" s="564"/>
      <c r="BH140" s="564"/>
      <c r="BI140" s="564"/>
      <c r="BJ140" s="564"/>
      <c r="BK140" s="564"/>
      <c r="BL140" s="564"/>
      <c r="BM140" s="564"/>
      <c r="BN140" s="564"/>
      <c r="BO140" s="564"/>
      <c r="BP140" s="564"/>
      <c r="BQ140" s="564"/>
      <c r="BR140" s="564"/>
      <c r="BS140" s="564"/>
      <c r="BT140" s="564"/>
      <c r="BU140" s="564"/>
      <c r="BV140" s="564"/>
      <c r="BW140" s="564"/>
      <c r="BX140" s="564"/>
      <c r="BY140" s="564"/>
      <c r="BZ140" s="564"/>
      <c r="CA140" s="564"/>
      <c r="CB140" s="564"/>
      <c r="CC140" s="564"/>
      <c r="CD140" s="564"/>
      <c r="CE140" s="565"/>
      <c r="CF140" s="566" t="s">
        <v>34</v>
      </c>
      <c r="CG140" s="489"/>
      <c r="CH140" s="489"/>
      <c r="CI140" s="489"/>
      <c r="CJ140" s="489"/>
      <c r="CK140" s="490"/>
      <c r="CL140" s="638"/>
      <c r="CM140" s="639"/>
      <c r="CN140" s="639"/>
      <c r="CO140" s="639"/>
      <c r="CP140" s="639"/>
      <c r="CQ140" s="639"/>
      <c r="CR140" s="639"/>
      <c r="CS140" s="639"/>
      <c r="CT140" s="640"/>
      <c r="CU140" s="2"/>
      <c r="CV140" s="2"/>
      <c r="CW140" s="591"/>
      <c r="CX140" s="592"/>
      <c r="CY140" s="593"/>
      <c r="CZ140" s="570" t="s">
        <v>257</v>
      </c>
      <c r="DA140" s="571"/>
      <c r="DB140" s="571"/>
      <c r="DC140" s="571"/>
      <c r="DD140" s="571"/>
      <c r="DE140" s="571"/>
      <c r="DF140" s="571"/>
      <c r="DG140" s="571"/>
      <c r="DH140" s="571"/>
      <c r="DI140" s="571"/>
      <c r="DJ140" s="572"/>
      <c r="DK140" s="579" t="s">
        <v>33</v>
      </c>
      <c r="DL140" s="580"/>
      <c r="DM140" s="581"/>
      <c r="DN140" s="502"/>
      <c r="DO140" s="503"/>
      <c r="DP140" s="503"/>
      <c r="DQ140" s="503"/>
      <c r="DR140" s="503"/>
      <c r="DS140" s="503"/>
      <c r="DT140" s="503"/>
      <c r="DU140" s="503"/>
      <c r="DV140" s="503"/>
      <c r="DW140" s="503"/>
      <c r="DX140" s="503"/>
      <c r="DY140" s="503"/>
      <c r="DZ140" s="503"/>
      <c r="EA140" s="504"/>
      <c r="EB140" s="165"/>
    </row>
    <row r="141" spans="50:132" ht="5.25" customHeight="1">
      <c r="BC141" s="564"/>
      <c r="BD141" s="564"/>
      <c r="BE141" s="564"/>
      <c r="BF141" s="564"/>
      <c r="BG141" s="564"/>
      <c r="BH141" s="564"/>
      <c r="BI141" s="564"/>
      <c r="BJ141" s="564"/>
      <c r="BK141" s="564"/>
      <c r="BL141" s="564"/>
      <c r="BM141" s="564"/>
      <c r="BN141" s="564"/>
      <c r="BO141" s="564"/>
      <c r="BP141" s="564"/>
      <c r="BQ141" s="564"/>
      <c r="BR141" s="564"/>
      <c r="BS141" s="564"/>
      <c r="BT141" s="564"/>
      <c r="BU141" s="564"/>
      <c r="BV141" s="564"/>
      <c r="BW141" s="564"/>
      <c r="BX141" s="564"/>
      <c r="BY141" s="564"/>
      <c r="BZ141" s="564"/>
      <c r="CA141" s="564"/>
      <c r="CB141" s="564"/>
      <c r="CC141" s="564"/>
      <c r="CD141" s="564"/>
      <c r="CE141" s="565"/>
      <c r="CF141" s="566"/>
      <c r="CG141" s="489"/>
      <c r="CH141" s="489"/>
      <c r="CI141" s="489"/>
      <c r="CJ141" s="489"/>
      <c r="CK141" s="490"/>
      <c r="CL141" s="638"/>
      <c r="CM141" s="639"/>
      <c r="CN141" s="639"/>
      <c r="CO141" s="639"/>
      <c r="CP141" s="639"/>
      <c r="CQ141" s="639"/>
      <c r="CR141" s="639"/>
      <c r="CS141" s="639"/>
      <c r="CT141" s="640"/>
      <c r="CU141" s="2"/>
      <c r="CV141" s="2"/>
      <c r="CW141" s="591"/>
      <c r="CX141" s="592"/>
      <c r="CY141" s="593"/>
      <c r="CZ141" s="573"/>
      <c r="DA141" s="574"/>
      <c r="DB141" s="574"/>
      <c r="DC141" s="574"/>
      <c r="DD141" s="574"/>
      <c r="DE141" s="574"/>
      <c r="DF141" s="574"/>
      <c r="DG141" s="574"/>
      <c r="DH141" s="574"/>
      <c r="DI141" s="574"/>
      <c r="DJ141" s="575"/>
      <c r="DK141" s="582"/>
      <c r="DL141" s="583"/>
      <c r="DM141" s="584"/>
      <c r="DN141" s="505"/>
      <c r="DO141" s="506"/>
      <c r="DP141" s="506"/>
      <c r="DQ141" s="506"/>
      <c r="DR141" s="506"/>
      <c r="DS141" s="506"/>
      <c r="DT141" s="506"/>
      <c r="DU141" s="506"/>
      <c r="DV141" s="506"/>
      <c r="DW141" s="506"/>
      <c r="DX141" s="506"/>
      <c r="DY141" s="506"/>
      <c r="DZ141" s="506"/>
      <c r="EA141" s="507"/>
      <c r="EB141" s="165"/>
    </row>
    <row r="142" spans="50:132" ht="5.25" customHeight="1">
      <c r="BC142" s="175"/>
      <c r="BD142" s="175"/>
      <c r="BE142" s="175"/>
      <c r="BF142" s="175"/>
      <c r="BG142" s="175"/>
      <c r="BH142" s="175"/>
      <c r="BI142" s="175"/>
      <c r="BJ142" s="175"/>
      <c r="BK142" s="175"/>
      <c r="BL142" s="175"/>
      <c r="BM142" s="175"/>
      <c r="BN142" s="175"/>
      <c r="BO142" s="175"/>
      <c r="BP142" s="175"/>
      <c r="BQ142" s="175"/>
      <c r="BR142" s="175"/>
      <c r="BS142" s="175"/>
      <c r="BT142" s="175"/>
      <c r="BU142" s="175"/>
      <c r="BV142" s="175"/>
      <c r="BW142" s="175"/>
      <c r="BX142" s="175"/>
      <c r="BY142" s="175"/>
      <c r="BZ142" s="175"/>
      <c r="CA142" s="175"/>
      <c r="CB142" s="175"/>
      <c r="CC142" s="175"/>
      <c r="CD142" s="175"/>
      <c r="CE142" s="185"/>
      <c r="CF142" s="567"/>
      <c r="CG142" s="568"/>
      <c r="CH142" s="568"/>
      <c r="CI142" s="568"/>
      <c r="CJ142" s="568"/>
      <c r="CK142" s="569"/>
      <c r="CL142" s="641"/>
      <c r="CM142" s="642"/>
      <c r="CN142" s="642"/>
      <c r="CO142" s="642"/>
      <c r="CP142" s="642"/>
      <c r="CQ142" s="642"/>
      <c r="CR142" s="642"/>
      <c r="CS142" s="642"/>
      <c r="CT142" s="643"/>
      <c r="CU142" s="2"/>
      <c r="CV142" s="2"/>
      <c r="CW142" s="591"/>
      <c r="CX142" s="592"/>
      <c r="CY142" s="593"/>
      <c r="CZ142" s="573"/>
      <c r="DA142" s="574"/>
      <c r="DB142" s="574"/>
      <c r="DC142" s="574"/>
      <c r="DD142" s="574"/>
      <c r="DE142" s="574"/>
      <c r="DF142" s="574"/>
      <c r="DG142" s="574"/>
      <c r="DH142" s="574"/>
      <c r="DI142" s="574"/>
      <c r="DJ142" s="575"/>
      <c r="DK142" s="582" t="s">
        <v>32</v>
      </c>
      <c r="DL142" s="583"/>
      <c r="DM142" s="584"/>
      <c r="DN142" s="505"/>
      <c r="DO142" s="506"/>
      <c r="DP142" s="506"/>
      <c r="DQ142" s="506"/>
      <c r="DR142" s="506"/>
      <c r="DS142" s="506"/>
      <c r="DT142" s="506"/>
      <c r="DU142" s="506"/>
      <c r="DV142" s="506"/>
      <c r="DW142" s="506"/>
      <c r="DX142" s="506"/>
      <c r="DY142" s="506"/>
      <c r="DZ142" s="506"/>
      <c r="EA142" s="507"/>
      <c r="EB142" s="165"/>
    </row>
    <row r="143" spans="50:132" ht="5.25" customHeight="1">
      <c r="BC143" s="175"/>
      <c r="BD143" s="175"/>
      <c r="BE143" s="175"/>
      <c r="BF143" s="175"/>
      <c r="BG143" s="175"/>
      <c r="BH143" s="175"/>
      <c r="BI143" s="175"/>
      <c r="BJ143" s="175"/>
      <c r="BK143" s="175"/>
      <c r="BL143" s="175"/>
      <c r="BM143" s="175"/>
      <c r="BN143" s="175"/>
      <c r="BO143" s="175"/>
      <c r="BP143" s="175"/>
      <c r="BQ143" s="175"/>
      <c r="BR143" s="175"/>
      <c r="BS143" s="175"/>
      <c r="BT143" s="175"/>
      <c r="BU143" s="175"/>
      <c r="BV143" s="175"/>
      <c r="BW143" s="175"/>
      <c r="BX143" s="175"/>
      <c r="BY143" s="175"/>
      <c r="BZ143" s="175"/>
      <c r="CA143" s="175"/>
      <c r="CB143" s="175"/>
      <c r="CC143" s="175"/>
      <c r="CD143" s="175"/>
      <c r="CE143" s="175"/>
      <c r="CF143" s="175"/>
      <c r="CG143" s="175"/>
      <c r="CH143" s="175"/>
      <c r="CI143" s="175"/>
      <c r="CJ143" s="175"/>
      <c r="CK143" s="175"/>
      <c r="CL143" s="175"/>
      <c r="CM143" s="175"/>
      <c r="CN143" s="175"/>
      <c r="CO143" s="175"/>
      <c r="CP143" s="175"/>
      <c r="CQ143" s="175"/>
      <c r="CR143" s="175"/>
      <c r="CS143" s="175"/>
      <c r="CT143" s="175"/>
      <c r="CU143" s="2"/>
      <c r="CV143" s="2"/>
      <c r="CW143" s="591"/>
      <c r="CX143" s="592"/>
      <c r="CY143" s="593"/>
      <c r="CZ143" s="576"/>
      <c r="DA143" s="577"/>
      <c r="DB143" s="577"/>
      <c r="DC143" s="577"/>
      <c r="DD143" s="577"/>
      <c r="DE143" s="577"/>
      <c r="DF143" s="577"/>
      <c r="DG143" s="577"/>
      <c r="DH143" s="577"/>
      <c r="DI143" s="577"/>
      <c r="DJ143" s="578"/>
      <c r="DK143" s="585"/>
      <c r="DL143" s="586"/>
      <c r="DM143" s="587"/>
      <c r="DN143" s="508"/>
      <c r="DO143" s="509"/>
      <c r="DP143" s="509"/>
      <c r="DQ143" s="509"/>
      <c r="DR143" s="509"/>
      <c r="DS143" s="509"/>
      <c r="DT143" s="509"/>
      <c r="DU143" s="509"/>
      <c r="DV143" s="509"/>
      <c r="DW143" s="509"/>
      <c r="DX143" s="509"/>
      <c r="DY143" s="509"/>
      <c r="DZ143" s="509"/>
      <c r="EA143" s="510"/>
      <c r="EB143" s="165"/>
    </row>
    <row r="144" spans="50:132" ht="5.25" customHeight="1">
      <c r="CV144" s="2"/>
      <c r="CW144" s="591"/>
      <c r="CX144" s="592"/>
      <c r="CY144" s="593"/>
      <c r="CZ144" s="525" t="s">
        <v>31</v>
      </c>
      <c r="DA144" s="547"/>
      <c r="DB144" s="547"/>
      <c r="DC144" s="547"/>
      <c r="DD144" s="547"/>
      <c r="DE144" s="547"/>
      <c r="DF144" s="547"/>
      <c r="DG144" s="547"/>
      <c r="DH144" s="547"/>
      <c r="DI144" s="547"/>
      <c r="DJ144" s="548"/>
      <c r="DK144" s="539" t="s">
        <v>30</v>
      </c>
      <c r="DL144" s="540"/>
      <c r="DM144" s="541"/>
      <c r="DN144" s="502"/>
      <c r="DO144" s="503"/>
      <c r="DP144" s="503"/>
      <c r="DQ144" s="503"/>
      <c r="DR144" s="503"/>
      <c r="DS144" s="503"/>
      <c r="DT144" s="503"/>
      <c r="DU144" s="503"/>
      <c r="DV144" s="503"/>
      <c r="DW144" s="503"/>
      <c r="DX144" s="503"/>
      <c r="DY144" s="503"/>
      <c r="DZ144" s="503"/>
      <c r="EA144" s="504"/>
      <c r="EB144" s="165"/>
    </row>
    <row r="145" spans="55:132" ht="5.25" customHeight="1">
      <c r="CV145" s="2"/>
      <c r="CW145" s="591"/>
      <c r="CX145" s="592"/>
      <c r="CY145" s="593"/>
      <c r="CZ145" s="549"/>
      <c r="DA145" s="550"/>
      <c r="DB145" s="550"/>
      <c r="DC145" s="550"/>
      <c r="DD145" s="550"/>
      <c r="DE145" s="550"/>
      <c r="DF145" s="550"/>
      <c r="DG145" s="550"/>
      <c r="DH145" s="550"/>
      <c r="DI145" s="550"/>
      <c r="DJ145" s="551"/>
      <c r="DK145" s="542"/>
      <c r="DL145" s="520"/>
      <c r="DM145" s="543"/>
      <c r="DN145" s="505"/>
      <c r="DO145" s="506"/>
      <c r="DP145" s="506"/>
      <c r="DQ145" s="506"/>
      <c r="DR145" s="506"/>
      <c r="DS145" s="506"/>
      <c r="DT145" s="506"/>
      <c r="DU145" s="506"/>
      <c r="DV145" s="506"/>
      <c r="DW145" s="506"/>
      <c r="DX145" s="506"/>
      <c r="DY145" s="506"/>
      <c r="DZ145" s="506"/>
      <c r="EA145" s="507"/>
      <c r="EB145" s="165"/>
    </row>
    <row r="146" spans="55:132" ht="5.25" customHeight="1">
      <c r="CV146" s="2"/>
      <c r="CW146" s="591"/>
      <c r="CX146" s="592"/>
      <c r="CY146" s="593"/>
      <c r="CZ146" s="549"/>
      <c r="DA146" s="550"/>
      <c r="DB146" s="550"/>
      <c r="DC146" s="550"/>
      <c r="DD146" s="550"/>
      <c r="DE146" s="550"/>
      <c r="DF146" s="550"/>
      <c r="DG146" s="550"/>
      <c r="DH146" s="550"/>
      <c r="DI146" s="550"/>
      <c r="DJ146" s="551"/>
      <c r="DK146" s="542"/>
      <c r="DL146" s="520"/>
      <c r="DM146" s="543"/>
      <c r="DN146" s="505"/>
      <c r="DO146" s="506"/>
      <c r="DP146" s="506"/>
      <c r="DQ146" s="506"/>
      <c r="DR146" s="506"/>
      <c r="DS146" s="506"/>
      <c r="DT146" s="506"/>
      <c r="DU146" s="506"/>
      <c r="DV146" s="506"/>
      <c r="DW146" s="506"/>
      <c r="DX146" s="506"/>
      <c r="DY146" s="506"/>
      <c r="DZ146" s="506"/>
      <c r="EA146" s="507"/>
      <c r="EB146" s="165"/>
    </row>
    <row r="147" spans="55:132" ht="5.25" customHeight="1">
      <c r="CV147" s="2"/>
      <c r="CW147" s="591"/>
      <c r="CX147" s="592"/>
      <c r="CY147" s="593"/>
      <c r="CZ147" s="552"/>
      <c r="DA147" s="553"/>
      <c r="DB147" s="553"/>
      <c r="DC147" s="553"/>
      <c r="DD147" s="553"/>
      <c r="DE147" s="553"/>
      <c r="DF147" s="553"/>
      <c r="DG147" s="553"/>
      <c r="DH147" s="553"/>
      <c r="DI147" s="553"/>
      <c r="DJ147" s="554"/>
      <c r="DK147" s="544"/>
      <c r="DL147" s="545"/>
      <c r="DM147" s="546"/>
      <c r="DN147" s="508"/>
      <c r="DO147" s="509"/>
      <c r="DP147" s="509"/>
      <c r="DQ147" s="509"/>
      <c r="DR147" s="509"/>
      <c r="DS147" s="509"/>
      <c r="DT147" s="509"/>
      <c r="DU147" s="509"/>
      <c r="DV147" s="509"/>
      <c r="DW147" s="509"/>
      <c r="DX147" s="509"/>
      <c r="DY147" s="509"/>
      <c r="DZ147" s="509"/>
      <c r="EA147" s="510"/>
      <c r="EB147" s="165"/>
    </row>
    <row r="148" spans="55:132" ht="5.25" customHeight="1">
      <c r="CV148" s="2"/>
      <c r="CW148" s="591"/>
      <c r="CX148" s="592"/>
      <c r="CY148" s="593"/>
      <c r="CZ148" s="530" t="s">
        <v>29</v>
      </c>
      <c r="DA148" s="531"/>
      <c r="DB148" s="531"/>
      <c r="DC148" s="531"/>
      <c r="DD148" s="531"/>
      <c r="DE148" s="531"/>
      <c r="DF148" s="531"/>
      <c r="DG148" s="531"/>
      <c r="DH148" s="531"/>
      <c r="DI148" s="531"/>
      <c r="DJ148" s="532"/>
      <c r="DK148" s="539" t="s">
        <v>28</v>
      </c>
      <c r="DL148" s="540"/>
      <c r="DM148" s="541"/>
      <c r="DN148" s="502"/>
      <c r="DO148" s="503"/>
      <c r="DP148" s="503"/>
      <c r="DQ148" s="503"/>
      <c r="DR148" s="503"/>
      <c r="DS148" s="503"/>
      <c r="DT148" s="503"/>
      <c r="DU148" s="503"/>
      <c r="DV148" s="503"/>
      <c r="DW148" s="503"/>
      <c r="DX148" s="503"/>
      <c r="DY148" s="503"/>
      <c r="DZ148" s="503"/>
      <c r="EA148" s="504"/>
      <c r="EB148" s="165"/>
    </row>
    <row r="149" spans="55:132" ht="5.25" customHeight="1">
      <c r="BC149" s="16"/>
      <c r="BD149" s="16"/>
      <c r="BE149" s="16"/>
      <c r="BF149" s="16"/>
      <c r="BG149" s="16"/>
      <c r="BH149" s="16"/>
      <c r="BI149" s="16"/>
      <c r="BJ149" s="16"/>
      <c r="BK149" s="16"/>
      <c r="BL149" s="16"/>
      <c r="BM149" s="16"/>
      <c r="BN149" s="16"/>
      <c r="BO149" s="16"/>
      <c r="BP149" s="16"/>
      <c r="BQ149" s="16"/>
      <c r="BR149" s="16"/>
      <c r="BS149" s="16"/>
      <c r="BT149" s="16"/>
      <c r="BU149" s="16"/>
      <c r="BV149" s="16"/>
      <c r="BW149" s="16"/>
      <c r="BX149" s="16"/>
      <c r="BY149" s="16"/>
      <c r="BZ149" s="16"/>
      <c r="CA149" s="16"/>
      <c r="CB149" s="16"/>
      <c r="CC149" s="16"/>
      <c r="CD149" s="16"/>
      <c r="CE149" s="16"/>
      <c r="CF149" s="16"/>
      <c r="CG149" s="16"/>
      <c r="CH149" s="16"/>
      <c r="CI149" s="16"/>
      <c r="CJ149" s="16"/>
      <c r="CK149" s="16"/>
      <c r="CL149" s="16"/>
      <c r="CM149" s="16"/>
      <c r="CN149" s="16"/>
      <c r="CO149" s="16"/>
      <c r="CP149" s="16"/>
      <c r="CQ149" s="16"/>
      <c r="CR149" s="16"/>
      <c r="CS149" s="16"/>
      <c r="CT149" s="16"/>
      <c r="CU149" s="2"/>
      <c r="CV149" s="2"/>
      <c r="CW149" s="591"/>
      <c r="CX149" s="592"/>
      <c r="CY149" s="593"/>
      <c r="CZ149" s="533"/>
      <c r="DA149" s="534"/>
      <c r="DB149" s="534"/>
      <c r="DC149" s="534"/>
      <c r="DD149" s="534"/>
      <c r="DE149" s="534"/>
      <c r="DF149" s="534"/>
      <c r="DG149" s="534"/>
      <c r="DH149" s="534"/>
      <c r="DI149" s="534"/>
      <c r="DJ149" s="535"/>
      <c r="DK149" s="542"/>
      <c r="DL149" s="520"/>
      <c r="DM149" s="543"/>
      <c r="DN149" s="505"/>
      <c r="DO149" s="506"/>
      <c r="DP149" s="506"/>
      <c r="DQ149" s="506"/>
      <c r="DR149" s="506"/>
      <c r="DS149" s="506"/>
      <c r="DT149" s="506"/>
      <c r="DU149" s="506"/>
      <c r="DV149" s="506"/>
      <c r="DW149" s="506"/>
      <c r="DX149" s="506"/>
      <c r="DY149" s="506"/>
      <c r="DZ149" s="506"/>
      <c r="EA149" s="507"/>
      <c r="EB149" s="165"/>
    </row>
    <row r="150" spans="55:132" ht="5.25" customHeight="1">
      <c r="BC150" s="16"/>
      <c r="BD150" s="16"/>
      <c r="BE150" s="16"/>
      <c r="BF150" s="16"/>
      <c r="BG150" s="16"/>
      <c r="BH150" s="16"/>
      <c r="BI150" s="16"/>
      <c r="BJ150" s="16"/>
      <c r="BK150" s="16"/>
      <c r="BL150" s="16"/>
      <c r="BM150" s="16"/>
      <c r="BN150" s="16"/>
      <c r="BO150" s="16"/>
      <c r="BP150" s="16"/>
      <c r="BQ150" s="16"/>
      <c r="BR150" s="16"/>
      <c r="BS150" s="16"/>
      <c r="BT150" s="16"/>
      <c r="BU150" s="16"/>
      <c r="BV150" s="16"/>
      <c r="BW150" s="16"/>
      <c r="BX150" s="16"/>
      <c r="BY150" s="16"/>
      <c r="BZ150" s="16"/>
      <c r="CA150" s="16"/>
      <c r="CB150" s="16"/>
      <c r="CC150" s="16"/>
      <c r="CD150" s="16"/>
      <c r="CE150" s="16"/>
      <c r="CF150" s="16"/>
      <c r="CG150" s="16"/>
      <c r="CH150" s="16"/>
      <c r="CI150" s="16"/>
      <c r="CJ150" s="16"/>
      <c r="CK150" s="16"/>
      <c r="CL150" s="16"/>
      <c r="CM150" s="16"/>
      <c r="CN150" s="16"/>
      <c r="CO150" s="16"/>
      <c r="CP150" s="16"/>
      <c r="CQ150" s="16"/>
      <c r="CR150" s="16"/>
      <c r="CS150" s="16"/>
      <c r="CT150" s="16"/>
      <c r="CU150" s="2"/>
      <c r="CV150" s="2"/>
      <c r="CW150" s="591"/>
      <c r="CX150" s="592"/>
      <c r="CY150" s="593"/>
      <c r="CZ150" s="533"/>
      <c r="DA150" s="534"/>
      <c r="DB150" s="534"/>
      <c r="DC150" s="534"/>
      <c r="DD150" s="534"/>
      <c r="DE150" s="534"/>
      <c r="DF150" s="534"/>
      <c r="DG150" s="534"/>
      <c r="DH150" s="534"/>
      <c r="DI150" s="534"/>
      <c r="DJ150" s="535"/>
      <c r="DK150" s="542"/>
      <c r="DL150" s="520"/>
      <c r="DM150" s="543"/>
      <c r="DN150" s="505"/>
      <c r="DO150" s="506"/>
      <c r="DP150" s="506"/>
      <c r="DQ150" s="506"/>
      <c r="DR150" s="506"/>
      <c r="DS150" s="506"/>
      <c r="DT150" s="506"/>
      <c r="DU150" s="506"/>
      <c r="DV150" s="506"/>
      <c r="DW150" s="506"/>
      <c r="DX150" s="506"/>
      <c r="DY150" s="506"/>
      <c r="DZ150" s="506"/>
      <c r="EA150" s="507"/>
      <c r="EB150" s="165"/>
    </row>
    <row r="151" spans="55:132" ht="5.25" customHeight="1">
      <c r="BC151" s="16"/>
      <c r="BD151" s="16"/>
      <c r="BE151" s="16"/>
      <c r="BF151" s="16"/>
      <c r="BG151" s="16"/>
      <c r="BH151" s="16"/>
      <c r="BI151" s="16"/>
      <c r="BJ151" s="16"/>
      <c r="BK151" s="16"/>
      <c r="BL151" s="16"/>
      <c r="BM151" s="16"/>
      <c r="BN151" s="16"/>
      <c r="BO151" s="16"/>
      <c r="BP151" s="16"/>
      <c r="BQ151" s="16"/>
      <c r="BR151" s="16"/>
      <c r="BS151" s="16"/>
      <c r="BT151" s="16"/>
      <c r="BU151" s="16"/>
      <c r="BV151" s="16"/>
      <c r="BW151" s="16"/>
      <c r="BX151" s="16"/>
      <c r="BY151" s="16"/>
      <c r="BZ151" s="16"/>
      <c r="CA151" s="16"/>
      <c r="CB151" s="16"/>
      <c r="CC151" s="16"/>
      <c r="CD151" s="16"/>
      <c r="CE151" s="16"/>
      <c r="CF151" s="16"/>
      <c r="CG151" s="16"/>
      <c r="CH151" s="16"/>
      <c r="CI151" s="16"/>
      <c r="CJ151" s="16"/>
      <c r="CK151" s="16"/>
      <c r="CL151" s="16"/>
      <c r="CM151" s="16"/>
      <c r="CN151" s="16"/>
      <c r="CO151" s="16"/>
      <c r="CP151" s="16"/>
      <c r="CQ151" s="16"/>
      <c r="CR151" s="16"/>
      <c r="CS151" s="16"/>
      <c r="CT151" s="16"/>
      <c r="CU151" s="2"/>
      <c r="CV151" s="2"/>
      <c r="CW151" s="591"/>
      <c r="CX151" s="592"/>
      <c r="CY151" s="593"/>
      <c r="CZ151" s="536"/>
      <c r="DA151" s="537"/>
      <c r="DB151" s="537"/>
      <c r="DC151" s="537"/>
      <c r="DD151" s="537"/>
      <c r="DE151" s="537"/>
      <c r="DF151" s="537"/>
      <c r="DG151" s="537"/>
      <c r="DH151" s="537"/>
      <c r="DI151" s="537"/>
      <c r="DJ151" s="538"/>
      <c r="DK151" s="544"/>
      <c r="DL151" s="545"/>
      <c r="DM151" s="546"/>
      <c r="DN151" s="508"/>
      <c r="DO151" s="509"/>
      <c r="DP151" s="509"/>
      <c r="DQ151" s="509"/>
      <c r="DR151" s="509"/>
      <c r="DS151" s="509"/>
      <c r="DT151" s="509"/>
      <c r="DU151" s="509"/>
      <c r="DV151" s="509"/>
      <c r="DW151" s="509"/>
      <c r="DX151" s="509"/>
      <c r="DY151" s="509"/>
      <c r="DZ151" s="509"/>
      <c r="EA151" s="510"/>
      <c r="EB151" s="165"/>
    </row>
    <row r="152" spans="55:132" ht="5.25" customHeight="1">
      <c r="BC152" s="16"/>
      <c r="BD152" s="16"/>
      <c r="BE152" s="16"/>
      <c r="BF152" s="16"/>
      <c r="BG152" s="16"/>
      <c r="BH152" s="16"/>
      <c r="BI152" s="16"/>
      <c r="BJ152" s="16"/>
      <c r="BK152" s="16"/>
      <c r="BL152" s="16"/>
      <c r="BM152" s="16"/>
      <c r="BN152" s="16"/>
      <c r="BO152" s="16"/>
      <c r="BP152" s="16"/>
      <c r="BQ152" s="16"/>
      <c r="BR152" s="16"/>
      <c r="BS152" s="16"/>
      <c r="BT152" s="16"/>
      <c r="BU152" s="16"/>
      <c r="BV152" s="16"/>
      <c r="BW152" s="16"/>
      <c r="BX152" s="16"/>
      <c r="BY152" s="16"/>
      <c r="BZ152" s="16"/>
      <c r="CA152" s="16"/>
      <c r="CB152" s="16"/>
      <c r="CC152" s="16"/>
      <c r="CD152" s="16"/>
      <c r="CE152" s="16"/>
      <c r="CF152" s="16"/>
      <c r="CG152" s="16"/>
      <c r="CH152" s="16"/>
      <c r="CI152" s="16"/>
      <c r="CJ152" s="16"/>
      <c r="CK152" s="16"/>
      <c r="CL152" s="16"/>
      <c r="CM152" s="16"/>
      <c r="CN152" s="16"/>
      <c r="CO152" s="16"/>
      <c r="CP152" s="16"/>
      <c r="CQ152" s="16"/>
      <c r="CR152" s="16"/>
      <c r="CS152" s="16"/>
      <c r="CT152" s="16"/>
      <c r="CU152" s="2"/>
      <c r="CV152" s="165"/>
      <c r="CW152" s="591"/>
      <c r="CX152" s="592"/>
      <c r="CY152" s="593"/>
      <c r="CZ152" s="525" t="s">
        <v>27</v>
      </c>
      <c r="DA152" s="547"/>
      <c r="DB152" s="547"/>
      <c r="DC152" s="547"/>
      <c r="DD152" s="547"/>
      <c r="DE152" s="547"/>
      <c r="DF152" s="547"/>
      <c r="DG152" s="547"/>
      <c r="DH152" s="547"/>
      <c r="DI152" s="547"/>
      <c r="DJ152" s="548"/>
      <c r="DK152" s="555">
        <v>21</v>
      </c>
      <c r="DL152" s="556"/>
      <c r="DM152" s="557"/>
      <c r="DN152" s="502"/>
      <c r="DO152" s="503"/>
      <c r="DP152" s="503"/>
      <c r="DQ152" s="503"/>
      <c r="DR152" s="503"/>
      <c r="DS152" s="503"/>
      <c r="DT152" s="503"/>
      <c r="DU152" s="503"/>
      <c r="DV152" s="503"/>
      <c r="DW152" s="503"/>
      <c r="DX152" s="503"/>
      <c r="DY152" s="503"/>
      <c r="DZ152" s="503"/>
      <c r="EA152" s="504"/>
      <c r="EB152" s="165"/>
    </row>
    <row r="153" spans="55:132" ht="5.25" customHeight="1">
      <c r="BC153" s="264"/>
      <c r="BD153" s="264"/>
      <c r="BE153" s="264"/>
      <c r="BF153" s="264"/>
      <c r="BG153" s="264"/>
      <c r="BH153" s="264"/>
      <c r="BI153" s="264"/>
      <c r="BJ153" s="264"/>
      <c r="BK153" s="264"/>
      <c r="BL153" s="264"/>
      <c r="BM153" s="264"/>
      <c r="BN153" s="264"/>
      <c r="BO153" s="264"/>
      <c r="BP153" s="264"/>
      <c r="BQ153" s="264"/>
      <c r="BR153" s="264"/>
      <c r="BS153" s="264"/>
      <c r="BT153" s="264"/>
      <c r="BU153" s="264"/>
      <c r="BV153" s="264"/>
      <c r="BW153" s="264"/>
      <c r="BX153" s="264"/>
      <c r="BY153" s="264"/>
      <c r="BZ153" s="264"/>
      <c r="CA153" s="264"/>
      <c r="CB153" s="264"/>
      <c r="CC153" s="264"/>
      <c r="CD153" s="264"/>
      <c r="CE153" s="264"/>
      <c r="CF153" s="264"/>
      <c r="CG153" s="264"/>
      <c r="CH153" s="264"/>
      <c r="CI153" s="264"/>
      <c r="CJ153" s="264"/>
      <c r="CK153" s="264"/>
      <c r="CL153" s="264"/>
      <c r="CM153" s="264"/>
      <c r="CN153" s="264"/>
      <c r="CO153" s="264"/>
      <c r="CP153" s="264"/>
      <c r="CQ153" s="264"/>
      <c r="CR153" s="264"/>
      <c r="CS153" s="264"/>
      <c r="CT153" s="264"/>
      <c r="CU153" s="165"/>
      <c r="CV153" s="165"/>
      <c r="CW153" s="591"/>
      <c r="CX153" s="592"/>
      <c r="CY153" s="593"/>
      <c r="CZ153" s="549"/>
      <c r="DA153" s="550"/>
      <c r="DB153" s="550"/>
      <c r="DC153" s="550"/>
      <c r="DD153" s="550"/>
      <c r="DE153" s="550"/>
      <c r="DF153" s="550"/>
      <c r="DG153" s="550"/>
      <c r="DH153" s="550"/>
      <c r="DI153" s="550"/>
      <c r="DJ153" s="551"/>
      <c r="DK153" s="456"/>
      <c r="DL153" s="457"/>
      <c r="DM153" s="558"/>
      <c r="DN153" s="505"/>
      <c r="DO153" s="506"/>
      <c r="DP153" s="506"/>
      <c r="DQ153" s="506"/>
      <c r="DR153" s="506"/>
      <c r="DS153" s="506"/>
      <c r="DT153" s="506"/>
      <c r="DU153" s="506"/>
      <c r="DV153" s="506"/>
      <c r="DW153" s="506"/>
      <c r="DX153" s="506"/>
      <c r="DY153" s="506"/>
      <c r="DZ153" s="506"/>
      <c r="EA153" s="507"/>
      <c r="EB153" s="165"/>
    </row>
    <row r="154" spans="55:132" ht="5.25" customHeight="1">
      <c r="BC154" s="264"/>
      <c r="BD154" s="264"/>
      <c r="BE154" s="264"/>
      <c r="BF154" s="264"/>
      <c r="BG154" s="264"/>
      <c r="BH154" s="264"/>
      <c r="BI154" s="264"/>
      <c r="BJ154" s="264"/>
      <c r="BK154" s="264"/>
      <c r="BL154" s="264"/>
      <c r="BM154" s="264"/>
      <c r="BN154" s="264"/>
      <c r="BO154" s="264"/>
      <c r="BP154" s="264"/>
      <c r="BQ154" s="264"/>
      <c r="BR154" s="264"/>
      <c r="BS154" s="264"/>
      <c r="BT154" s="264"/>
      <c r="BU154" s="264"/>
      <c r="BV154" s="264"/>
      <c r="BW154" s="264"/>
      <c r="BX154" s="264"/>
      <c r="BY154" s="264"/>
      <c r="BZ154" s="264"/>
      <c r="CA154" s="264"/>
      <c r="CB154" s="264"/>
      <c r="CC154" s="264"/>
      <c r="CD154" s="264"/>
      <c r="CE154" s="264"/>
      <c r="CF154" s="264"/>
      <c r="CG154" s="264"/>
      <c r="CH154" s="264"/>
      <c r="CI154" s="264"/>
      <c r="CJ154" s="264"/>
      <c r="CK154" s="264"/>
      <c r="CL154" s="264"/>
      <c r="CM154" s="264"/>
      <c r="CN154" s="264"/>
      <c r="CO154" s="264"/>
      <c r="CP154" s="264"/>
      <c r="CQ154" s="264"/>
      <c r="CR154" s="264"/>
      <c r="CS154" s="264"/>
      <c r="CT154" s="264"/>
      <c r="CU154" s="165"/>
      <c r="CV154" s="165"/>
      <c r="CW154" s="591"/>
      <c r="CX154" s="592"/>
      <c r="CY154" s="593"/>
      <c r="CZ154" s="549"/>
      <c r="DA154" s="550"/>
      <c r="DB154" s="550"/>
      <c r="DC154" s="550"/>
      <c r="DD154" s="550"/>
      <c r="DE154" s="550"/>
      <c r="DF154" s="550"/>
      <c r="DG154" s="550"/>
      <c r="DH154" s="550"/>
      <c r="DI154" s="550"/>
      <c r="DJ154" s="551"/>
      <c r="DK154" s="456"/>
      <c r="DL154" s="457"/>
      <c r="DM154" s="558"/>
      <c r="DN154" s="505"/>
      <c r="DO154" s="506"/>
      <c r="DP154" s="506"/>
      <c r="DQ154" s="506"/>
      <c r="DR154" s="506"/>
      <c r="DS154" s="506"/>
      <c r="DT154" s="506"/>
      <c r="DU154" s="506"/>
      <c r="DV154" s="506"/>
      <c r="DW154" s="506"/>
      <c r="DX154" s="506"/>
      <c r="DY154" s="506"/>
      <c r="DZ154" s="506"/>
      <c r="EA154" s="507"/>
      <c r="EB154" s="165"/>
    </row>
    <row r="155" spans="55:132" ht="5.25" customHeight="1">
      <c r="BC155" s="264"/>
      <c r="BD155" s="264"/>
      <c r="BE155" s="264"/>
      <c r="BF155" s="264"/>
      <c r="BG155" s="264"/>
      <c r="BH155" s="264"/>
      <c r="BI155" s="264"/>
      <c r="BJ155" s="264"/>
      <c r="BK155" s="264"/>
      <c r="BL155" s="264"/>
      <c r="BM155" s="264"/>
      <c r="BN155" s="264"/>
      <c r="BO155" s="264"/>
      <c r="BP155" s="264"/>
      <c r="BQ155" s="264"/>
      <c r="BR155" s="264"/>
      <c r="BS155" s="264"/>
      <c r="BT155" s="264"/>
      <c r="BU155" s="264"/>
      <c r="BV155" s="264"/>
      <c r="BW155" s="264"/>
      <c r="BX155" s="264"/>
      <c r="BY155" s="264"/>
      <c r="BZ155" s="264"/>
      <c r="CA155" s="264"/>
      <c r="CB155" s="264"/>
      <c r="CC155" s="264"/>
      <c r="CD155" s="264"/>
      <c r="CE155" s="264"/>
      <c r="CF155" s="264"/>
      <c r="CG155" s="264"/>
      <c r="CH155" s="264"/>
      <c r="CI155" s="264"/>
      <c r="CJ155" s="264"/>
      <c r="CK155" s="264"/>
      <c r="CL155" s="264"/>
      <c r="CM155" s="264"/>
      <c r="CN155" s="264"/>
      <c r="CO155" s="264"/>
      <c r="CP155" s="264"/>
      <c r="CQ155" s="264"/>
      <c r="CR155" s="264"/>
      <c r="CS155" s="264"/>
      <c r="CT155" s="264"/>
      <c r="CU155" s="165"/>
      <c r="CV155" s="165"/>
      <c r="CW155" s="591"/>
      <c r="CX155" s="592"/>
      <c r="CY155" s="593"/>
      <c r="CZ155" s="552"/>
      <c r="DA155" s="553"/>
      <c r="DB155" s="553"/>
      <c r="DC155" s="553"/>
      <c r="DD155" s="553"/>
      <c r="DE155" s="553"/>
      <c r="DF155" s="553"/>
      <c r="DG155" s="553"/>
      <c r="DH155" s="553"/>
      <c r="DI155" s="553"/>
      <c r="DJ155" s="554"/>
      <c r="DK155" s="559"/>
      <c r="DL155" s="560"/>
      <c r="DM155" s="561"/>
      <c r="DN155" s="508"/>
      <c r="DO155" s="509"/>
      <c r="DP155" s="509"/>
      <c r="DQ155" s="509"/>
      <c r="DR155" s="509"/>
      <c r="DS155" s="509"/>
      <c r="DT155" s="509"/>
      <c r="DU155" s="509"/>
      <c r="DV155" s="509"/>
      <c r="DW155" s="509"/>
      <c r="DX155" s="509"/>
      <c r="DY155" s="509"/>
      <c r="DZ155" s="509"/>
      <c r="EA155" s="510"/>
      <c r="EB155" s="165"/>
    </row>
    <row r="156" spans="55:132" ht="5.25" customHeight="1">
      <c r="BC156" s="521"/>
      <c r="BD156" s="521"/>
      <c r="BE156" s="521"/>
      <c r="BF156" s="521"/>
      <c r="BG156" s="521"/>
      <c r="BH156" s="521"/>
      <c r="BI156" s="521"/>
      <c r="BJ156" s="521"/>
      <c r="BK156" s="521"/>
      <c r="BL156" s="521"/>
      <c r="BM156" s="521"/>
      <c r="BN156" s="521"/>
      <c r="BO156" s="521"/>
      <c r="BP156" s="521"/>
      <c r="BQ156" s="521"/>
      <c r="BR156" s="521"/>
      <c r="BS156" s="521"/>
      <c r="BT156" s="521"/>
      <c r="BU156" s="521"/>
      <c r="BV156" s="521"/>
      <c r="BW156" s="521"/>
      <c r="BX156" s="521"/>
      <c r="BY156" s="521"/>
      <c r="BZ156" s="521"/>
      <c r="CA156" s="521"/>
      <c r="CB156" s="521"/>
      <c r="CC156" s="521"/>
      <c r="CD156" s="521"/>
      <c r="CE156" s="521"/>
      <c r="CF156" s="521"/>
      <c r="CG156" s="521"/>
      <c r="CH156" s="521"/>
      <c r="CI156" s="521"/>
      <c r="CJ156" s="521"/>
      <c r="CK156" s="521"/>
      <c r="CL156" s="521"/>
      <c r="CM156" s="521"/>
      <c r="CN156" s="521"/>
      <c r="CO156" s="521"/>
      <c r="CP156" s="521"/>
      <c r="CQ156" s="521"/>
      <c r="CR156" s="521"/>
      <c r="CS156" s="521"/>
      <c r="CT156" s="521"/>
      <c r="CU156" s="165"/>
      <c r="CV156" s="165"/>
      <c r="CW156" s="591"/>
      <c r="CX156" s="592"/>
      <c r="CY156" s="593"/>
      <c r="CZ156" s="522" t="s">
        <v>26</v>
      </c>
      <c r="DA156" s="522"/>
      <c r="DB156" s="522"/>
      <c r="DC156" s="522"/>
      <c r="DD156" s="522"/>
      <c r="DE156" s="522"/>
      <c r="DF156" s="522"/>
      <c r="DG156" s="522"/>
      <c r="DH156" s="522"/>
      <c r="DI156" s="522"/>
      <c r="DJ156" s="523"/>
      <c r="DK156" s="526">
        <v>22</v>
      </c>
      <c r="DL156" s="527"/>
      <c r="DM156" s="528"/>
      <c r="DN156" s="601" t="s">
        <v>25</v>
      </c>
      <c r="DO156" s="602"/>
      <c r="DP156" s="602"/>
      <c r="DQ156" s="602"/>
      <c r="DR156" s="602"/>
      <c r="DS156" s="602"/>
      <c r="DT156" s="602"/>
      <c r="DU156" s="602"/>
      <c r="DV156" s="602"/>
      <c r="DW156" s="602"/>
      <c r="DX156" s="602"/>
      <c r="DY156" s="602"/>
      <c r="DZ156" s="602"/>
      <c r="EA156" s="603"/>
      <c r="EB156" s="165"/>
    </row>
    <row r="157" spans="55:132" ht="5.25" customHeight="1">
      <c r="BC157" s="521"/>
      <c r="BD157" s="521"/>
      <c r="BE157" s="521"/>
      <c r="BF157" s="521"/>
      <c r="BG157" s="521"/>
      <c r="BH157" s="521"/>
      <c r="BI157" s="521"/>
      <c r="BJ157" s="521"/>
      <c r="BK157" s="521"/>
      <c r="BL157" s="521"/>
      <c r="BM157" s="521"/>
      <c r="BN157" s="521"/>
      <c r="BO157" s="521"/>
      <c r="BP157" s="521"/>
      <c r="BQ157" s="521"/>
      <c r="BR157" s="521"/>
      <c r="BS157" s="521"/>
      <c r="BT157" s="521"/>
      <c r="BU157" s="521"/>
      <c r="BV157" s="521"/>
      <c r="BW157" s="521"/>
      <c r="BX157" s="521"/>
      <c r="BY157" s="521"/>
      <c r="BZ157" s="521"/>
      <c r="CA157" s="521"/>
      <c r="CB157" s="521"/>
      <c r="CC157" s="521"/>
      <c r="CD157" s="521"/>
      <c r="CE157" s="521"/>
      <c r="CF157" s="521"/>
      <c r="CG157" s="521"/>
      <c r="CH157" s="521"/>
      <c r="CI157" s="521"/>
      <c r="CJ157" s="521"/>
      <c r="CK157" s="521"/>
      <c r="CL157" s="521"/>
      <c r="CM157" s="521"/>
      <c r="CN157" s="521"/>
      <c r="CO157" s="521"/>
      <c r="CP157" s="521"/>
      <c r="CQ157" s="521"/>
      <c r="CR157" s="521"/>
      <c r="CS157" s="521"/>
      <c r="CT157" s="521"/>
      <c r="CU157" s="165"/>
      <c r="CV157" s="165"/>
      <c r="CW157" s="591"/>
      <c r="CX157" s="592"/>
      <c r="CY157" s="593"/>
      <c r="CZ157" s="522"/>
      <c r="DA157" s="522"/>
      <c r="DB157" s="522"/>
      <c r="DC157" s="522"/>
      <c r="DD157" s="522"/>
      <c r="DE157" s="522"/>
      <c r="DF157" s="522"/>
      <c r="DG157" s="522"/>
      <c r="DH157" s="522"/>
      <c r="DI157" s="522"/>
      <c r="DJ157" s="523"/>
      <c r="DK157" s="526"/>
      <c r="DL157" s="527"/>
      <c r="DM157" s="528"/>
      <c r="DN157" s="604"/>
      <c r="DO157" s="605"/>
      <c r="DP157" s="605"/>
      <c r="DQ157" s="605"/>
      <c r="DR157" s="605"/>
      <c r="DS157" s="605"/>
      <c r="DT157" s="605"/>
      <c r="DU157" s="605"/>
      <c r="DV157" s="605"/>
      <c r="DW157" s="605"/>
      <c r="DX157" s="605"/>
      <c r="DY157" s="605"/>
      <c r="DZ157" s="605"/>
      <c r="EA157" s="606"/>
      <c r="EB157" s="165"/>
    </row>
    <row r="158" spans="55:132" ht="5.25" customHeight="1">
      <c r="BC158" s="521"/>
      <c r="BD158" s="521"/>
      <c r="BE158" s="521"/>
      <c r="BF158" s="521"/>
      <c r="BG158" s="521"/>
      <c r="BH158" s="521"/>
      <c r="BI158" s="521"/>
      <c r="BJ158" s="521"/>
      <c r="BK158" s="521"/>
      <c r="BL158" s="521"/>
      <c r="BM158" s="521"/>
      <c r="BN158" s="521"/>
      <c r="BO158" s="521"/>
      <c r="BP158" s="521"/>
      <c r="BQ158" s="521"/>
      <c r="BR158" s="521"/>
      <c r="BS158" s="521"/>
      <c r="BT158" s="521"/>
      <c r="BU158" s="521"/>
      <c r="BV158" s="521"/>
      <c r="BW158" s="521"/>
      <c r="BX158" s="521"/>
      <c r="BY158" s="521"/>
      <c r="BZ158" s="521"/>
      <c r="CA158" s="521"/>
      <c r="CB158" s="521"/>
      <c r="CC158" s="521"/>
      <c r="CD158" s="521"/>
      <c r="CE158" s="521"/>
      <c r="CF158" s="521"/>
      <c r="CG158" s="521"/>
      <c r="CH158" s="521"/>
      <c r="CI158" s="521"/>
      <c r="CJ158" s="521"/>
      <c r="CK158" s="521"/>
      <c r="CL158" s="521"/>
      <c r="CM158" s="521"/>
      <c r="CN158" s="521"/>
      <c r="CO158" s="521"/>
      <c r="CP158" s="521"/>
      <c r="CQ158" s="521"/>
      <c r="CR158" s="521"/>
      <c r="CS158" s="521"/>
      <c r="CT158" s="521"/>
      <c r="CU158" s="165"/>
      <c r="CV158" s="165"/>
      <c r="CW158" s="591"/>
      <c r="CX158" s="592"/>
      <c r="CY158" s="593"/>
      <c r="CZ158" s="522"/>
      <c r="DA158" s="522"/>
      <c r="DB158" s="522"/>
      <c r="DC158" s="522"/>
      <c r="DD158" s="522"/>
      <c r="DE158" s="522"/>
      <c r="DF158" s="522"/>
      <c r="DG158" s="522"/>
      <c r="DH158" s="522"/>
      <c r="DI158" s="522"/>
      <c r="DJ158" s="523"/>
      <c r="DK158" s="526"/>
      <c r="DL158" s="527"/>
      <c r="DM158" s="528"/>
      <c r="DN158" s="604"/>
      <c r="DO158" s="605"/>
      <c r="DP158" s="605"/>
      <c r="DQ158" s="605"/>
      <c r="DR158" s="605"/>
      <c r="DS158" s="605"/>
      <c r="DT158" s="605"/>
      <c r="DU158" s="605"/>
      <c r="DV158" s="605"/>
      <c r="DW158" s="605"/>
      <c r="DX158" s="605"/>
      <c r="DY158" s="605"/>
      <c r="DZ158" s="605"/>
      <c r="EA158" s="606"/>
      <c r="EB158" s="165"/>
    </row>
    <row r="159" spans="55:132" ht="5.25" customHeight="1">
      <c r="BC159" s="521"/>
      <c r="BD159" s="521"/>
      <c r="BE159" s="521"/>
      <c r="BF159" s="521"/>
      <c r="BG159" s="521"/>
      <c r="BH159" s="521"/>
      <c r="BI159" s="521"/>
      <c r="BJ159" s="521"/>
      <c r="BK159" s="521"/>
      <c r="BL159" s="521"/>
      <c r="BM159" s="521"/>
      <c r="BN159" s="521"/>
      <c r="BO159" s="521"/>
      <c r="BP159" s="521"/>
      <c r="BQ159" s="521"/>
      <c r="BR159" s="521"/>
      <c r="BS159" s="521"/>
      <c r="BT159" s="521"/>
      <c r="BU159" s="521"/>
      <c r="BV159" s="521"/>
      <c r="BW159" s="521"/>
      <c r="BX159" s="521"/>
      <c r="BY159" s="521"/>
      <c r="BZ159" s="521"/>
      <c r="CA159" s="521"/>
      <c r="CB159" s="521"/>
      <c r="CC159" s="521"/>
      <c r="CD159" s="521"/>
      <c r="CE159" s="521"/>
      <c r="CF159" s="521"/>
      <c r="CG159" s="521"/>
      <c r="CH159" s="521"/>
      <c r="CI159" s="521"/>
      <c r="CJ159" s="521"/>
      <c r="CK159" s="521"/>
      <c r="CL159" s="521"/>
      <c r="CM159" s="521"/>
      <c r="CN159" s="521"/>
      <c r="CO159" s="521"/>
      <c r="CP159" s="521"/>
      <c r="CQ159" s="521"/>
      <c r="CR159" s="521"/>
      <c r="CS159" s="521"/>
      <c r="CT159" s="521"/>
      <c r="CU159" s="165"/>
      <c r="CV159" s="165"/>
      <c r="CW159" s="591"/>
      <c r="CX159" s="592"/>
      <c r="CY159" s="593"/>
      <c r="CZ159" s="524"/>
      <c r="DA159" s="524"/>
      <c r="DB159" s="524"/>
      <c r="DC159" s="524"/>
      <c r="DD159" s="524"/>
      <c r="DE159" s="524"/>
      <c r="DF159" s="524"/>
      <c r="DG159" s="524"/>
      <c r="DH159" s="524"/>
      <c r="DI159" s="524"/>
      <c r="DJ159" s="525"/>
      <c r="DK159" s="526"/>
      <c r="DL159" s="527"/>
      <c r="DM159" s="528"/>
      <c r="DN159" s="607"/>
      <c r="DO159" s="608"/>
      <c r="DP159" s="608"/>
      <c r="DQ159" s="608"/>
      <c r="DR159" s="608"/>
      <c r="DS159" s="608"/>
      <c r="DT159" s="608"/>
      <c r="DU159" s="608"/>
      <c r="DV159" s="608"/>
      <c r="DW159" s="608"/>
      <c r="DX159" s="608"/>
      <c r="DY159" s="608"/>
      <c r="DZ159" s="608"/>
      <c r="EA159" s="609"/>
      <c r="EB159" s="165"/>
    </row>
    <row r="160" spans="55:132" ht="5.25" customHeight="1">
      <c r="BC160" s="529"/>
      <c r="BD160" s="529"/>
      <c r="BE160" s="529"/>
      <c r="BF160" s="529"/>
      <c r="BG160" s="529"/>
      <c r="BH160" s="529"/>
      <c r="BI160" s="529"/>
      <c r="BJ160" s="529"/>
      <c r="BK160" s="529"/>
      <c r="BL160" s="529"/>
      <c r="BM160" s="529"/>
      <c r="BN160" s="529"/>
      <c r="BO160" s="529"/>
      <c r="BP160" s="529"/>
      <c r="BQ160" s="529"/>
      <c r="BR160" s="529"/>
      <c r="BS160" s="529"/>
      <c r="BT160" s="529"/>
      <c r="BU160" s="529"/>
      <c r="BV160" s="529"/>
      <c r="BW160" s="529"/>
      <c r="BX160" s="529"/>
      <c r="BY160" s="529"/>
      <c r="BZ160" s="529"/>
      <c r="CA160" s="529"/>
      <c r="CB160" s="529"/>
      <c r="CC160" s="529"/>
      <c r="CD160" s="529"/>
      <c r="CE160" s="529"/>
      <c r="CF160" s="529"/>
      <c r="CG160" s="529"/>
      <c r="CH160" s="529"/>
      <c r="CI160" s="529"/>
      <c r="CJ160" s="529"/>
      <c r="CK160" s="529"/>
      <c r="CL160" s="529"/>
      <c r="CM160" s="529"/>
      <c r="CN160" s="529"/>
      <c r="CO160" s="529"/>
      <c r="CP160" s="529"/>
      <c r="CQ160" s="529"/>
      <c r="CR160" s="529"/>
      <c r="CS160" s="529"/>
      <c r="CT160" s="529"/>
      <c r="CU160" s="529"/>
      <c r="CV160" s="165"/>
      <c r="CW160" s="591"/>
      <c r="CX160" s="592"/>
      <c r="CY160" s="593"/>
      <c r="CZ160" s="610" t="s">
        <v>16</v>
      </c>
      <c r="DA160" s="610"/>
      <c r="DB160" s="610"/>
      <c r="DC160" s="610"/>
      <c r="DD160" s="610"/>
      <c r="DE160" s="610"/>
      <c r="DF160" s="610"/>
      <c r="DG160" s="610"/>
      <c r="DH160" s="610"/>
      <c r="DI160" s="610"/>
      <c r="DJ160" s="610"/>
      <c r="DK160" s="613">
        <v>23</v>
      </c>
      <c r="DL160" s="613"/>
      <c r="DM160" s="613"/>
      <c r="DN160" s="616"/>
      <c r="DO160" s="617"/>
      <c r="DP160" s="617"/>
      <c r="DQ160" s="617"/>
      <c r="DR160" s="617"/>
      <c r="DS160" s="617"/>
      <c r="DT160" s="617"/>
      <c r="DU160" s="617"/>
      <c r="DV160" s="617"/>
      <c r="DW160" s="617"/>
      <c r="DX160" s="617"/>
      <c r="DY160" s="617"/>
      <c r="DZ160" s="617"/>
      <c r="EA160" s="618"/>
      <c r="EB160" s="165"/>
    </row>
    <row r="161" spans="53:132" ht="5.25" customHeight="1">
      <c r="BC161" s="529"/>
      <c r="BD161" s="529"/>
      <c r="BE161" s="529"/>
      <c r="BF161" s="529"/>
      <c r="BG161" s="529"/>
      <c r="BH161" s="529"/>
      <c r="BI161" s="529"/>
      <c r="BJ161" s="529"/>
      <c r="BK161" s="529"/>
      <c r="BL161" s="529"/>
      <c r="BM161" s="529"/>
      <c r="BN161" s="529"/>
      <c r="BO161" s="529"/>
      <c r="BP161" s="529"/>
      <c r="BQ161" s="529"/>
      <c r="BR161" s="529"/>
      <c r="BS161" s="529"/>
      <c r="BT161" s="529"/>
      <c r="BU161" s="529"/>
      <c r="BV161" s="529"/>
      <c r="BW161" s="529"/>
      <c r="BX161" s="529"/>
      <c r="BY161" s="529"/>
      <c r="BZ161" s="529"/>
      <c r="CA161" s="529"/>
      <c r="CB161" s="529"/>
      <c r="CC161" s="529"/>
      <c r="CD161" s="529"/>
      <c r="CE161" s="529"/>
      <c r="CF161" s="529"/>
      <c r="CG161" s="529"/>
      <c r="CH161" s="529"/>
      <c r="CI161" s="529"/>
      <c r="CJ161" s="529"/>
      <c r="CK161" s="529"/>
      <c r="CL161" s="529"/>
      <c r="CM161" s="529"/>
      <c r="CN161" s="529"/>
      <c r="CO161" s="529"/>
      <c r="CP161" s="529"/>
      <c r="CQ161" s="529"/>
      <c r="CR161" s="529"/>
      <c r="CS161" s="529"/>
      <c r="CT161" s="529"/>
      <c r="CU161" s="529"/>
      <c r="CV161" s="165"/>
      <c r="CW161" s="591"/>
      <c r="CX161" s="592"/>
      <c r="CY161" s="593"/>
      <c r="CZ161" s="611"/>
      <c r="DA161" s="611"/>
      <c r="DB161" s="611"/>
      <c r="DC161" s="611"/>
      <c r="DD161" s="611"/>
      <c r="DE161" s="611"/>
      <c r="DF161" s="611"/>
      <c r="DG161" s="611"/>
      <c r="DH161" s="611"/>
      <c r="DI161" s="611"/>
      <c r="DJ161" s="611"/>
      <c r="DK161" s="614"/>
      <c r="DL161" s="614"/>
      <c r="DM161" s="614"/>
      <c r="DN161" s="619"/>
      <c r="DO161" s="619"/>
      <c r="DP161" s="619"/>
      <c r="DQ161" s="619"/>
      <c r="DR161" s="619"/>
      <c r="DS161" s="619"/>
      <c r="DT161" s="619"/>
      <c r="DU161" s="619"/>
      <c r="DV161" s="619"/>
      <c r="DW161" s="619"/>
      <c r="DX161" s="619"/>
      <c r="DY161" s="619"/>
      <c r="DZ161" s="619"/>
      <c r="EA161" s="620"/>
      <c r="EB161" s="165"/>
    </row>
    <row r="162" spans="53:132" ht="5.25" customHeight="1">
      <c r="BC162" s="529"/>
      <c r="BD162" s="529"/>
      <c r="BE162" s="529"/>
      <c r="BF162" s="529"/>
      <c r="BG162" s="529"/>
      <c r="BH162" s="529"/>
      <c r="BI162" s="529"/>
      <c r="BJ162" s="529"/>
      <c r="BK162" s="529"/>
      <c r="BL162" s="529"/>
      <c r="BM162" s="529"/>
      <c r="BN162" s="529"/>
      <c r="BO162" s="529"/>
      <c r="BP162" s="529"/>
      <c r="BQ162" s="529"/>
      <c r="BR162" s="529"/>
      <c r="BS162" s="529"/>
      <c r="BT162" s="529"/>
      <c r="BU162" s="529"/>
      <c r="BV162" s="529"/>
      <c r="BW162" s="529"/>
      <c r="BX162" s="529"/>
      <c r="BY162" s="529"/>
      <c r="BZ162" s="529"/>
      <c r="CA162" s="529"/>
      <c r="CB162" s="529"/>
      <c r="CC162" s="529"/>
      <c r="CD162" s="529"/>
      <c r="CE162" s="529"/>
      <c r="CF162" s="529"/>
      <c r="CG162" s="529"/>
      <c r="CH162" s="529"/>
      <c r="CI162" s="529"/>
      <c r="CJ162" s="529"/>
      <c r="CK162" s="529"/>
      <c r="CL162" s="529"/>
      <c r="CM162" s="529"/>
      <c r="CN162" s="529"/>
      <c r="CO162" s="529"/>
      <c r="CP162" s="529"/>
      <c r="CQ162" s="529"/>
      <c r="CR162" s="529"/>
      <c r="CS162" s="529"/>
      <c r="CT162" s="529"/>
      <c r="CU162" s="529"/>
      <c r="CV162" s="165"/>
      <c r="CW162" s="591"/>
      <c r="CX162" s="592"/>
      <c r="CY162" s="593"/>
      <c r="CZ162" s="611"/>
      <c r="DA162" s="611"/>
      <c r="DB162" s="611"/>
      <c r="DC162" s="611"/>
      <c r="DD162" s="611"/>
      <c r="DE162" s="611"/>
      <c r="DF162" s="611"/>
      <c r="DG162" s="611"/>
      <c r="DH162" s="611"/>
      <c r="DI162" s="611"/>
      <c r="DJ162" s="611"/>
      <c r="DK162" s="614"/>
      <c r="DL162" s="614"/>
      <c r="DM162" s="614"/>
      <c r="DN162" s="619"/>
      <c r="DO162" s="619"/>
      <c r="DP162" s="619"/>
      <c r="DQ162" s="619"/>
      <c r="DR162" s="619"/>
      <c r="DS162" s="619"/>
      <c r="DT162" s="619"/>
      <c r="DU162" s="619"/>
      <c r="DV162" s="619"/>
      <c r="DW162" s="619"/>
      <c r="DX162" s="619"/>
      <c r="DY162" s="619"/>
      <c r="DZ162" s="619"/>
      <c r="EA162" s="620"/>
      <c r="EB162" s="165"/>
    </row>
    <row r="163" spans="53:132" ht="5.25" customHeight="1">
      <c r="BC163" s="529"/>
      <c r="BD163" s="529"/>
      <c r="BE163" s="529"/>
      <c r="BF163" s="529"/>
      <c r="BG163" s="529"/>
      <c r="BH163" s="529"/>
      <c r="BI163" s="529"/>
      <c r="BJ163" s="529"/>
      <c r="BK163" s="529"/>
      <c r="BL163" s="529"/>
      <c r="BM163" s="529"/>
      <c r="BN163" s="529"/>
      <c r="BO163" s="529"/>
      <c r="BP163" s="529"/>
      <c r="BQ163" s="529"/>
      <c r="BR163" s="529"/>
      <c r="BS163" s="529"/>
      <c r="BT163" s="529"/>
      <c r="BU163" s="529"/>
      <c r="BV163" s="529"/>
      <c r="BW163" s="529"/>
      <c r="BX163" s="529"/>
      <c r="BY163" s="529"/>
      <c r="BZ163" s="529"/>
      <c r="CA163" s="529"/>
      <c r="CB163" s="529"/>
      <c r="CC163" s="529"/>
      <c r="CD163" s="529"/>
      <c r="CE163" s="529"/>
      <c r="CF163" s="529"/>
      <c r="CG163" s="529"/>
      <c r="CH163" s="529"/>
      <c r="CI163" s="529"/>
      <c r="CJ163" s="529"/>
      <c r="CK163" s="529"/>
      <c r="CL163" s="529"/>
      <c r="CM163" s="529"/>
      <c r="CN163" s="529"/>
      <c r="CO163" s="529"/>
      <c r="CP163" s="529"/>
      <c r="CQ163" s="529"/>
      <c r="CR163" s="529"/>
      <c r="CS163" s="529"/>
      <c r="CT163" s="529"/>
      <c r="CU163" s="529"/>
      <c r="CV163" s="165"/>
      <c r="CW163" s="591"/>
      <c r="CX163" s="592"/>
      <c r="CY163" s="593"/>
      <c r="CZ163" s="611"/>
      <c r="DA163" s="611"/>
      <c r="DB163" s="611"/>
      <c r="DC163" s="611"/>
      <c r="DD163" s="611"/>
      <c r="DE163" s="611"/>
      <c r="DF163" s="611"/>
      <c r="DG163" s="611"/>
      <c r="DH163" s="611"/>
      <c r="DI163" s="611"/>
      <c r="DJ163" s="611"/>
      <c r="DK163" s="614"/>
      <c r="DL163" s="614"/>
      <c r="DM163" s="614"/>
      <c r="DN163" s="619"/>
      <c r="DO163" s="619"/>
      <c r="DP163" s="619"/>
      <c r="DQ163" s="619"/>
      <c r="DR163" s="619"/>
      <c r="DS163" s="619"/>
      <c r="DT163" s="619"/>
      <c r="DU163" s="619"/>
      <c r="DV163" s="619"/>
      <c r="DW163" s="619"/>
      <c r="DX163" s="619"/>
      <c r="DY163" s="619"/>
      <c r="DZ163" s="619"/>
      <c r="EA163" s="620"/>
      <c r="EB163" s="165"/>
    </row>
    <row r="164" spans="53:132" ht="5.25" customHeight="1">
      <c r="BC164" s="529"/>
      <c r="BD164" s="529"/>
      <c r="BE164" s="529"/>
      <c r="BF164" s="529"/>
      <c r="BG164" s="529"/>
      <c r="BH164" s="529"/>
      <c r="BI164" s="529"/>
      <c r="BJ164" s="529"/>
      <c r="BK164" s="529"/>
      <c r="BL164" s="529"/>
      <c r="BM164" s="529"/>
      <c r="BN164" s="529"/>
      <c r="BO164" s="529"/>
      <c r="BP164" s="529"/>
      <c r="BQ164" s="529"/>
      <c r="BR164" s="529"/>
      <c r="BS164" s="529"/>
      <c r="BT164" s="529"/>
      <c r="BU164" s="529"/>
      <c r="BV164" s="529"/>
      <c r="BW164" s="529"/>
      <c r="BX164" s="529"/>
      <c r="BY164" s="529"/>
      <c r="BZ164" s="529"/>
      <c r="CA164" s="529"/>
      <c r="CB164" s="529"/>
      <c r="CC164" s="529"/>
      <c r="CD164" s="529"/>
      <c r="CE164" s="529"/>
      <c r="CF164" s="529"/>
      <c r="CG164" s="529"/>
      <c r="CH164" s="529"/>
      <c r="CI164" s="529"/>
      <c r="CJ164" s="529"/>
      <c r="CK164" s="529"/>
      <c r="CL164" s="529"/>
      <c r="CM164" s="529"/>
      <c r="CN164" s="529"/>
      <c r="CO164" s="529"/>
      <c r="CP164" s="529"/>
      <c r="CQ164" s="529"/>
      <c r="CR164" s="529"/>
      <c r="CS164" s="529"/>
      <c r="CT164" s="529"/>
      <c r="CU164" s="529"/>
      <c r="CV164" s="165"/>
      <c r="CW164" s="594"/>
      <c r="CX164" s="595"/>
      <c r="CY164" s="596"/>
      <c r="CZ164" s="612"/>
      <c r="DA164" s="612"/>
      <c r="DB164" s="612"/>
      <c r="DC164" s="612"/>
      <c r="DD164" s="612"/>
      <c r="DE164" s="612"/>
      <c r="DF164" s="612"/>
      <c r="DG164" s="612"/>
      <c r="DH164" s="612"/>
      <c r="DI164" s="612"/>
      <c r="DJ164" s="612"/>
      <c r="DK164" s="615"/>
      <c r="DL164" s="615"/>
      <c r="DM164" s="615"/>
      <c r="DN164" s="621"/>
      <c r="DO164" s="621"/>
      <c r="DP164" s="621"/>
      <c r="DQ164" s="621"/>
      <c r="DR164" s="621"/>
      <c r="DS164" s="621"/>
      <c r="DT164" s="621"/>
      <c r="DU164" s="621"/>
      <c r="DV164" s="621"/>
      <c r="DW164" s="621"/>
      <c r="DX164" s="621"/>
      <c r="DY164" s="621"/>
      <c r="DZ164" s="621"/>
      <c r="EA164" s="622"/>
      <c r="EB164" s="165"/>
    </row>
    <row r="165" spans="53:132" ht="5.25" customHeight="1">
      <c r="BC165" s="189"/>
      <c r="BD165" s="189"/>
      <c r="BE165" s="189"/>
      <c r="BF165" s="189"/>
      <c r="BG165" s="189"/>
      <c r="BH165" s="189"/>
      <c r="BI165" s="189"/>
      <c r="BJ165" s="189"/>
      <c r="BK165" s="189"/>
      <c r="BL165" s="189"/>
      <c r="BM165" s="189"/>
      <c r="BN165" s="189"/>
      <c r="BO165" s="189"/>
      <c r="BP165" s="189"/>
      <c r="BQ165" s="189"/>
      <c r="BR165" s="189"/>
      <c r="BS165" s="189"/>
      <c r="BT165" s="189"/>
      <c r="BU165" s="189"/>
      <c r="BV165" s="189"/>
      <c r="BW165" s="189"/>
      <c r="BX165" s="189"/>
      <c r="BY165" s="189"/>
      <c r="BZ165" s="189"/>
      <c r="CA165" s="189"/>
      <c r="CB165" s="189"/>
      <c r="CC165" s="189"/>
      <c r="CD165" s="189"/>
      <c r="CE165" s="189"/>
      <c r="CF165" s="189"/>
      <c r="CG165" s="189"/>
      <c r="CH165" s="189"/>
      <c r="CI165" s="189"/>
      <c r="CJ165" s="189"/>
      <c r="CK165" s="189"/>
      <c r="CL165" s="189"/>
      <c r="CM165" s="189"/>
      <c r="CN165" s="189"/>
      <c r="CO165" s="189"/>
      <c r="CP165" s="189"/>
      <c r="CQ165" s="189"/>
      <c r="CR165" s="189"/>
      <c r="CS165" s="189"/>
      <c r="CT165" s="189"/>
      <c r="CU165" s="165"/>
      <c r="CV165" s="165"/>
      <c r="CW165" s="36"/>
      <c r="CX165" s="36"/>
      <c r="CY165" s="36"/>
      <c r="CZ165" s="35"/>
      <c r="DA165" s="35"/>
      <c r="DB165" s="35"/>
      <c r="DC165" s="35"/>
      <c r="DD165" s="35"/>
      <c r="DE165" s="35"/>
      <c r="DF165" s="35"/>
      <c r="DG165" s="35"/>
      <c r="DH165" s="35"/>
      <c r="DI165" s="35"/>
      <c r="DJ165" s="35"/>
      <c r="DK165" s="34"/>
      <c r="DL165" s="34"/>
      <c r="DM165" s="34"/>
      <c r="DN165" s="165"/>
      <c r="DO165" s="165"/>
      <c r="DP165" s="165"/>
      <c r="DQ165" s="165"/>
      <c r="DR165" s="165"/>
      <c r="DS165" s="165"/>
      <c r="DT165" s="165"/>
      <c r="DU165" s="165"/>
      <c r="DV165" s="165"/>
      <c r="DW165" s="165"/>
      <c r="DX165" s="165"/>
      <c r="DY165" s="165"/>
      <c r="DZ165" s="165"/>
      <c r="EA165" s="165"/>
      <c r="EB165" s="165"/>
    </row>
    <row r="166" spans="53:132" ht="36.75" customHeight="1">
      <c r="BC166" s="189"/>
      <c r="BD166" s="189"/>
      <c r="BE166" s="189"/>
      <c r="BF166" s="189"/>
      <c r="BG166" s="189"/>
      <c r="BH166" s="189"/>
      <c r="BI166" s="189"/>
      <c r="BJ166" s="189"/>
      <c r="BK166" s="189"/>
      <c r="BL166" s="189"/>
      <c r="BM166" s="189"/>
      <c r="BN166" s="189"/>
      <c r="BO166" s="189"/>
      <c r="BP166" s="189"/>
      <c r="BQ166" s="189"/>
      <c r="BR166" s="189"/>
      <c r="BS166" s="189"/>
      <c r="BT166" s="189"/>
      <c r="BU166" s="189"/>
      <c r="BV166" s="189"/>
      <c r="BW166" s="189"/>
      <c r="BX166" s="189"/>
      <c r="BY166" s="189"/>
      <c r="BZ166" s="189"/>
      <c r="CA166" s="189"/>
      <c r="CB166" s="189"/>
      <c r="CC166" s="189"/>
      <c r="CD166" s="189"/>
      <c r="CE166" s="189"/>
      <c r="CF166" s="189"/>
      <c r="CG166" s="189"/>
      <c r="CH166" s="189"/>
      <c r="CI166" s="189"/>
      <c r="CJ166" s="189"/>
      <c r="CK166" s="189"/>
      <c r="CL166" s="189"/>
      <c r="CM166" s="189"/>
      <c r="CN166" s="189"/>
      <c r="CO166" s="189"/>
      <c r="CP166" s="189"/>
      <c r="CQ166" s="189"/>
      <c r="CR166" s="189"/>
      <c r="CS166" s="189"/>
      <c r="CT166" s="189"/>
      <c r="CU166" s="165"/>
      <c r="CV166" s="165"/>
      <c r="CW166" s="2"/>
      <c r="CX166" s="2"/>
      <c r="CY166" s="2"/>
      <c r="CZ166" s="35"/>
      <c r="DA166" s="35"/>
      <c r="DB166" s="35"/>
      <c r="DC166" s="35"/>
      <c r="DD166" s="35"/>
      <c r="DE166" s="35"/>
      <c r="DF166" s="35"/>
      <c r="DG166" s="35"/>
      <c r="DH166" s="35"/>
      <c r="DI166" s="35"/>
      <c r="DJ166" s="35"/>
      <c r="DK166" s="34"/>
      <c r="DL166" s="34"/>
      <c r="DM166" s="34"/>
      <c r="DN166" s="165"/>
      <c r="DO166" s="165"/>
      <c r="DP166" s="165"/>
      <c r="DQ166" s="165"/>
      <c r="DR166" s="165"/>
      <c r="DS166" s="165"/>
      <c r="DT166" s="165"/>
      <c r="DU166" s="165"/>
      <c r="DV166" s="165"/>
      <c r="DW166" s="165"/>
      <c r="DX166" s="165"/>
      <c r="DY166" s="165"/>
      <c r="DZ166" s="165"/>
      <c r="EA166" s="165"/>
      <c r="EB166" s="165"/>
    </row>
    <row r="167" spans="53:132" ht="6" customHeight="1">
      <c r="BC167" s="189"/>
      <c r="BD167" s="189"/>
      <c r="BE167" s="189"/>
      <c r="BF167" s="189"/>
      <c r="BG167" s="189"/>
      <c r="BH167" s="189"/>
      <c r="BI167" s="189"/>
      <c r="BJ167" s="189"/>
      <c r="BK167" s="189"/>
      <c r="BL167" s="189"/>
      <c r="BM167" s="189"/>
      <c r="BN167" s="189"/>
      <c r="BO167" s="189"/>
      <c r="BP167" s="189"/>
      <c r="BQ167" s="189"/>
      <c r="BR167" s="189"/>
      <c r="BS167" s="189"/>
      <c r="BT167" s="189"/>
      <c r="BU167" s="189"/>
      <c r="BV167" s="189"/>
      <c r="BW167" s="189"/>
      <c r="BX167" s="189"/>
      <c r="BY167" s="189"/>
      <c r="BZ167" s="189"/>
      <c r="CA167" s="189"/>
      <c r="CB167" s="189"/>
      <c r="CC167" s="189"/>
      <c r="CD167" s="189"/>
      <c r="CE167" s="189"/>
      <c r="CF167" s="189"/>
      <c r="CG167" s="189"/>
      <c r="CH167" s="189"/>
      <c r="CI167" s="189"/>
      <c r="CJ167" s="189"/>
      <c r="CK167" s="189"/>
      <c r="CL167" s="189"/>
      <c r="CM167" s="189"/>
      <c r="CN167" s="189"/>
      <c r="CO167" s="189"/>
      <c r="CP167" s="189"/>
      <c r="CQ167" s="189"/>
      <c r="CR167" s="189"/>
      <c r="CS167" s="189"/>
      <c r="CT167" s="189"/>
      <c r="CU167" s="165"/>
      <c r="CV167" s="188"/>
      <c r="CW167" s="2"/>
      <c r="CX167" s="189"/>
      <c r="CY167" s="189"/>
      <c r="CZ167" s="189"/>
      <c r="DA167" s="189"/>
      <c r="DB167" s="189"/>
      <c r="DC167" s="189"/>
      <c r="DD167" s="189"/>
      <c r="DE167" s="189"/>
      <c r="DF167" s="189"/>
      <c r="DG167" s="189"/>
      <c r="DH167" s="189"/>
      <c r="DI167" s="189"/>
      <c r="DJ167" s="189"/>
      <c r="DK167" s="189"/>
      <c r="DL167" s="189"/>
      <c r="DM167" s="189"/>
      <c r="DN167" s="189"/>
      <c r="DO167" s="189"/>
      <c r="DP167" s="189"/>
      <c r="DQ167" s="189"/>
      <c r="DR167" s="189"/>
      <c r="DS167" s="189"/>
      <c r="DT167" s="189"/>
      <c r="DU167" s="189"/>
      <c r="DV167" s="189"/>
      <c r="DW167" s="189"/>
      <c r="DX167" s="189"/>
      <c r="DY167" s="189"/>
      <c r="DZ167" s="189"/>
      <c r="EA167" s="189"/>
      <c r="EB167" s="165"/>
    </row>
    <row r="168" spans="53:132" ht="6" customHeight="1">
      <c r="BC168" s="2"/>
      <c r="BD168" s="2"/>
      <c r="BE168" s="2"/>
      <c r="BF168" s="2"/>
      <c r="BG168" s="2"/>
      <c r="BH168" s="2"/>
      <c r="BI168" s="2"/>
      <c r="BJ168" s="2"/>
      <c r="BK168" s="2"/>
      <c r="BL168" s="2"/>
      <c r="BM168" s="2"/>
      <c r="BN168" s="2"/>
      <c r="BO168" s="2"/>
      <c r="BP168" s="2"/>
      <c r="BQ168" s="2"/>
      <c r="BR168" s="2"/>
      <c r="BS168" s="2"/>
      <c r="BT168" s="2"/>
      <c r="BU168" s="2"/>
      <c r="BV168" s="2"/>
      <c r="BW168" s="2"/>
      <c r="BX168" s="2"/>
      <c r="BY168" s="516" t="s">
        <v>24</v>
      </c>
      <c r="BZ168" s="516"/>
      <c r="CA168" s="516"/>
      <c r="CB168" s="516"/>
      <c r="CC168" s="516"/>
      <c r="CD168" s="516"/>
      <c r="CE168" s="516"/>
      <c r="CF168" s="516"/>
      <c r="CG168" s="516"/>
      <c r="CH168" s="516"/>
      <c r="CI168" s="516"/>
      <c r="CJ168" s="516"/>
      <c r="CK168" s="516"/>
      <c r="CL168" s="516"/>
      <c r="CM168" s="516"/>
      <c r="CN168" s="516"/>
      <c r="CO168" s="516"/>
      <c r="CP168" s="516"/>
      <c r="CQ168" s="516"/>
      <c r="CR168" s="516"/>
      <c r="CS168" s="516"/>
      <c r="CT168" s="516"/>
      <c r="CU168" s="516"/>
      <c r="CV168" s="516"/>
      <c r="CW168" s="516"/>
      <c r="CX168" s="516"/>
      <c r="CY168" s="516"/>
      <c r="CZ168" s="516"/>
      <c r="DA168" s="516"/>
      <c r="DB168" s="516"/>
      <c r="DC168" s="189"/>
      <c r="DD168" s="189"/>
      <c r="DE168" s="189"/>
      <c r="DF168" s="189"/>
      <c r="DG168" s="189"/>
      <c r="DH168" s="189"/>
      <c r="DI168" s="189"/>
      <c r="DJ168" s="189"/>
      <c r="DK168" s="189"/>
      <c r="DL168" s="189"/>
      <c r="DM168" s="189"/>
      <c r="DN168" s="189"/>
      <c r="DO168" s="189"/>
      <c r="DP168" s="189"/>
      <c r="DQ168" s="189"/>
      <c r="DR168" s="189"/>
      <c r="DS168" s="189"/>
      <c r="DT168" s="189"/>
      <c r="DU168" s="189"/>
      <c r="DV168" s="189"/>
      <c r="DW168" s="189"/>
      <c r="DX168" s="189"/>
      <c r="DY168" s="189"/>
      <c r="DZ168" s="189"/>
      <c r="EA168" s="189"/>
      <c r="EB168" s="165"/>
    </row>
    <row r="169" spans="53:132" ht="6" customHeight="1">
      <c r="BC169" s="2"/>
      <c r="BD169" s="2"/>
      <c r="BE169" s="2"/>
      <c r="BF169" s="2"/>
      <c r="BG169" s="2"/>
      <c r="BH169" s="2"/>
      <c r="BI169" s="2"/>
      <c r="BJ169" s="2"/>
      <c r="BK169" s="2"/>
      <c r="BL169" s="2"/>
      <c r="BM169" s="2"/>
      <c r="BN169" s="2"/>
      <c r="BO169" s="2"/>
      <c r="BP169" s="2"/>
      <c r="BQ169" s="2"/>
      <c r="BR169" s="2"/>
      <c r="BS169" s="2"/>
      <c r="BT169" s="2"/>
      <c r="BU169" s="2"/>
      <c r="BV169" s="2"/>
      <c r="BW169" s="2"/>
      <c r="BX169" s="2"/>
      <c r="BY169" s="516"/>
      <c r="BZ169" s="516"/>
      <c r="CA169" s="516"/>
      <c r="CB169" s="516"/>
      <c r="CC169" s="516"/>
      <c r="CD169" s="516"/>
      <c r="CE169" s="516"/>
      <c r="CF169" s="516"/>
      <c r="CG169" s="516"/>
      <c r="CH169" s="516"/>
      <c r="CI169" s="516"/>
      <c r="CJ169" s="516"/>
      <c r="CK169" s="516"/>
      <c r="CL169" s="516"/>
      <c r="CM169" s="516"/>
      <c r="CN169" s="516"/>
      <c r="CO169" s="516"/>
      <c r="CP169" s="516"/>
      <c r="CQ169" s="516"/>
      <c r="CR169" s="516"/>
      <c r="CS169" s="516"/>
      <c r="CT169" s="516"/>
      <c r="CU169" s="516"/>
      <c r="CV169" s="516"/>
      <c r="CW169" s="516"/>
      <c r="CX169" s="516"/>
      <c r="CY169" s="516"/>
      <c r="CZ169" s="516"/>
      <c r="DA169" s="516"/>
      <c r="DB169" s="516"/>
      <c r="DC169" s="189"/>
      <c r="DD169" s="189"/>
      <c r="DE169" s="189"/>
      <c r="DF169" s="189"/>
      <c r="DG169" s="189"/>
      <c r="DH169" s="189"/>
      <c r="DI169" s="189"/>
      <c r="DJ169" s="189"/>
      <c r="DK169" s="189"/>
      <c r="DL169" s="189"/>
      <c r="DM169" s="189"/>
      <c r="DN169" s="189"/>
      <c r="DO169" s="189"/>
      <c r="DP169" s="189"/>
      <c r="DQ169" s="189"/>
      <c r="DR169" s="189"/>
      <c r="DS169" s="189"/>
      <c r="DT169" s="189"/>
      <c r="DU169" s="189"/>
      <c r="DV169" s="189"/>
      <c r="DW169" s="189"/>
      <c r="DX169" s="189"/>
      <c r="DY169" s="189"/>
      <c r="DZ169" s="189"/>
      <c r="EA169" s="189"/>
      <c r="EB169" s="165"/>
    </row>
    <row r="170" spans="53:132" ht="6" customHeight="1">
      <c r="BC170" s="2"/>
      <c r="BD170" s="2"/>
      <c r="BE170" s="2"/>
      <c r="BF170" s="2"/>
      <c r="BG170" s="2"/>
      <c r="BH170" s="2"/>
      <c r="BI170" s="2"/>
      <c r="BJ170" s="2"/>
      <c r="BK170" s="2"/>
      <c r="BL170" s="2"/>
      <c r="BM170" s="2"/>
      <c r="BN170" s="2"/>
      <c r="BO170" s="2"/>
      <c r="BP170" s="2"/>
      <c r="BQ170" s="2"/>
      <c r="BR170" s="2"/>
      <c r="BS170" s="2"/>
      <c r="BT170" s="2"/>
      <c r="BU170" s="2"/>
      <c r="BV170" s="2"/>
      <c r="BW170" s="2"/>
      <c r="BX170" s="2"/>
      <c r="BY170" s="2"/>
      <c r="BZ170" s="2"/>
      <c r="CA170" s="2"/>
      <c r="CB170" s="2"/>
      <c r="CC170" s="2"/>
      <c r="CD170" s="2"/>
      <c r="CE170" s="28"/>
      <c r="CF170" s="5"/>
      <c r="CG170" s="190"/>
      <c r="CH170" s="190"/>
      <c r="CI170" s="190"/>
      <c r="CJ170" s="190"/>
      <c r="CK170" s="190"/>
      <c r="CL170" s="190"/>
      <c r="CM170" s="190"/>
      <c r="CN170" s="190"/>
      <c r="CO170" s="190"/>
      <c r="CP170" s="190"/>
      <c r="CQ170" s="190"/>
      <c r="CR170" s="190"/>
      <c r="CS170" s="190"/>
      <c r="CT170" s="190"/>
      <c r="CU170" s="188"/>
      <c r="CV170" s="28"/>
      <c r="CW170" s="189"/>
      <c r="CX170" s="189"/>
      <c r="CY170" s="189"/>
      <c r="CZ170" s="189"/>
      <c r="DA170" s="189"/>
      <c r="DB170" s="189"/>
      <c r="DC170" s="189"/>
      <c r="DD170" s="189"/>
      <c r="DE170" s="189"/>
      <c r="DF170" s="189"/>
      <c r="DG170" s="189"/>
      <c r="DH170" s="189"/>
      <c r="DI170" s="189"/>
      <c r="DJ170" s="189"/>
      <c r="DK170" s="189"/>
      <c r="DL170" s="189"/>
      <c r="DM170" s="189"/>
      <c r="DN170" s="189"/>
      <c r="DO170" s="189"/>
      <c r="DP170" s="189"/>
      <c r="DQ170" s="189"/>
      <c r="DR170" s="189"/>
      <c r="DS170" s="189"/>
      <c r="DT170" s="189"/>
      <c r="DU170" s="189"/>
      <c r="DV170" s="189"/>
      <c r="DW170" s="189"/>
      <c r="DX170" s="189"/>
      <c r="DY170" s="189"/>
      <c r="DZ170" s="189"/>
      <c r="EA170" s="189"/>
      <c r="EB170" s="165"/>
    </row>
    <row r="171" spans="53:132" ht="6" customHeight="1">
      <c r="CG171" s="517" t="s">
        <v>23</v>
      </c>
      <c r="CH171" s="517"/>
      <c r="CI171" s="517"/>
      <c r="CJ171" s="517"/>
      <c r="CK171" s="517"/>
      <c r="CL171" s="517"/>
      <c r="CM171" s="517"/>
      <c r="CN171" s="517"/>
      <c r="CO171" s="517"/>
      <c r="CP171" s="517"/>
      <c r="CQ171" s="517"/>
      <c r="CR171" s="517"/>
      <c r="CS171" s="517"/>
      <c r="CT171" s="517"/>
      <c r="CU171" s="517"/>
      <c r="CV171" s="517"/>
      <c r="CW171" s="33"/>
      <c r="CX171" s="33"/>
      <c r="CY171" s="33"/>
      <c r="CZ171" s="32"/>
      <c r="DA171" s="32"/>
      <c r="DB171" s="32"/>
      <c r="DC171" s="32"/>
      <c r="DD171" s="32"/>
      <c r="DE171" s="32"/>
      <c r="DF171" s="32"/>
      <c r="DG171" s="32"/>
      <c r="DH171" s="32"/>
      <c r="DI171" s="32"/>
      <c r="DJ171" s="32"/>
      <c r="DK171" s="32"/>
      <c r="DL171" s="32"/>
      <c r="DM171" s="32"/>
      <c r="DN171" s="32"/>
      <c r="DO171" s="32"/>
      <c r="DP171" s="32"/>
      <c r="DQ171" s="32"/>
      <c r="DR171" s="32"/>
      <c r="DS171" s="32"/>
      <c r="DT171" s="32"/>
      <c r="DU171" s="32"/>
      <c r="DV171" s="32"/>
      <c r="DW171" s="32"/>
      <c r="DX171" s="32"/>
      <c r="DY171" s="32"/>
      <c r="DZ171" s="32"/>
      <c r="EA171" s="32"/>
      <c r="EB171" s="165"/>
    </row>
    <row r="172" spans="53:132" ht="5.25" customHeight="1">
      <c r="BA172" s="31"/>
      <c r="BB172" s="31"/>
      <c r="BC172" s="31"/>
      <c r="BD172" s="30"/>
      <c r="BE172" s="30"/>
      <c r="BF172" s="30"/>
      <c r="BG172" s="30"/>
      <c r="BH172" s="30"/>
      <c r="BI172" s="30"/>
      <c r="BJ172" s="30"/>
      <c r="BK172" s="30"/>
      <c r="BL172" s="30"/>
      <c r="BM172" s="30"/>
      <c r="BN172" s="30"/>
      <c r="BO172" s="30"/>
      <c r="BP172" s="30"/>
      <c r="BQ172" s="30"/>
      <c r="BR172" s="30"/>
      <c r="BS172" s="30"/>
      <c r="BT172" s="30"/>
      <c r="BU172" s="30"/>
      <c r="BV172" s="30"/>
      <c r="BW172" s="30"/>
      <c r="BX172" s="30"/>
      <c r="BY172" s="30"/>
      <c r="BZ172" s="30"/>
      <c r="CA172" s="30"/>
      <c r="CB172" s="30"/>
      <c r="CC172" s="30"/>
      <c r="CD172" s="30"/>
      <c r="CE172" s="30"/>
      <c r="CF172" s="30"/>
      <c r="CG172" s="517"/>
      <c r="CH172" s="517"/>
      <c r="CI172" s="517"/>
      <c r="CJ172" s="517"/>
      <c r="CK172" s="517"/>
      <c r="CL172" s="517"/>
      <c r="CM172" s="517"/>
      <c r="CN172" s="517"/>
      <c r="CO172" s="517"/>
      <c r="CP172" s="517"/>
      <c r="CQ172" s="517"/>
      <c r="CR172" s="517"/>
      <c r="CS172" s="517"/>
      <c r="CT172" s="517"/>
      <c r="CU172" s="517"/>
      <c r="CV172" s="517"/>
      <c r="CW172" s="29"/>
      <c r="CX172" s="29"/>
      <c r="CY172" s="29"/>
      <c r="DL172" s="170"/>
      <c r="DM172" s="170"/>
      <c r="DN172" s="170"/>
      <c r="DO172" s="170"/>
      <c r="DP172" s="170"/>
      <c r="DQ172" s="170"/>
      <c r="DR172" s="170"/>
      <c r="DS172" s="170"/>
      <c r="DT172" s="170"/>
      <c r="DU172" s="170"/>
      <c r="DV172" s="170"/>
      <c r="DW172" s="170"/>
      <c r="DX172" s="170"/>
      <c r="DY172" s="170"/>
      <c r="DZ172" s="170"/>
      <c r="EA172" s="170"/>
      <c r="EB172" s="165"/>
    </row>
    <row r="173" spans="53:132" ht="5.25" customHeight="1">
      <c r="BC173" s="165"/>
      <c r="BD173" s="165"/>
      <c r="BE173" s="165"/>
      <c r="BF173" s="165"/>
      <c r="BG173" s="165"/>
      <c r="BH173" s="165"/>
      <c r="BI173" s="165"/>
      <c r="BJ173" s="165"/>
      <c r="BK173" s="165"/>
      <c r="BL173" s="165"/>
      <c r="BM173" s="165"/>
      <c r="BN173" s="165"/>
      <c r="BO173" s="165"/>
      <c r="BP173" s="165"/>
      <c r="BQ173" s="165"/>
      <c r="BR173" s="165"/>
      <c r="BS173" s="165"/>
      <c r="BT173" s="165"/>
      <c r="BU173" s="165"/>
      <c r="BV173" s="165"/>
      <c r="BW173" s="165"/>
      <c r="BX173" s="165"/>
      <c r="BY173" s="165"/>
      <c r="BZ173" s="165"/>
      <c r="CA173" s="165"/>
      <c r="CB173" s="165"/>
      <c r="CC173" s="165"/>
      <c r="CD173" s="165"/>
      <c r="CE173" s="165"/>
      <c r="CF173" s="165"/>
      <c r="CG173" s="27"/>
      <c r="CH173" s="27"/>
      <c r="CI173" s="27"/>
      <c r="CJ173" s="27"/>
      <c r="CK173" s="27"/>
      <c r="CL173" s="27"/>
      <c r="CM173" s="27"/>
      <c r="CN173" s="27"/>
      <c r="CO173" s="27"/>
      <c r="CP173" s="27"/>
      <c r="CQ173" s="27"/>
      <c r="CR173" s="27"/>
      <c r="CS173" s="27"/>
      <c r="CT173" s="27"/>
      <c r="CU173" s="189"/>
      <c r="CV173" s="189"/>
      <c r="CW173" s="29"/>
      <c r="CX173" s="29"/>
      <c r="CY173" s="29"/>
      <c r="DL173" s="170"/>
      <c r="DM173" s="170"/>
      <c r="DN173" s="170"/>
      <c r="DO173" s="170"/>
      <c r="DP173" s="170"/>
      <c r="DQ173" s="170"/>
      <c r="DR173" s="170"/>
      <c r="DS173" s="170"/>
      <c r="DT173" s="170"/>
      <c r="DU173" s="170"/>
      <c r="DV173" s="170"/>
      <c r="DW173" s="170"/>
      <c r="DX173" s="170"/>
      <c r="DY173" s="170"/>
      <c r="DZ173" s="170"/>
      <c r="EA173" s="170"/>
      <c r="EB173" s="165"/>
    </row>
    <row r="174" spans="53:132" ht="6" customHeight="1">
      <c r="BC174" s="165"/>
      <c r="BD174" s="165"/>
      <c r="BE174" s="165"/>
      <c r="BF174" s="165"/>
      <c r="BG174" s="165"/>
      <c r="BH174" s="165"/>
      <c r="BI174" s="165"/>
      <c r="BJ174" s="165"/>
      <c r="BK174" s="165"/>
      <c r="BL174" s="165"/>
      <c r="BM174" s="165"/>
      <c r="BN174" s="165"/>
      <c r="BO174" s="165"/>
      <c r="BP174" s="165"/>
      <c r="BQ174" s="165"/>
      <c r="BR174" s="165"/>
      <c r="BS174" s="165"/>
      <c r="BT174" s="165"/>
      <c r="BU174" s="165"/>
      <c r="BV174" s="165"/>
      <c r="BW174" s="165"/>
      <c r="BX174" s="165"/>
      <c r="BY174" s="165"/>
      <c r="BZ174" s="165"/>
      <c r="CA174" s="165"/>
      <c r="CB174" s="165"/>
      <c r="CC174" s="165"/>
      <c r="CD174" s="165"/>
      <c r="CE174" s="165"/>
      <c r="CF174" s="165"/>
      <c r="CG174" s="27"/>
      <c r="CH174" s="27"/>
      <c r="CI174" s="27"/>
      <c r="CJ174" s="27"/>
      <c r="CK174" s="27"/>
      <c r="CL174" s="27"/>
      <c r="CM174" s="27"/>
      <c r="CN174" s="27"/>
      <c r="CO174" s="27"/>
      <c r="CP174" s="27"/>
      <c r="CQ174" s="27"/>
      <c r="CR174" s="27"/>
      <c r="CS174" s="27"/>
      <c r="CT174" s="27"/>
      <c r="CU174" s="189"/>
      <c r="CV174" s="189"/>
    </row>
    <row r="175" spans="53:132" ht="5.25" customHeight="1">
      <c r="BC175" s="27"/>
      <c r="BD175" s="27"/>
      <c r="BE175" s="27"/>
      <c r="BF175" s="27"/>
      <c r="BG175" s="27"/>
      <c r="BH175" s="27"/>
      <c r="BI175" s="27"/>
      <c r="BJ175" s="27"/>
      <c r="BK175" s="27"/>
      <c r="BL175" s="27"/>
      <c r="BM175" s="27"/>
      <c r="BN175" s="27"/>
      <c r="BO175" s="27"/>
      <c r="BP175" s="27"/>
      <c r="BQ175" s="27"/>
      <c r="BR175" s="27"/>
      <c r="BS175" s="27"/>
      <c r="BT175" s="27"/>
      <c r="BU175" s="27"/>
      <c r="BV175" s="27"/>
      <c r="BW175" s="27"/>
      <c r="BX175" s="27"/>
      <c r="BY175" s="27"/>
      <c r="BZ175" s="27"/>
      <c r="CA175" s="27"/>
      <c r="CB175" s="27"/>
      <c r="CC175" s="27"/>
      <c r="CD175" s="27"/>
      <c r="CE175" s="27"/>
      <c r="CF175" s="27"/>
      <c r="CG175" s="27"/>
      <c r="CH175" s="27"/>
      <c r="CI175" s="27"/>
      <c r="CJ175" s="27"/>
      <c r="CK175" s="27"/>
      <c r="CL175" s="27"/>
      <c r="CM175" s="27"/>
      <c r="CN175" s="27"/>
      <c r="CO175" s="27"/>
      <c r="CP175" s="27"/>
      <c r="CQ175" s="27"/>
      <c r="CR175" s="27"/>
      <c r="CS175" s="27"/>
      <c r="CT175" s="27"/>
      <c r="CU175" s="189"/>
      <c r="CV175" s="28"/>
      <c r="CW175" s="27"/>
      <c r="CX175" s="27"/>
      <c r="CY175" s="27"/>
      <c r="CZ175" s="27"/>
      <c r="DA175" s="27"/>
      <c r="DB175" s="27"/>
      <c r="DC175" s="27"/>
      <c r="DD175" s="27"/>
      <c r="DE175" s="27"/>
      <c r="DF175" s="27"/>
      <c r="DG175" s="27"/>
      <c r="DH175" s="27"/>
      <c r="DI175" s="27"/>
      <c r="DJ175" s="27"/>
      <c r="DK175" s="27"/>
      <c r="DL175" s="27"/>
      <c r="DM175" s="27"/>
      <c r="DN175" s="27"/>
    </row>
    <row r="176" spans="53:132" ht="5.25" customHeight="1">
      <c r="BB176" s="506" t="s">
        <v>22</v>
      </c>
      <c r="BC176" s="506"/>
      <c r="BD176" s="506"/>
      <c r="BE176" s="506"/>
      <c r="BF176" s="506"/>
      <c r="BG176" s="506"/>
      <c r="BH176" s="506"/>
      <c r="BI176" s="506"/>
      <c r="BJ176" s="506"/>
      <c r="BK176" s="506"/>
      <c r="BL176" s="506"/>
      <c r="BM176" s="506"/>
      <c r="BN176" s="506"/>
      <c r="BO176" s="506"/>
      <c r="BP176" s="506"/>
      <c r="BQ176" s="506"/>
      <c r="BR176" s="506"/>
      <c r="BS176" s="506"/>
      <c r="BT176" s="506"/>
      <c r="BU176" s="506"/>
      <c r="BV176" s="506"/>
      <c r="BW176" s="506"/>
      <c r="BX176" s="506"/>
      <c r="BY176" s="506"/>
      <c r="BZ176" s="506"/>
      <c r="CA176" s="506"/>
      <c r="CB176" s="506"/>
      <c r="CC176" s="506"/>
      <c r="CD176" s="506"/>
      <c r="CE176" s="506"/>
      <c r="CF176" s="506"/>
      <c r="CG176" s="506"/>
      <c r="CH176" s="506"/>
      <c r="CI176" s="506"/>
      <c r="CJ176" s="506"/>
      <c r="CK176" s="506"/>
      <c r="CL176" s="506"/>
      <c r="CM176" s="506"/>
      <c r="CN176" s="506"/>
      <c r="CO176" s="506"/>
      <c r="CP176" s="506"/>
      <c r="CQ176" s="506"/>
      <c r="CR176" s="506"/>
      <c r="CS176" s="506"/>
      <c r="CT176" s="506"/>
      <c r="CU176" s="506"/>
      <c r="CV176" s="506"/>
      <c r="CW176" s="506"/>
      <c r="CX176" s="506"/>
      <c r="CY176" s="506"/>
      <c r="CZ176" s="506"/>
      <c r="DA176" s="506"/>
      <c r="DB176" s="506"/>
      <c r="DC176" s="506"/>
      <c r="DD176" s="506"/>
      <c r="DE176" s="506"/>
      <c r="DF176" s="506"/>
      <c r="DG176" s="506"/>
      <c r="DH176" s="506"/>
      <c r="DI176" s="506"/>
      <c r="DJ176" s="506"/>
      <c r="DK176" s="506"/>
      <c r="DL176" s="506"/>
      <c r="DM176" s="506"/>
      <c r="DN176" s="27"/>
      <c r="EB176" s="170"/>
    </row>
    <row r="177" spans="23:132" ht="5.25" customHeight="1">
      <c r="BB177" s="506"/>
      <c r="BC177" s="506"/>
      <c r="BD177" s="506"/>
      <c r="BE177" s="506"/>
      <c r="BF177" s="506"/>
      <c r="BG177" s="506"/>
      <c r="BH177" s="506"/>
      <c r="BI177" s="506"/>
      <c r="BJ177" s="506"/>
      <c r="BK177" s="506"/>
      <c r="BL177" s="506"/>
      <c r="BM177" s="506"/>
      <c r="BN177" s="506"/>
      <c r="BO177" s="506"/>
      <c r="BP177" s="506"/>
      <c r="BQ177" s="506"/>
      <c r="BR177" s="506"/>
      <c r="BS177" s="506"/>
      <c r="BT177" s="506"/>
      <c r="BU177" s="506"/>
      <c r="BV177" s="506"/>
      <c r="BW177" s="506"/>
      <c r="BX177" s="506"/>
      <c r="BY177" s="506"/>
      <c r="BZ177" s="506"/>
      <c r="CA177" s="506"/>
      <c r="CB177" s="506"/>
      <c r="CC177" s="506"/>
      <c r="CD177" s="506"/>
      <c r="CE177" s="506"/>
      <c r="CF177" s="506"/>
      <c r="CG177" s="506"/>
      <c r="CH177" s="506"/>
      <c r="CI177" s="506"/>
      <c r="CJ177" s="506"/>
      <c r="CK177" s="506"/>
      <c r="CL177" s="506"/>
      <c r="CM177" s="506"/>
      <c r="CN177" s="506"/>
      <c r="CO177" s="506"/>
      <c r="CP177" s="506"/>
      <c r="CQ177" s="506"/>
      <c r="CR177" s="506"/>
      <c r="CS177" s="506"/>
      <c r="CT177" s="506"/>
      <c r="CU177" s="506"/>
      <c r="CV177" s="506"/>
      <c r="CW177" s="506"/>
      <c r="CX177" s="506"/>
      <c r="CY177" s="506"/>
      <c r="CZ177" s="506"/>
      <c r="DA177" s="506"/>
      <c r="DB177" s="506"/>
      <c r="DC177" s="506"/>
      <c r="DD177" s="506"/>
      <c r="DE177" s="506"/>
      <c r="DF177" s="506"/>
      <c r="DG177" s="506"/>
      <c r="DH177" s="506"/>
      <c r="DI177" s="506"/>
      <c r="DJ177" s="506"/>
      <c r="DK177" s="506"/>
      <c r="DL177" s="506"/>
      <c r="DM177" s="506"/>
      <c r="DN177" s="27"/>
      <c r="EB177" s="2"/>
    </row>
    <row r="178" spans="23:132" ht="5.25" customHeight="1">
      <c r="X178" s="262"/>
      <c r="Y178" s="262"/>
      <c r="Z178" s="262"/>
      <c r="AA178" s="262"/>
      <c r="AB178" s="262"/>
      <c r="AC178" s="262"/>
      <c r="AD178" s="262"/>
      <c r="AE178" s="262"/>
      <c r="AF178" s="262"/>
      <c r="AG178" s="262"/>
      <c r="AH178" s="262"/>
      <c r="AI178" s="262"/>
      <c r="AJ178" s="262"/>
      <c r="AK178" s="262"/>
      <c r="AL178" s="262"/>
      <c r="AM178" s="262"/>
      <c r="AN178" s="262"/>
      <c r="AO178" s="262"/>
      <c r="AP178" s="262"/>
      <c r="AQ178" s="262"/>
      <c r="AR178" s="262"/>
      <c r="AS178" s="262"/>
      <c r="AT178" s="262"/>
      <c r="AU178" s="262"/>
      <c r="AV178" s="262"/>
      <c r="AW178" s="262"/>
      <c r="AX178" s="262"/>
      <c r="AY178" s="262"/>
      <c r="AZ178" s="262"/>
      <c r="BA178" s="262"/>
      <c r="BB178" s="506"/>
      <c r="BC178" s="506"/>
      <c r="BD178" s="506"/>
      <c r="BE178" s="506"/>
      <c r="BF178" s="506"/>
      <c r="BG178" s="506"/>
      <c r="BH178" s="506"/>
      <c r="BI178" s="506"/>
      <c r="BJ178" s="506"/>
      <c r="BK178" s="506"/>
      <c r="BL178" s="506"/>
      <c r="BM178" s="506"/>
      <c r="BN178" s="506"/>
      <c r="BO178" s="506"/>
      <c r="BP178" s="506"/>
      <c r="BQ178" s="506"/>
      <c r="BR178" s="506"/>
      <c r="BS178" s="506"/>
      <c r="BT178" s="506"/>
      <c r="BU178" s="506"/>
      <c r="BV178" s="506"/>
      <c r="BW178" s="506"/>
      <c r="BX178" s="506"/>
      <c r="BY178" s="506"/>
      <c r="BZ178" s="506"/>
      <c r="CA178" s="506"/>
      <c r="CB178" s="506"/>
      <c r="CC178" s="506"/>
      <c r="CD178" s="506"/>
      <c r="CE178" s="506"/>
      <c r="CF178" s="506"/>
      <c r="CG178" s="506"/>
      <c r="CH178" s="506"/>
      <c r="CI178" s="506"/>
      <c r="CJ178" s="506"/>
      <c r="CK178" s="506"/>
      <c r="CL178" s="506"/>
      <c r="CM178" s="506"/>
      <c r="CN178" s="506"/>
      <c r="CO178" s="506"/>
      <c r="CP178" s="506"/>
      <c r="CQ178" s="506"/>
      <c r="CR178" s="506"/>
      <c r="CS178" s="506"/>
      <c r="CT178" s="506"/>
      <c r="CU178" s="506"/>
      <c r="CV178" s="506"/>
      <c r="CW178" s="506"/>
      <c r="CX178" s="506"/>
      <c r="CY178" s="506"/>
      <c r="CZ178" s="506"/>
      <c r="DA178" s="506"/>
      <c r="DB178" s="506"/>
      <c r="DC178" s="506"/>
      <c r="DD178" s="506"/>
      <c r="DE178" s="506"/>
      <c r="DF178" s="506"/>
      <c r="DG178" s="506"/>
      <c r="DH178" s="506"/>
      <c r="DI178" s="506"/>
      <c r="DJ178" s="506"/>
      <c r="DK178" s="506"/>
      <c r="DL178" s="506"/>
      <c r="DM178" s="506"/>
      <c r="DN178" s="27"/>
      <c r="EB178" s="170"/>
    </row>
    <row r="179" spans="23:132" ht="5.25" customHeight="1">
      <c r="W179" s="262"/>
      <c r="X179" s="262"/>
      <c r="Y179" s="262"/>
      <c r="Z179" s="262"/>
      <c r="AA179" s="262"/>
      <c r="AB179" s="262"/>
      <c r="AC179" s="262"/>
      <c r="AD179" s="262"/>
      <c r="AE179" s="262"/>
      <c r="AF179" s="262"/>
      <c r="AG179" s="262"/>
      <c r="AH179" s="262"/>
      <c r="AI179" s="262"/>
      <c r="AJ179" s="262"/>
      <c r="AK179" s="262"/>
      <c r="AL179" s="262"/>
      <c r="AM179" s="262"/>
      <c r="AN179" s="262"/>
      <c r="AO179" s="262"/>
      <c r="AP179" s="262"/>
      <c r="AQ179" s="262"/>
      <c r="AR179" s="262"/>
      <c r="AS179" s="262"/>
      <c r="AT179" s="262"/>
      <c r="AU179" s="262"/>
      <c r="AV179" s="262"/>
      <c r="AW179" s="262"/>
      <c r="AX179" s="262"/>
      <c r="AY179" s="262"/>
      <c r="AZ179" s="262"/>
      <c r="BA179" s="262"/>
      <c r="BB179" s="262"/>
      <c r="BC179" s="262"/>
      <c r="BD179" s="262"/>
      <c r="BE179" s="262"/>
      <c r="BF179" s="262"/>
      <c r="BG179" s="262"/>
      <c r="BH179" s="262"/>
      <c r="BI179" s="262"/>
      <c r="BJ179" s="262"/>
      <c r="BK179" s="262"/>
      <c r="BL179" s="262"/>
      <c r="BM179" s="262"/>
      <c r="BN179" s="262"/>
      <c r="BO179" s="262"/>
      <c r="BP179" s="262"/>
      <c r="BQ179" s="262"/>
      <c r="BR179" s="262"/>
      <c r="BS179" s="262"/>
      <c r="BT179" s="262"/>
      <c r="BU179" s="27"/>
      <c r="BV179" s="27"/>
      <c r="BW179" s="27"/>
      <c r="BX179" s="27"/>
      <c r="BY179" s="27"/>
      <c r="BZ179" s="27"/>
      <c r="CA179" s="27"/>
      <c r="CB179" s="27"/>
      <c r="CC179" s="27"/>
      <c r="CD179" s="27"/>
      <c r="CE179" s="27"/>
      <c r="CF179" s="27"/>
      <c r="CG179" s="27"/>
      <c r="CH179" s="27"/>
      <c r="CI179" s="27"/>
      <c r="CJ179" s="27"/>
      <c r="CK179" s="27"/>
      <c r="CL179" s="27"/>
      <c r="CM179" s="27"/>
      <c r="CN179" s="27"/>
      <c r="CO179" s="27"/>
      <c r="CP179" s="27"/>
      <c r="CQ179" s="27"/>
      <c r="CR179" s="27"/>
      <c r="CS179" s="27"/>
      <c r="CT179" s="27"/>
      <c r="CU179" s="190"/>
      <c r="CW179" s="27"/>
      <c r="CX179" s="27"/>
      <c r="CY179" s="27"/>
      <c r="CZ179" s="27"/>
      <c r="DA179" s="27"/>
      <c r="DB179" s="27"/>
      <c r="DC179" s="27"/>
      <c r="DD179" s="27"/>
      <c r="DE179" s="27"/>
      <c r="DF179" s="27"/>
      <c r="DG179" s="27"/>
      <c r="DH179" s="27"/>
      <c r="DI179" s="27"/>
      <c r="DJ179" s="27"/>
      <c r="DK179" s="27"/>
      <c r="DL179" s="27"/>
      <c r="DM179" s="27"/>
      <c r="DN179" s="27"/>
      <c r="EB179" s="170"/>
    </row>
    <row r="180" spans="23:132" ht="5.25" customHeight="1">
      <c r="BC180" s="27"/>
      <c r="BD180" s="27"/>
      <c r="BE180" s="27"/>
      <c r="BF180" s="27"/>
      <c r="BG180" s="27"/>
      <c r="BH180" s="27"/>
      <c r="BI180" s="27"/>
      <c r="BJ180" s="27"/>
      <c r="BK180" s="27"/>
      <c r="BL180" s="27"/>
      <c r="BM180" s="27"/>
      <c r="BN180" s="27"/>
      <c r="BO180" s="27"/>
      <c r="BP180" s="27"/>
      <c r="BQ180" s="27"/>
      <c r="BR180" s="27"/>
      <c r="BS180" s="27"/>
      <c r="BT180" s="27"/>
      <c r="BU180" s="27"/>
      <c r="BV180" s="27"/>
      <c r="BW180" s="27"/>
      <c r="BX180" s="27"/>
      <c r="BY180" s="27"/>
      <c r="BZ180" s="27"/>
      <c r="CA180" s="27"/>
      <c r="CB180" s="27"/>
      <c r="CC180" s="27"/>
      <c r="CD180" s="27"/>
      <c r="CE180" s="27"/>
      <c r="CF180" s="27"/>
      <c r="CG180" s="27"/>
      <c r="CH180" s="27"/>
      <c r="CI180" s="27"/>
      <c r="CJ180" s="27"/>
      <c r="CK180" s="27"/>
      <c r="CL180" s="27"/>
      <c r="CM180" s="27"/>
      <c r="CN180" s="27"/>
      <c r="CO180" s="27"/>
      <c r="CP180" s="27"/>
      <c r="CQ180" s="27"/>
      <c r="CR180" s="27"/>
      <c r="CS180" s="27"/>
      <c r="CT180" s="27"/>
      <c r="CU180" s="190"/>
      <c r="CV180" s="27"/>
      <c r="CW180" s="27"/>
      <c r="CX180" s="27"/>
      <c r="CY180" s="27"/>
      <c r="CZ180" s="27"/>
      <c r="DA180" s="27"/>
      <c r="DB180" s="27"/>
      <c r="DC180" s="27"/>
      <c r="DD180" s="27"/>
      <c r="DE180" s="27"/>
      <c r="DF180" s="27"/>
      <c r="DG180" s="27"/>
      <c r="DH180" s="27"/>
      <c r="DI180" s="27"/>
      <c r="DJ180" s="27"/>
      <c r="DK180" s="27"/>
      <c r="DL180" s="27"/>
      <c r="DM180" s="27"/>
      <c r="DN180" s="27"/>
    </row>
    <row r="181" spans="23:132" ht="5.25" customHeight="1">
      <c r="CU181" s="190"/>
      <c r="CV181" s="27"/>
    </row>
    <row r="182" spans="23:132" ht="5.25" customHeight="1">
      <c r="BC182" s="26"/>
      <c r="BD182" s="25"/>
      <c r="BE182" s="25"/>
      <c r="BF182" s="25"/>
      <c r="BG182" s="25"/>
      <c r="BH182" s="25"/>
      <c r="BI182" s="25"/>
      <c r="BJ182" s="24"/>
      <c r="BK182" s="25"/>
      <c r="BL182" s="25"/>
      <c r="BM182" s="25"/>
      <c r="BN182" s="25"/>
      <c r="BO182" s="25"/>
      <c r="BP182" s="25"/>
      <c r="BQ182" s="25"/>
      <c r="BR182" s="25"/>
      <c r="BS182" s="25"/>
      <c r="BT182" s="25"/>
      <c r="BU182" s="25"/>
      <c r="BV182" s="25"/>
      <c r="BW182" s="25"/>
      <c r="BX182" s="25"/>
      <c r="BY182" s="25"/>
      <c r="BZ182" s="25"/>
      <c r="CA182" s="25"/>
      <c r="CB182" s="25"/>
      <c r="CC182" s="25"/>
      <c r="CD182" s="25"/>
      <c r="CE182" s="25"/>
      <c r="CF182" s="25"/>
      <c r="CG182" s="25"/>
      <c r="CH182" s="25"/>
      <c r="CI182" s="25"/>
      <c r="CJ182" s="25"/>
      <c r="CK182" s="25"/>
      <c r="CL182" s="25"/>
      <c r="CM182" s="25"/>
      <c r="CN182" s="25"/>
      <c r="CO182" s="25"/>
      <c r="CP182" s="25"/>
      <c r="CQ182" s="25"/>
      <c r="CR182" s="25"/>
      <c r="CS182" s="25"/>
      <c r="CT182" s="25"/>
      <c r="CU182" s="172"/>
      <c r="CV182" s="172"/>
      <c r="CW182" s="25"/>
      <c r="CX182" s="25"/>
      <c r="CY182" s="25"/>
      <c r="CZ182" s="24"/>
      <c r="DA182" s="518" t="s">
        <v>21</v>
      </c>
      <c r="DB182" s="518"/>
      <c r="DC182" s="518"/>
      <c r="DD182" s="518"/>
      <c r="DE182" s="518"/>
      <c r="DF182" s="518"/>
      <c r="DG182" s="518"/>
      <c r="DH182" s="518"/>
      <c r="DI182" s="518"/>
      <c r="DJ182" s="518"/>
      <c r="DK182" s="518"/>
      <c r="DL182" s="518"/>
      <c r="DM182" s="518"/>
      <c r="DN182" s="23"/>
    </row>
    <row r="183" spans="23:132" ht="5.25" customHeight="1">
      <c r="BC183" s="519" t="s">
        <v>0</v>
      </c>
      <c r="BD183" s="520"/>
      <c r="BE183" s="520"/>
      <c r="BF183" s="520"/>
      <c r="BG183" s="520"/>
      <c r="BH183" s="520"/>
      <c r="BI183" s="520"/>
      <c r="BJ183" s="14"/>
      <c r="BK183" s="6"/>
      <c r="BL183" s="6"/>
      <c r="BM183" s="6"/>
      <c r="BN183" s="6"/>
      <c r="BO183" s="6"/>
      <c r="BP183" s="6"/>
      <c r="BQ183" s="6"/>
      <c r="BR183" s="6"/>
      <c r="BS183" s="6"/>
      <c r="BT183" s="6"/>
      <c r="BU183" s="6"/>
      <c r="BV183" s="6"/>
      <c r="BW183" s="6"/>
      <c r="BX183" s="6"/>
      <c r="BY183" s="6"/>
      <c r="BZ183" s="6"/>
      <c r="CA183" s="6"/>
      <c r="CB183" s="6"/>
      <c r="CC183" s="6"/>
      <c r="CD183" s="6"/>
      <c r="CE183" s="6"/>
      <c r="CF183" s="6"/>
      <c r="CG183" s="6"/>
      <c r="CH183" s="6"/>
      <c r="CI183" s="6"/>
      <c r="CJ183" s="6"/>
      <c r="CK183" s="6"/>
      <c r="CL183" s="6"/>
      <c r="CM183" s="6"/>
      <c r="CN183" s="6"/>
      <c r="CO183" s="6"/>
      <c r="CP183" s="6"/>
      <c r="CQ183" s="6"/>
      <c r="CR183" s="6"/>
      <c r="CS183" s="6"/>
      <c r="CT183" s="6"/>
      <c r="CU183" s="165"/>
      <c r="CV183" s="165"/>
      <c r="CW183" s="6"/>
      <c r="CX183" s="6"/>
      <c r="CY183" s="6"/>
      <c r="CZ183" s="14"/>
      <c r="DA183" s="459"/>
      <c r="DB183" s="459"/>
      <c r="DC183" s="459"/>
      <c r="DD183" s="459"/>
      <c r="DE183" s="459"/>
      <c r="DF183" s="459"/>
      <c r="DG183" s="459"/>
      <c r="DH183" s="459"/>
      <c r="DI183" s="459"/>
      <c r="DJ183" s="459"/>
      <c r="DK183" s="459"/>
      <c r="DL183" s="459"/>
      <c r="DM183" s="459"/>
      <c r="DN183" s="13"/>
    </row>
    <row r="184" spans="23:132" ht="5.25" customHeight="1">
      <c r="BC184" s="519"/>
      <c r="BD184" s="520"/>
      <c r="BE184" s="520"/>
      <c r="BF184" s="520"/>
      <c r="BG184" s="520"/>
      <c r="BH184" s="520"/>
      <c r="BI184" s="520"/>
      <c r="BJ184" s="14"/>
      <c r="BK184" s="6"/>
      <c r="BL184" s="6"/>
      <c r="BM184" s="6"/>
      <c r="BN184" s="6"/>
      <c r="BO184" s="6"/>
      <c r="BP184" s="6"/>
      <c r="BQ184" s="6"/>
      <c r="BR184" s="6"/>
      <c r="BS184" s="6"/>
      <c r="BT184" s="6"/>
      <c r="BU184" s="6"/>
      <c r="BV184" s="6"/>
      <c r="BW184" s="6"/>
      <c r="BX184" s="6"/>
      <c r="BY184" s="6"/>
      <c r="BZ184" s="6"/>
      <c r="CA184" s="6"/>
      <c r="CB184" s="6"/>
      <c r="CC184" s="6"/>
      <c r="CD184" s="6"/>
      <c r="CE184" s="6"/>
      <c r="CF184" s="6"/>
      <c r="CG184" s="6"/>
      <c r="CH184" s="6"/>
      <c r="CI184" s="6"/>
      <c r="CJ184" s="6"/>
      <c r="CK184" s="6"/>
      <c r="CL184" s="6"/>
      <c r="CM184" s="6"/>
      <c r="CN184" s="6"/>
      <c r="CO184" s="6"/>
      <c r="CP184" s="6"/>
      <c r="CQ184" s="6"/>
      <c r="CR184" s="6"/>
      <c r="CS184" s="6"/>
      <c r="CT184" s="6"/>
      <c r="CU184" s="165"/>
      <c r="CV184" s="165"/>
      <c r="CW184" s="6"/>
      <c r="CX184" s="6"/>
      <c r="CY184" s="6"/>
      <c r="CZ184" s="14"/>
      <c r="DA184" s="6"/>
      <c r="DB184" s="6"/>
      <c r="DC184" s="6"/>
      <c r="DD184" s="6"/>
      <c r="DE184" s="6"/>
      <c r="DF184" s="6"/>
      <c r="DG184" s="6"/>
      <c r="DH184" s="6"/>
      <c r="DI184" s="6"/>
      <c r="DJ184" s="6"/>
      <c r="DK184" s="6"/>
      <c r="DL184" s="6"/>
      <c r="DM184" s="6"/>
      <c r="DN184" s="13"/>
    </row>
    <row r="185" spans="23:132" ht="5.25" customHeight="1">
      <c r="BC185" s="22"/>
      <c r="BD185" s="21"/>
      <c r="BE185" s="21"/>
      <c r="BF185" s="21"/>
      <c r="BG185" s="21"/>
      <c r="BH185" s="21"/>
      <c r="BI185" s="21"/>
      <c r="BJ185" s="20"/>
      <c r="BK185" s="19"/>
      <c r="BL185" s="19"/>
      <c r="BM185" s="19"/>
      <c r="BN185" s="19"/>
      <c r="BO185" s="19"/>
      <c r="BP185" s="19"/>
      <c r="BQ185" s="19"/>
      <c r="BR185" s="19"/>
      <c r="BS185" s="19"/>
      <c r="BT185" s="19"/>
      <c r="BU185" s="19"/>
      <c r="BV185" s="19"/>
      <c r="BW185" s="19"/>
      <c r="BX185" s="19"/>
      <c r="BY185" s="19"/>
      <c r="BZ185" s="19"/>
      <c r="CA185" s="19"/>
      <c r="CB185" s="19"/>
      <c r="CC185" s="19"/>
      <c r="CD185" s="19"/>
      <c r="CE185" s="19"/>
      <c r="CF185" s="19"/>
      <c r="CG185" s="19"/>
      <c r="CH185" s="19"/>
      <c r="CI185" s="19"/>
      <c r="CJ185" s="19"/>
      <c r="CK185" s="19"/>
      <c r="CL185" s="19"/>
      <c r="CM185" s="19"/>
      <c r="CN185" s="19"/>
      <c r="CO185" s="19"/>
      <c r="CP185" s="19"/>
      <c r="CQ185" s="6"/>
      <c r="CR185" s="6"/>
      <c r="CS185" s="6"/>
      <c r="CT185" s="6"/>
      <c r="CU185" s="165"/>
      <c r="CV185" s="2"/>
      <c r="CW185" s="6"/>
      <c r="CX185" s="19"/>
      <c r="CY185" s="18"/>
      <c r="CZ185" s="14"/>
      <c r="DA185" s="6"/>
      <c r="DB185" s="6"/>
      <c r="DC185" s="6"/>
      <c r="DD185" s="6"/>
      <c r="DE185" s="6"/>
      <c r="DF185" s="6"/>
      <c r="DG185" s="6"/>
      <c r="DH185" s="6"/>
      <c r="DI185" s="6"/>
      <c r="DJ185" s="6"/>
      <c r="DK185" s="6"/>
      <c r="DL185" s="6"/>
      <c r="DM185" s="6"/>
      <c r="DN185" s="13"/>
      <c r="DR185" s="166"/>
      <c r="DS185" s="166"/>
      <c r="DT185" s="166"/>
      <c r="DU185" s="166"/>
      <c r="DV185" s="166"/>
      <c r="DW185" s="166"/>
      <c r="DX185" s="166"/>
      <c r="DY185" s="166"/>
      <c r="DZ185" s="166"/>
      <c r="EA185" s="166"/>
    </row>
    <row r="186" spans="23:132" ht="5.25" customHeight="1">
      <c r="BC186" s="17"/>
      <c r="BD186" s="16"/>
      <c r="BE186" s="16"/>
      <c r="BF186" s="16"/>
      <c r="BG186" s="16"/>
      <c r="BH186" s="16"/>
      <c r="BI186" s="16"/>
      <c r="BJ186" s="14"/>
      <c r="BK186" s="6"/>
      <c r="BL186" s="6"/>
      <c r="BM186" s="6"/>
      <c r="BN186" s="6"/>
      <c r="BO186" s="6"/>
      <c r="BP186" s="6"/>
      <c r="BQ186" s="6"/>
      <c r="BR186" s="6"/>
      <c r="BS186" s="6"/>
      <c r="BT186" s="6"/>
      <c r="BU186" s="6"/>
      <c r="BV186" s="6"/>
      <c r="BW186" s="6"/>
      <c r="BX186" s="6"/>
      <c r="BY186" s="6"/>
      <c r="BZ186" s="6"/>
      <c r="CA186" s="6"/>
      <c r="CB186" s="6"/>
      <c r="CC186" s="6"/>
      <c r="CD186" s="6"/>
      <c r="CE186" s="6"/>
      <c r="CF186" s="6"/>
      <c r="CG186" s="6"/>
      <c r="CH186" s="6"/>
      <c r="CI186" s="6"/>
      <c r="CJ186" s="6"/>
      <c r="CK186" s="6"/>
      <c r="CL186" s="6"/>
      <c r="CM186" s="6"/>
      <c r="CN186" s="6"/>
      <c r="CO186" s="6"/>
      <c r="CP186" s="6"/>
      <c r="CQ186" s="15"/>
      <c r="CR186" s="15"/>
      <c r="CS186" s="15"/>
      <c r="CT186" s="15"/>
      <c r="CU186" s="164"/>
      <c r="CV186" s="15"/>
      <c r="CW186" s="15"/>
      <c r="CX186" s="6"/>
      <c r="CY186" s="6"/>
      <c r="CZ186" s="14"/>
      <c r="DA186" s="6"/>
      <c r="DB186" s="6"/>
      <c r="DC186" s="6"/>
      <c r="DD186" s="6"/>
      <c r="DE186" s="6"/>
      <c r="DF186" s="6"/>
      <c r="DG186" s="6"/>
      <c r="DH186" s="6"/>
      <c r="DI186" s="6"/>
      <c r="DJ186" s="6"/>
      <c r="DK186" s="6"/>
      <c r="DL186" s="6"/>
      <c r="DM186" s="6"/>
      <c r="DN186" s="13"/>
      <c r="DR186" s="166"/>
      <c r="DS186" s="166"/>
      <c r="DT186" s="166"/>
      <c r="DU186" s="166"/>
      <c r="DV186" s="166"/>
      <c r="DW186" s="166"/>
      <c r="DX186" s="166"/>
      <c r="DY186" s="166"/>
      <c r="DZ186" s="166"/>
      <c r="EA186" s="166"/>
    </row>
    <row r="187" spans="23:132" ht="12" customHeight="1">
      <c r="BC187" s="519" t="s">
        <v>1</v>
      </c>
      <c r="BD187" s="520"/>
      <c r="BE187" s="520"/>
      <c r="BF187" s="520"/>
      <c r="BG187" s="520"/>
      <c r="BH187" s="520"/>
      <c r="BI187" s="520"/>
      <c r="BJ187" s="14"/>
      <c r="BK187" s="6"/>
      <c r="BL187" s="6"/>
      <c r="BM187" s="6"/>
      <c r="BN187" s="6"/>
      <c r="BO187" s="6"/>
      <c r="BP187" s="6"/>
      <c r="BQ187" s="6"/>
      <c r="BR187" s="6"/>
      <c r="BS187" s="6"/>
      <c r="BT187" s="6"/>
      <c r="BU187" s="6"/>
      <c r="BV187" s="6"/>
      <c r="BW187" s="6"/>
      <c r="BX187" s="6"/>
      <c r="BY187" s="6"/>
      <c r="BZ187" s="6"/>
      <c r="CA187" s="6"/>
      <c r="CB187" s="6"/>
      <c r="CC187" s="6"/>
      <c r="CD187" s="6"/>
      <c r="CE187" s="6"/>
      <c r="CF187" s="6"/>
      <c r="CG187" s="6"/>
      <c r="CH187" s="6"/>
      <c r="CI187" s="6"/>
      <c r="CJ187" s="6"/>
      <c r="CK187" s="6"/>
      <c r="CL187" s="6"/>
      <c r="CM187" s="6"/>
      <c r="CN187" s="6"/>
      <c r="CO187" s="6"/>
      <c r="CP187" s="6"/>
      <c r="CQ187" s="6"/>
      <c r="CR187" s="6"/>
      <c r="CS187" s="6"/>
      <c r="CT187" s="6"/>
      <c r="CU187" s="165"/>
      <c r="CV187" s="6"/>
      <c r="CW187" s="7"/>
      <c r="CX187" s="6"/>
      <c r="CY187" s="6"/>
      <c r="CZ187" s="14"/>
      <c r="DA187" s="6"/>
      <c r="DB187" s="6"/>
      <c r="DC187" s="6"/>
      <c r="DD187" s="6"/>
      <c r="DE187" s="6"/>
      <c r="DF187" s="6"/>
      <c r="DG187" s="6"/>
      <c r="DH187" s="6"/>
      <c r="DI187" s="6"/>
      <c r="DJ187" s="6"/>
      <c r="DK187" s="6"/>
      <c r="DL187" s="6"/>
      <c r="DM187" s="6"/>
      <c r="DN187" s="13"/>
      <c r="DR187" s="5"/>
      <c r="DS187" s="5"/>
      <c r="DT187" s="5"/>
      <c r="DU187" s="5"/>
      <c r="DV187" s="5"/>
      <c r="DW187" s="5"/>
      <c r="DX187" s="5"/>
      <c r="DY187" s="5"/>
      <c r="DZ187" s="5"/>
      <c r="EA187" s="5"/>
    </row>
    <row r="188" spans="23:132" ht="12" customHeight="1">
      <c r="BC188" s="519"/>
      <c r="BD188" s="520"/>
      <c r="BE188" s="520"/>
      <c r="BF188" s="520"/>
      <c r="BG188" s="520"/>
      <c r="BH188" s="520"/>
      <c r="BI188" s="520"/>
      <c r="BJ188" s="14"/>
      <c r="BK188" s="6"/>
      <c r="BL188" s="6"/>
      <c r="BM188" s="6"/>
      <c r="BN188" s="6"/>
      <c r="BO188" s="6"/>
      <c r="BP188" s="6"/>
      <c r="BQ188" s="6"/>
      <c r="BR188" s="6"/>
      <c r="BS188" s="6"/>
      <c r="BT188" s="6"/>
      <c r="BU188" s="6"/>
      <c r="BV188" s="6"/>
      <c r="BW188" s="6"/>
      <c r="BX188" s="6"/>
      <c r="BY188" s="6"/>
      <c r="BZ188" s="6"/>
      <c r="CA188" s="6"/>
      <c r="CB188" s="6"/>
      <c r="CC188" s="6"/>
      <c r="CD188" s="6"/>
      <c r="CE188" s="6"/>
      <c r="CF188" s="6"/>
      <c r="CG188" s="6"/>
      <c r="CH188" s="6"/>
      <c r="CI188" s="6"/>
      <c r="CJ188" s="6"/>
      <c r="CK188" s="6"/>
      <c r="CL188" s="6"/>
      <c r="CM188" s="6"/>
      <c r="CN188" s="6"/>
      <c r="CO188" s="6"/>
      <c r="CP188" s="6"/>
      <c r="CQ188" s="6"/>
      <c r="CR188" s="6"/>
      <c r="CS188" s="6"/>
      <c r="CT188" s="6"/>
      <c r="CU188" s="6"/>
      <c r="CV188" s="7" t="s">
        <v>19</v>
      </c>
      <c r="CW188" s="7"/>
      <c r="CX188" s="6"/>
      <c r="CY188" s="6"/>
      <c r="CZ188" s="14"/>
      <c r="DA188" s="6"/>
      <c r="DB188" s="6"/>
      <c r="DC188" s="6"/>
      <c r="DD188" s="6"/>
      <c r="DE188" s="6"/>
      <c r="DF188" s="6"/>
      <c r="DG188" s="6"/>
      <c r="DH188" s="6"/>
      <c r="DI188" s="6"/>
      <c r="DJ188" s="6"/>
      <c r="DK188" s="6"/>
      <c r="DL188" s="6"/>
      <c r="DM188" s="6"/>
      <c r="DN188" s="13"/>
      <c r="DR188" s="5"/>
      <c r="DS188" s="5"/>
      <c r="DT188" s="5"/>
      <c r="DU188" s="5"/>
      <c r="DV188" s="5"/>
      <c r="DW188" s="5"/>
      <c r="DX188" s="5"/>
      <c r="DY188" s="5"/>
      <c r="DZ188" s="5"/>
      <c r="EA188" s="5"/>
    </row>
    <row r="189" spans="23:132" ht="12" customHeight="1">
      <c r="BC189" s="12"/>
      <c r="BD189" s="11"/>
      <c r="BE189" s="11"/>
      <c r="BF189" s="11"/>
      <c r="BG189" s="11"/>
      <c r="BH189" s="11"/>
      <c r="BI189" s="11"/>
      <c r="BJ189" s="10"/>
      <c r="BK189" s="9"/>
      <c r="BL189" s="9"/>
      <c r="BM189" s="9"/>
      <c r="BN189" s="9"/>
      <c r="BO189" s="9"/>
      <c r="BP189" s="9"/>
      <c r="BQ189" s="9"/>
      <c r="BR189" s="9"/>
      <c r="BS189" s="9"/>
      <c r="BT189" s="9"/>
      <c r="BU189" s="9"/>
      <c r="BV189" s="9"/>
      <c r="BW189" s="9"/>
      <c r="BX189" s="9"/>
      <c r="BY189" s="9"/>
      <c r="BZ189" s="9"/>
      <c r="CA189" s="9"/>
      <c r="CB189" s="9"/>
      <c r="CC189" s="9"/>
      <c r="CD189" s="9"/>
      <c r="CE189" s="9"/>
      <c r="CF189" s="9"/>
      <c r="CG189" s="9"/>
      <c r="CH189" s="9"/>
      <c r="CI189" s="9"/>
      <c r="CJ189" s="9"/>
      <c r="CK189" s="9"/>
      <c r="CL189" s="9"/>
      <c r="CM189" s="9"/>
      <c r="CN189" s="9"/>
      <c r="CO189" s="9"/>
      <c r="CP189" s="9"/>
      <c r="CQ189" s="9"/>
      <c r="CR189" s="9"/>
      <c r="CS189" s="9"/>
      <c r="CT189" s="9"/>
      <c r="CU189" s="9"/>
      <c r="CV189" s="9"/>
      <c r="CW189" s="9"/>
      <c r="CX189" s="9"/>
      <c r="CY189" s="9"/>
      <c r="CZ189" s="10"/>
      <c r="DA189" s="9"/>
      <c r="DB189" s="9"/>
      <c r="DC189" s="9"/>
      <c r="DD189" s="9"/>
      <c r="DE189" s="9"/>
      <c r="DF189" s="9"/>
      <c r="DG189" s="9"/>
      <c r="DH189" s="9"/>
      <c r="DI189" s="9"/>
      <c r="DJ189" s="9"/>
      <c r="DK189" s="9"/>
      <c r="DL189" s="9"/>
      <c r="DM189" s="9"/>
      <c r="DN189" s="8"/>
      <c r="DR189" s="166"/>
      <c r="DS189" s="166"/>
      <c r="DT189" s="166"/>
      <c r="DU189" s="166"/>
      <c r="DV189" s="166"/>
      <c r="DW189" s="166"/>
      <c r="DX189" s="166"/>
      <c r="DY189" s="166"/>
      <c r="DZ189" s="166"/>
      <c r="EA189" s="166"/>
    </row>
    <row r="190" spans="23:132" ht="12" customHeight="1">
      <c r="CU190" s="6"/>
      <c r="CV190" s="6"/>
      <c r="DR190" s="166"/>
      <c r="DS190" s="166"/>
      <c r="DT190" s="166"/>
      <c r="DU190" s="166"/>
      <c r="DV190" s="166"/>
      <c r="DW190" s="166"/>
      <c r="DX190" s="166"/>
      <c r="DY190" s="166"/>
      <c r="DZ190" s="166"/>
      <c r="EA190" s="166"/>
    </row>
    <row r="191" spans="23:132" ht="12" customHeight="1">
      <c r="CU191" s="6"/>
      <c r="CV191" s="7"/>
      <c r="DR191" s="166"/>
      <c r="DS191" s="166"/>
      <c r="DT191" s="166"/>
      <c r="DU191" s="166"/>
      <c r="DV191" s="166"/>
      <c r="DW191" s="166"/>
      <c r="DX191" s="166"/>
      <c r="DY191" s="166"/>
      <c r="DZ191" s="166"/>
      <c r="EA191" s="166"/>
      <c r="EB191" s="166"/>
    </row>
    <row r="192" spans="23:132" ht="12" customHeight="1">
      <c r="CU192" s="6"/>
      <c r="CV192" s="7"/>
      <c r="DR192" s="166"/>
      <c r="DS192" s="166"/>
      <c r="DT192" s="166"/>
      <c r="DU192" s="166"/>
      <c r="DV192" s="166"/>
      <c r="DW192" s="166"/>
      <c r="DX192" s="166"/>
      <c r="DY192" s="166"/>
      <c r="DZ192" s="166"/>
      <c r="EA192" s="166"/>
      <c r="EB192" s="166"/>
    </row>
    <row r="193" spans="99:132" ht="12" customHeight="1">
      <c r="CU193" s="2"/>
      <c r="CV193" s="6"/>
      <c r="DR193" s="166"/>
      <c r="DS193" s="166"/>
      <c r="DT193" s="166"/>
      <c r="DU193" s="166"/>
      <c r="DV193" s="166"/>
      <c r="DW193" s="166"/>
      <c r="DX193" s="166"/>
      <c r="DY193" s="166"/>
      <c r="DZ193" s="166"/>
      <c r="EA193" s="166"/>
      <c r="EB193" s="5"/>
    </row>
    <row r="194" spans="99:132" ht="12" customHeight="1">
      <c r="CU194" s="7"/>
      <c r="CV194" s="2"/>
      <c r="DR194" s="166"/>
      <c r="DS194" s="166"/>
      <c r="DT194" s="166"/>
      <c r="DU194" s="166"/>
      <c r="DV194" s="166"/>
      <c r="DW194" s="166"/>
      <c r="DX194" s="166"/>
      <c r="DY194" s="166"/>
      <c r="DZ194" s="166"/>
      <c r="EA194" s="166"/>
      <c r="EB194" s="5"/>
    </row>
    <row r="195" spans="99:132">
      <c r="CU195" s="6"/>
      <c r="CV195" s="2"/>
      <c r="DR195" s="166"/>
      <c r="DS195" s="166"/>
      <c r="DT195" s="166"/>
      <c r="DU195" s="166"/>
      <c r="DV195" s="166"/>
      <c r="DW195" s="166"/>
      <c r="DX195" s="166"/>
      <c r="DY195" s="166"/>
      <c r="DZ195" s="166"/>
      <c r="EA195" s="166"/>
      <c r="EB195" s="166"/>
    </row>
    <row r="196" spans="99:132">
      <c r="DR196" s="166"/>
      <c r="DS196" s="166"/>
      <c r="DT196" s="166"/>
      <c r="DU196" s="166"/>
      <c r="DV196" s="166"/>
      <c r="DW196" s="166"/>
      <c r="DX196" s="166"/>
      <c r="DY196" s="166"/>
      <c r="DZ196" s="166"/>
      <c r="EA196" s="166"/>
      <c r="EB196" s="166"/>
    </row>
    <row r="197" spans="99:132">
      <c r="DR197" s="166"/>
      <c r="DS197" s="166"/>
      <c r="DT197" s="166"/>
      <c r="DU197" s="166"/>
      <c r="DV197" s="166"/>
      <c r="DW197" s="166"/>
      <c r="DX197" s="166"/>
      <c r="DY197" s="166"/>
      <c r="DZ197" s="166"/>
      <c r="EA197" s="166"/>
      <c r="EB197" s="166"/>
    </row>
    <row r="198" spans="99:132">
      <c r="DR198" s="166"/>
      <c r="DS198" s="166"/>
      <c r="DT198" s="166"/>
      <c r="DU198" s="166"/>
      <c r="DV198" s="166"/>
      <c r="DW198" s="166"/>
      <c r="DX198" s="166"/>
      <c r="DY198" s="166"/>
      <c r="DZ198" s="166"/>
      <c r="EA198" s="166"/>
      <c r="EB198" s="166"/>
    </row>
    <row r="199" spans="99:132">
      <c r="DR199" s="166"/>
      <c r="DS199" s="166"/>
      <c r="DT199" s="166"/>
      <c r="DU199" s="166"/>
      <c r="DV199" s="166"/>
      <c r="DW199" s="166"/>
      <c r="DX199" s="166"/>
      <c r="DY199" s="166"/>
      <c r="DZ199" s="166"/>
      <c r="EA199" s="166"/>
      <c r="EB199" s="166"/>
    </row>
    <row r="200" spans="99:132">
      <c r="DR200" s="166"/>
      <c r="DS200" s="166"/>
      <c r="DT200" s="166"/>
      <c r="DU200" s="166"/>
      <c r="DV200" s="166"/>
      <c r="DW200" s="166"/>
      <c r="DX200" s="166"/>
      <c r="DY200" s="166"/>
      <c r="DZ200" s="166"/>
      <c r="EA200" s="166"/>
      <c r="EB200" s="166"/>
    </row>
    <row r="201" spans="99:132">
      <c r="DR201" s="5"/>
      <c r="DS201" s="5"/>
      <c r="DT201" s="5"/>
      <c r="DU201" s="5"/>
      <c r="DV201" s="5"/>
      <c r="DW201" s="5"/>
      <c r="DX201" s="5"/>
      <c r="DY201" s="5"/>
      <c r="DZ201" s="5"/>
      <c r="EA201" s="5"/>
      <c r="EB201" s="166"/>
    </row>
    <row r="202" spans="99:132">
      <c r="DR202" s="5"/>
      <c r="DS202" s="5"/>
      <c r="DT202" s="5"/>
      <c r="DU202" s="5"/>
      <c r="DV202" s="5"/>
      <c r="DW202" s="5"/>
      <c r="DX202" s="5"/>
      <c r="DY202" s="5"/>
      <c r="DZ202" s="5"/>
      <c r="EA202" s="5"/>
      <c r="EB202" s="166"/>
    </row>
    <row r="203" spans="99:132">
      <c r="DR203" s="5"/>
      <c r="DS203" s="5"/>
      <c r="DT203" s="5"/>
      <c r="DU203" s="5"/>
      <c r="DV203" s="5"/>
      <c r="DW203" s="5"/>
      <c r="DX203" s="5"/>
      <c r="DY203" s="5"/>
      <c r="DZ203" s="5"/>
      <c r="EA203" s="5"/>
      <c r="EB203" s="166"/>
    </row>
    <row r="204" spans="99:132">
      <c r="DR204" s="5"/>
      <c r="DS204" s="5"/>
      <c r="DT204" s="5"/>
      <c r="DU204" s="5"/>
      <c r="DV204" s="5"/>
      <c r="DW204" s="5"/>
      <c r="DX204" s="5"/>
      <c r="DY204" s="5"/>
      <c r="DZ204" s="5"/>
      <c r="EA204" s="5"/>
      <c r="EB204" s="166"/>
    </row>
    <row r="205" spans="99:132">
      <c r="DR205" s="5"/>
      <c r="DS205" s="5"/>
      <c r="DT205" s="5"/>
      <c r="DU205" s="5"/>
      <c r="DV205" s="5"/>
      <c r="DW205" s="5"/>
      <c r="DX205" s="5"/>
      <c r="DY205" s="5"/>
      <c r="DZ205" s="5"/>
      <c r="EA205" s="5"/>
      <c r="EB205" s="166"/>
    </row>
    <row r="206" spans="99:132">
      <c r="DR206" s="5"/>
      <c r="DS206" s="5"/>
      <c r="DT206" s="5"/>
      <c r="DU206" s="5"/>
      <c r="DV206" s="5"/>
      <c r="DW206" s="5"/>
      <c r="DX206" s="5"/>
      <c r="DY206" s="5"/>
      <c r="DZ206" s="5"/>
      <c r="EA206" s="5"/>
      <c r="EB206" s="166"/>
    </row>
    <row r="207" spans="99:132">
      <c r="DR207" s="5"/>
      <c r="DS207" s="5"/>
      <c r="DT207" s="5"/>
      <c r="DU207" s="5"/>
      <c r="DV207" s="5"/>
      <c r="DW207" s="5"/>
      <c r="DX207" s="5"/>
      <c r="DY207" s="5"/>
      <c r="DZ207" s="5"/>
      <c r="EA207" s="5"/>
      <c r="EB207" s="5"/>
    </row>
    <row r="208" spans="99:132">
      <c r="DR208" s="5"/>
      <c r="DS208" s="5"/>
      <c r="DT208" s="5"/>
      <c r="DU208" s="5"/>
      <c r="DV208" s="5"/>
      <c r="DW208" s="5"/>
      <c r="DX208" s="5"/>
      <c r="DY208" s="5"/>
      <c r="DZ208" s="5"/>
      <c r="EA208" s="5"/>
      <c r="EB208" s="5"/>
    </row>
    <row r="209" spans="122:132">
      <c r="DR209" s="166"/>
      <c r="DS209" s="166"/>
      <c r="DT209" s="166"/>
      <c r="DU209" s="166"/>
      <c r="DV209" s="166"/>
      <c r="DW209" s="166"/>
      <c r="DX209" s="166"/>
      <c r="DY209" s="166"/>
      <c r="DZ209" s="166"/>
      <c r="EA209" s="166"/>
      <c r="EB209" s="5"/>
    </row>
    <row r="210" spans="122:132">
      <c r="DR210" s="166"/>
      <c r="DS210" s="166"/>
      <c r="DT210" s="166"/>
      <c r="DU210" s="166"/>
      <c r="DV210" s="166"/>
      <c r="DW210" s="166"/>
      <c r="DX210" s="166"/>
      <c r="DY210" s="166"/>
      <c r="DZ210" s="166"/>
      <c r="EA210" s="166"/>
      <c r="EB210" s="5"/>
    </row>
    <row r="211" spans="122:132">
      <c r="DR211" s="166"/>
      <c r="DS211" s="166"/>
      <c r="DT211" s="166"/>
      <c r="DU211" s="166"/>
      <c r="DV211" s="166"/>
      <c r="DW211" s="166"/>
      <c r="DX211" s="166"/>
      <c r="DY211" s="166"/>
      <c r="DZ211" s="166"/>
      <c r="EA211" s="166"/>
      <c r="EB211" s="5"/>
    </row>
    <row r="212" spans="122:132">
      <c r="DR212" s="166"/>
      <c r="DS212" s="166"/>
      <c r="DT212" s="166"/>
      <c r="DU212" s="166"/>
      <c r="DV212" s="166"/>
      <c r="DW212" s="166"/>
      <c r="DX212" s="166"/>
      <c r="DY212" s="166"/>
      <c r="DZ212" s="166"/>
      <c r="EA212" s="166"/>
      <c r="EB212" s="5"/>
    </row>
    <row r="213" spans="122:132">
      <c r="DR213" s="166"/>
      <c r="DS213" s="166"/>
      <c r="DT213" s="166"/>
      <c r="DU213" s="166"/>
      <c r="DV213" s="166"/>
      <c r="DW213" s="166"/>
      <c r="DX213" s="166"/>
      <c r="DY213" s="166"/>
      <c r="DZ213" s="166"/>
      <c r="EA213" s="166"/>
      <c r="EB213" s="5"/>
    </row>
    <row r="214" spans="122:132">
      <c r="DR214" s="166"/>
      <c r="DS214" s="166"/>
      <c r="DT214" s="166"/>
      <c r="DU214" s="166"/>
      <c r="DV214" s="166"/>
      <c r="DW214" s="166"/>
      <c r="DX214" s="166"/>
      <c r="DY214" s="166"/>
      <c r="DZ214" s="166"/>
      <c r="EA214" s="166"/>
      <c r="EB214" s="5"/>
    </row>
    <row r="215" spans="122:132">
      <c r="DR215" s="166"/>
      <c r="DS215" s="166"/>
      <c r="DT215" s="166"/>
      <c r="DU215" s="166"/>
      <c r="DV215" s="166"/>
      <c r="DW215" s="166"/>
      <c r="DX215" s="166"/>
      <c r="DY215" s="166"/>
      <c r="DZ215" s="166"/>
      <c r="EA215" s="166"/>
      <c r="EB215" s="166"/>
    </row>
    <row r="216" spans="122:132">
      <c r="DR216" s="166"/>
      <c r="DS216" s="166"/>
      <c r="DT216" s="166"/>
      <c r="DU216" s="166"/>
      <c r="DV216" s="166"/>
      <c r="DW216" s="166"/>
      <c r="DX216" s="166"/>
      <c r="DY216" s="166"/>
      <c r="DZ216" s="166"/>
      <c r="EA216" s="166"/>
      <c r="EB216" s="166"/>
    </row>
    <row r="217" spans="122:132">
      <c r="DR217" s="166"/>
      <c r="DS217" s="166"/>
      <c r="DT217" s="166"/>
      <c r="DU217" s="166"/>
      <c r="DV217" s="166"/>
      <c r="DW217" s="166"/>
      <c r="DX217" s="166"/>
      <c r="DY217" s="166"/>
      <c r="DZ217" s="166"/>
      <c r="EA217" s="166"/>
      <c r="EB217" s="166"/>
    </row>
    <row r="218" spans="122:132">
      <c r="DR218" s="166"/>
      <c r="DS218" s="166"/>
      <c r="DT218" s="166"/>
      <c r="DU218" s="166"/>
      <c r="DV218" s="166"/>
      <c r="DW218" s="166"/>
      <c r="DX218" s="166"/>
      <c r="DY218" s="166"/>
      <c r="DZ218" s="166"/>
      <c r="EA218" s="166"/>
      <c r="EB218" s="166"/>
    </row>
    <row r="219" spans="122:132">
      <c r="DR219" s="166"/>
      <c r="DS219" s="166"/>
      <c r="DT219" s="166"/>
      <c r="DU219" s="166"/>
      <c r="DV219" s="166"/>
      <c r="DW219" s="166"/>
      <c r="DX219" s="166"/>
      <c r="DY219" s="166"/>
      <c r="DZ219" s="166"/>
      <c r="EA219" s="166"/>
      <c r="EB219" s="166"/>
    </row>
    <row r="220" spans="122:132">
      <c r="DR220" s="166"/>
      <c r="DS220" s="166"/>
      <c r="DT220" s="166"/>
      <c r="DU220" s="166"/>
      <c r="DV220" s="166"/>
      <c r="DW220" s="166"/>
      <c r="DX220" s="166"/>
      <c r="DY220" s="166"/>
      <c r="DZ220" s="166"/>
      <c r="EA220" s="166"/>
      <c r="EB220" s="166"/>
    </row>
    <row r="221" spans="122:132">
      <c r="DR221" s="166"/>
      <c r="DS221" s="166"/>
      <c r="DT221" s="166"/>
      <c r="DU221" s="166"/>
      <c r="DV221" s="166"/>
      <c r="DW221" s="166"/>
      <c r="DX221" s="166"/>
      <c r="DY221" s="166"/>
      <c r="DZ221" s="166"/>
      <c r="EA221" s="166"/>
      <c r="EB221" s="166"/>
    </row>
    <row r="222" spans="122:132">
      <c r="DR222" s="166"/>
      <c r="DS222" s="166"/>
      <c r="DT222" s="166"/>
      <c r="DU222" s="166"/>
      <c r="DV222" s="166"/>
      <c r="DW222" s="166"/>
      <c r="DX222" s="166"/>
      <c r="DY222" s="166"/>
      <c r="DZ222" s="166"/>
      <c r="EA222" s="166"/>
      <c r="EB222" s="166"/>
    </row>
    <row r="223" spans="122:132">
      <c r="DR223" s="175"/>
      <c r="DS223" s="175"/>
      <c r="DT223" s="175"/>
      <c r="DU223" s="175"/>
      <c r="DV223" s="175"/>
      <c r="DW223" s="175"/>
      <c r="DX223" s="175"/>
      <c r="DY223" s="175"/>
      <c r="DZ223" s="175"/>
      <c r="EA223" s="175"/>
      <c r="EB223" s="166"/>
    </row>
    <row r="224" spans="122:132">
      <c r="DR224" s="175"/>
      <c r="DS224" s="175"/>
      <c r="DT224" s="175"/>
      <c r="DU224" s="175"/>
      <c r="DV224" s="175"/>
      <c r="DW224" s="175"/>
      <c r="DX224" s="175"/>
      <c r="DY224" s="175"/>
      <c r="DZ224" s="175"/>
      <c r="EA224" s="175"/>
      <c r="EB224" s="166"/>
    </row>
    <row r="225" spans="122:132">
      <c r="DR225" s="175"/>
      <c r="DS225" s="175"/>
      <c r="DT225" s="175"/>
      <c r="DU225" s="175"/>
      <c r="DV225" s="175"/>
      <c r="DW225" s="175"/>
      <c r="DX225" s="175"/>
      <c r="DY225" s="175"/>
      <c r="DZ225" s="175"/>
      <c r="EA225" s="175"/>
      <c r="EB225" s="166"/>
    </row>
    <row r="226" spans="122:132">
      <c r="DR226" s="175"/>
      <c r="DS226" s="175"/>
      <c r="DT226" s="175"/>
      <c r="DU226" s="175"/>
      <c r="DV226" s="175"/>
      <c r="DW226" s="175"/>
      <c r="DX226" s="175"/>
      <c r="DY226" s="175"/>
      <c r="DZ226" s="175"/>
      <c r="EA226" s="175"/>
      <c r="EB226" s="166"/>
    </row>
    <row r="227" spans="122:132">
      <c r="DR227" s="175"/>
      <c r="DS227" s="175"/>
      <c r="DT227" s="175"/>
      <c r="DU227" s="175"/>
      <c r="DV227" s="175"/>
      <c r="DW227" s="175"/>
      <c r="DX227" s="175"/>
      <c r="DY227" s="175"/>
      <c r="DZ227" s="175"/>
      <c r="EA227" s="175"/>
      <c r="EB227" s="166"/>
    </row>
    <row r="228" spans="122:132">
      <c r="DR228" s="175"/>
      <c r="DS228" s="175"/>
      <c r="DT228" s="175"/>
      <c r="DU228" s="175"/>
      <c r="DV228" s="175"/>
      <c r="DW228" s="175"/>
      <c r="DX228" s="175"/>
      <c r="DY228" s="175"/>
      <c r="DZ228" s="175"/>
      <c r="EA228" s="175"/>
      <c r="EB228" s="166"/>
    </row>
    <row r="229" spans="122:132">
      <c r="DR229" s="175"/>
      <c r="DS229" s="175"/>
      <c r="DT229" s="175"/>
      <c r="DU229" s="175"/>
      <c r="DV229" s="175"/>
      <c r="DW229" s="175"/>
      <c r="DX229" s="175"/>
      <c r="DY229" s="175"/>
      <c r="DZ229" s="175"/>
      <c r="EA229" s="175"/>
      <c r="EB229" s="175"/>
    </row>
    <row r="230" spans="122:132">
      <c r="DR230" s="175"/>
      <c r="DS230" s="175"/>
      <c r="DT230" s="175"/>
      <c r="DU230" s="175"/>
      <c r="DV230" s="175"/>
      <c r="DW230" s="175"/>
      <c r="DX230" s="175"/>
      <c r="DY230" s="175"/>
      <c r="DZ230" s="175"/>
      <c r="EA230" s="175"/>
      <c r="EB230" s="175"/>
    </row>
    <row r="231" spans="122:132">
      <c r="DR231" s="168"/>
      <c r="DS231" s="168"/>
      <c r="DT231" s="168"/>
      <c r="DU231" s="168"/>
      <c r="DV231" s="168"/>
      <c r="DW231" s="168"/>
      <c r="DX231" s="168"/>
      <c r="DY231" s="168"/>
      <c r="DZ231" s="168"/>
      <c r="EA231" s="168"/>
      <c r="EB231" s="175"/>
    </row>
    <row r="232" spans="122:132">
      <c r="DR232" s="168"/>
      <c r="DS232" s="168"/>
      <c r="DT232" s="168"/>
      <c r="DU232" s="168"/>
      <c r="DV232" s="168"/>
      <c r="DW232" s="168"/>
      <c r="DX232" s="168"/>
      <c r="DY232" s="168"/>
      <c r="DZ232" s="168"/>
      <c r="EA232" s="168"/>
      <c r="EB232" s="175"/>
    </row>
    <row r="233" spans="122:132">
      <c r="DR233" s="166"/>
      <c r="DS233" s="166"/>
      <c r="DT233" s="166"/>
      <c r="DU233" s="166"/>
      <c r="DV233" s="166"/>
      <c r="DW233" s="166"/>
      <c r="DX233" s="166"/>
      <c r="DY233" s="166"/>
      <c r="DZ233" s="166"/>
      <c r="EA233" s="166"/>
      <c r="EB233" s="175"/>
    </row>
    <row r="234" spans="122:132">
      <c r="DR234" s="166"/>
      <c r="DS234" s="166"/>
      <c r="DT234" s="166"/>
      <c r="DU234" s="166"/>
      <c r="DV234" s="166"/>
      <c r="DW234" s="166"/>
      <c r="DX234" s="166"/>
      <c r="DY234" s="166"/>
      <c r="DZ234" s="166"/>
      <c r="EA234" s="166"/>
      <c r="EB234" s="175"/>
    </row>
    <row r="235" spans="122:132">
      <c r="DR235" s="166"/>
      <c r="DS235" s="166"/>
      <c r="DT235" s="166"/>
      <c r="DU235" s="166"/>
      <c r="DV235" s="166"/>
      <c r="DW235" s="166"/>
      <c r="DX235" s="166"/>
      <c r="DY235" s="166"/>
      <c r="DZ235" s="166"/>
      <c r="EA235" s="166"/>
      <c r="EB235" s="175"/>
    </row>
    <row r="236" spans="122:132">
      <c r="DR236" s="166"/>
      <c r="DS236" s="166"/>
      <c r="DT236" s="166"/>
      <c r="DU236" s="166"/>
      <c r="DV236" s="166"/>
      <c r="DW236" s="166"/>
      <c r="DX236" s="166"/>
      <c r="DY236" s="166"/>
      <c r="DZ236" s="166"/>
      <c r="EA236" s="166"/>
      <c r="EB236" s="175"/>
    </row>
    <row r="237" spans="122:132">
      <c r="DR237" s="179"/>
      <c r="DS237" s="179"/>
      <c r="DT237" s="179"/>
      <c r="DU237" s="179"/>
      <c r="DV237" s="179"/>
      <c r="DW237" s="179"/>
      <c r="DX237" s="179"/>
      <c r="DY237" s="179"/>
      <c r="DZ237" s="179"/>
      <c r="EA237" s="179"/>
      <c r="EB237" s="168"/>
    </row>
    <row r="238" spans="122:132">
      <c r="DR238" s="179"/>
      <c r="DS238" s="179"/>
      <c r="DT238" s="179"/>
      <c r="DU238" s="179"/>
      <c r="DV238" s="179"/>
      <c r="DW238" s="179"/>
      <c r="DX238" s="179"/>
      <c r="DY238" s="179"/>
      <c r="DZ238" s="179"/>
      <c r="EA238" s="179"/>
      <c r="EB238" s="168"/>
    </row>
    <row r="239" spans="122:132">
      <c r="DR239" s="166"/>
      <c r="DS239" s="166"/>
      <c r="DT239" s="166"/>
      <c r="DU239" s="166"/>
      <c r="DV239" s="166"/>
      <c r="DW239" s="166"/>
      <c r="DX239" s="166"/>
      <c r="DY239" s="166"/>
      <c r="DZ239" s="166"/>
      <c r="EA239" s="166"/>
      <c r="EB239" s="166"/>
    </row>
    <row r="240" spans="122:132">
      <c r="DR240" s="166"/>
      <c r="DS240" s="166"/>
      <c r="DT240" s="166"/>
      <c r="DU240" s="166"/>
      <c r="DV240" s="166"/>
      <c r="DW240" s="166"/>
      <c r="DX240" s="166"/>
      <c r="DY240" s="166"/>
      <c r="DZ240" s="166"/>
      <c r="EA240" s="166"/>
      <c r="EB240" s="166"/>
    </row>
    <row r="241" spans="122:132">
      <c r="DR241" s="166"/>
      <c r="DS241" s="166"/>
      <c r="DT241" s="166"/>
      <c r="DU241" s="166"/>
      <c r="DV241" s="166"/>
      <c r="DW241" s="166"/>
      <c r="DX241" s="166"/>
      <c r="DY241" s="166"/>
      <c r="DZ241" s="166"/>
      <c r="EA241" s="166"/>
      <c r="EB241" s="166"/>
    </row>
    <row r="242" spans="122:132">
      <c r="DR242" s="166"/>
      <c r="DS242" s="166"/>
      <c r="DT242" s="166"/>
      <c r="DU242" s="166"/>
      <c r="DV242" s="166"/>
      <c r="DW242" s="166"/>
      <c r="DX242" s="166"/>
      <c r="DY242" s="166"/>
      <c r="DZ242" s="166"/>
      <c r="EA242" s="166"/>
      <c r="EB242" s="166"/>
    </row>
    <row r="243" spans="122:132">
      <c r="DR243" s="166"/>
      <c r="DS243" s="166"/>
      <c r="DT243" s="166"/>
      <c r="DU243" s="166"/>
      <c r="DV243" s="166"/>
      <c r="DW243" s="166"/>
      <c r="DX243" s="166"/>
      <c r="DY243" s="166"/>
      <c r="DZ243" s="166"/>
      <c r="EA243" s="166"/>
      <c r="EB243" s="179"/>
    </row>
    <row r="244" spans="122:132">
      <c r="DR244" s="166"/>
      <c r="DS244" s="166"/>
      <c r="DT244" s="166"/>
      <c r="DU244" s="166"/>
      <c r="DV244" s="166"/>
      <c r="DW244" s="166"/>
      <c r="DX244" s="166"/>
      <c r="DY244" s="166"/>
      <c r="DZ244" s="166"/>
      <c r="EA244" s="166"/>
      <c r="EB244" s="179"/>
    </row>
    <row r="245" spans="122:132">
      <c r="DR245" s="166"/>
      <c r="DS245" s="166"/>
      <c r="DT245" s="166"/>
      <c r="DU245" s="166"/>
      <c r="DV245" s="166"/>
      <c r="DW245" s="166"/>
      <c r="DX245" s="166"/>
      <c r="DY245" s="166"/>
      <c r="DZ245" s="166"/>
      <c r="EA245" s="166"/>
      <c r="EB245" s="166"/>
    </row>
    <row r="246" spans="122:132">
      <c r="DR246" s="166"/>
      <c r="DS246" s="166"/>
      <c r="DT246" s="166"/>
      <c r="DU246" s="166"/>
      <c r="DV246" s="166"/>
      <c r="DW246" s="166"/>
      <c r="DX246" s="166"/>
      <c r="DY246" s="166"/>
      <c r="DZ246" s="166"/>
      <c r="EA246" s="166"/>
      <c r="EB246" s="166"/>
    </row>
    <row r="247" spans="122:132">
      <c r="DR247" s="166"/>
      <c r="DS247" s="166"/>
      <c r="DT247" s="166"/>
      <c r="DU247" s="166"/>
      <c r="DV247" s="166"/>
      <c r="DW247" s="166"/>
      <c r="DX247" s="166"/>
      <c r="DY247" s="166"/>
      <c r="DZ247" s="166"/>
      <c r="EA247" s="166"/>
      <c r="EB247" s="166"/>
    </row>
    <row r="248" spans="122:132">
      <c r="DR248" s="166"/>
      <c r="DS248" s="166"/>
      <c r="DT248" s="166"/>
      <c r="DU248" s="166"/>
      <c r="DV248" s="166"/>
      <c r="DW248" s="166"/>
      <c r="DX248" s="166"/>
      <c r="DY248" s="166"/>
      <c r="DZ248" s="166"/>
      <c r="EA248" s="166"/>
      <c r="EB248" s="166"/>
    </row>
    <row r="249" spans="122:132">
      <c r="DR249" s="166"/>
      <c r="DS249" s="166"/>
      <c r="DT249" s="166"/>
      <c r="DU249" s="166"/>
      <c r="DV249" s="166"/>
      <c r="DW249" s="166"/>
      <c r="DX249" s="166"/>
      <c r="DY249" s="166"/>
      <c r="DZ249" s="166"/>
      <c r="EA249" s="166"/>
      <c r="EB249" s="166"/>
    </row>
    <row r="250" spans="122:132">
      <c r="DR250" s="166"/>
      <c r="DS250" s="166"/>
      <c r="DT250" s="166"/>
      <c r="DU250" s="166"/>
      <c r="DV250" s="166"/>
      <c r="DW250" s="166"/>
      <c r="DX250" s="166"/>
      <c r="DY250" s="166"/>
      <c r="DZ250" s="166"/>
      <c r="EA250" s="166"/>
      <c r="EB250" s="166"/>
    </row>
    <row r="251" spans="122:132">
      <c r="DR251" s="166"/>
      <c r="DS251" s="166"/>
      <c r="DT251" s="166"/>
      <c r="DU251" s="166"/>
      <c r="DV251" s="166"/>
      <c r="DW251" s="166"/>
      <c r="DX251" s="166"/>
      <c r="DY251" s="166"/>
      <c r="DZ251" s="166"/>
      <c r="EA251" s="166"/>
      <c r="EB251" s="166"/>
    </row>
    <row r="252" spans="122:132">
      <c r="DR252" s="166"/>
      <c r="DS252" s="166"/>
      <c r="DT252" s="166"/>
      <c r="DU252" s="166"/>
      <c r="DV252" s="166"/>
      <c r="DW252" s="166"/>
      <c r="DX252" s="166"/>
      <c r="DY252" s="166"/>
      <c r="DZ252" s="166"/>
      <c r="EA252" s="166"/>
      <c r="EB252" s="166"/>
    </row>
    <row r="253" spans="122:132">
      <c r="DR253" s="166"/>
      <c r="DS253" s="166"/>
      <c r="DT253" s="166"/>
      <c r="DU253" s="166"/>
      <c r="DV253" s="166"/>
      <c r="DW253" s="166"/>
      <c r="DX253" s="166"/>
      <c r="DY253" s="166"/>
      <c r="DZ253" s="166"/>
      <c r="EA253" s="166"/>
      <c r="EB253" s="166"/>
    </row>
    <row r="254" spans="122:132">
      <c r="DR254" s="166"/>
      <c r="DS254" s="166"/>
      <c r="DT254" s="166"/>
      <c r="DU254" s="166"/>
      <c r="DV254" s="166"/>
      <c r="DW254" s="166"/>
      <c r="DX254" s="166"/>
      <c r="DY254" s="166"/>
      <c r="DZ254" s="166"/>
      <c r="EA254" s="166"/>
      <c r="EB254" s="166"/>
    </row>
    <row r="255" spans="122:132">
      <c r="DR255" s="166"/>
      <c r="DS255" s="166"/>
      <c r="DT255" s="166"/>
      <c r="DU255" s="166"/>
      <c r="DV255" s="166"/>
      <c r="DW255" s="166"/>
      <c r="DX255" s="166"/>
      <c r="DY255" s="166"/>
      <c r="DZ255" s="166"/>
      <c r="EA255" s="166"/>
      <c r="EB255" s="166"/>
    </row>
    <row r="256" spans="122:132">
      <c r="DR256" s="166"/>
      <c r="DS256" s="166"/>
      <c r="DT256" s="166"/>
      <c r="DU256" s="166"/>
      <c r="DV256" s="166"/>
      <c r="DW256" s="166"/>
      <c r="DX256" s="166"/>
      <c r="DY256" s="166"/>
      <c r="DZ256" s="166"/>
      <c r="EA256" s="166"/>
      <c r="EB256" s="166"/>
    </row>
    <row r="257" spans="122:132">
      <c r="DR257" s="166"/>
      <c r="DS257" s="166"/>
      <c r="DT257" s="166"/>
      <c r="DU257" s="166"/>
      <c r="DV257" s="166"/>
      <c r="DW257" s="166"/>
      <c r="DX257" s="166"/>
      <c r="DY257" s="166"/>
      <c r="DZ257" s="166"/>
      <c r="EA257" s="166"/>
      <c r="EB257" s="166"/>
    </row>
    <row r="258" spans="122:132">
      <c r="DR258" s="166"/>
      <c r="DS258" s="166"/>
      <c r="DT258" s="166"/>
      <c r="DU258" s="166"/>
      <c r="DV258" s="166"/>
      <c r="DW258" s="166"/>
      <c r="DX258" s="166"/>
      <c r="DY258" s="166"/>
      <c r="DZ258" s="166"/>
      <c r="EA258" s="166"/>
      <c r="EB258" s="166"/>
    </row>
    <row r="259" spans="122:132">
      <c r="DR259" s="166"/>
      <c r="DS259" s="166"/>
      <c r="DT259" s="166"/>
      <c r="DU259" s="166"/>
      <c r="DV259" s="166"/>
      <c r="DW259" s="166"/>
      <c r="DX259" s="166"/>
      <c r="DY259" s="166"/>
      <c r="DZ259" s="166"/>
      <c r="EA259" s="166"/>
      <c r="EB259" s="166"/>
    </row>
    <row r="260" spans="122:132">
      <c r="DR260" s="166"/>
      <c r="DS260" s="166"/>
      <c r="DT260" s="166"/>
      <c r="DU260" s="166"/>
      <c r="DV260" s="166"/>
      <c r="DW260" s="166"/>
      <c r="DX260" s="166"/>
      <c r="DY260" s="166"/>
      <c r="DZ260" s="166"/>
      <c r="EA260" s="166"/>
      <c r="EB260" s="166"/>
    </row>
    <row r="261" spans="122:132">
      <c r="DR261" s="166"/>
      <c r="DS261" s="166"/>
      <c r="DT261" s="166"/>
      <c r="DU261" s="166"/>
      <c r="DV261" s="166"/>
      <c r="DW261" s="166"/>
      <c r="DX261" s="166"/>
      <c r="DY261" s="166"/>
      <c r="DZ261" s="166"/>
      <c r="EA261" s="166"/>
      <c r="EB261" s="166"/>
    </row>
    <row r="262" spans="122:132">
      <c r="DR262" s="166"/>
      <c r="DS262" s="166"/>
      <c r="DT262" s="166"/>
      <c r="DU262" s="166"/>
      <c r="DV262" s="166"/>
      <c r="DW262" s="166"/>
      <c r="DX262" s="166"/>
      <c r="DY262" s="166"/>
      <c r="DZ262" s="166"/>
      <c r="EA262" s="166"/>
      <c r="EB262" s="166"/>
    </row>
    <row r="263" spans="122:132">
      <c r="DR263" s="4"/>
      <c r="DS263" s="4"/>
      <c r="DT263" s="4"/>
      <c r="DU263" s="4"/>
      <c r="DV263" s="4"/>
      <c r="DW263" s="4"/>
      <c r="DX263" s="4"/>
      <c r="DY263" s="4"/>
      <c r="DZ263" s="4"/>
      <c r="EA263" s="4"/>
      <c r="EB263" s="166"/>
    </row>
    <row r="264" spans="122:132">
      <c r="DR264" s="4"/>
      <c r="DS264" s="4"/>
      <c r="DT264" s="4"/>
      <c r="DU264" s="4"/>
      <c r="DV264" s="4"/>
      <c r="DW264" s="4"/>
      <c r="DX264" s="4"/>
      <c r="DY264" s="4"/>
      <c r="DZ264" s="4"/>
      <c r="EA264" s="4"/>
      <c r="EB264" s="166"/>
    </row>
    <row r="265" spans="122:132">
      <c r="DR265" s="175"/>
      <c r="DS265" s="175"/>
      <c r="DT265" s="175"/>
      <c r="DU265" s="175"/>
      <c r="DV265" s="175"/>
      <c r="DW265" s="175"/>
      <c r="DX265" s="175"/>
      <c r="DY265" s="175"/>
      <c r="DZ265" s="175"/>
      <c r="EA265" s="175"/>
      <c r="EB265" s="166"/>
    </row>
    <row r="266" spans="122:132">
      <c r="DR266" s="175"/>
      <c r="DS266" s="175"/>
      <c r="DT266" s="175"/>
      <c r="DU266" s="175"/>
      <c r="DV266" s="175"/>
      <c r="DW266" s="175"/>
      <c r="DX266" s="175"/>
      <c r="DY266" s="175"/>
      <c r="DZ266" s="175"/>
      <c r="EA266" s="175"/>
      <c r="EB266" s="166"/>
    </row>
    <row r="267" spans="122:132">
      <c r="DR267" s="175"/>
      <c r="DS267" s="175"/>
      <c r="DT267" s="175"/>
      <c r="DU267" s="175"/>
      <c r="DV267" s="175"/>
      <c r="DW267" s="175"/>
      <c r="DX267" s="175"/>
      <c r="DY267" s="175"/>
      <c r="DZ267" s="175"/>
      <c r="EA267" s="175"/>
      <c r="EB267" s="166"/>
    </row>
    <row r="268" spans="122:132">
      <c r="DR268" s="175"/>
      <c r="DS268" s="175"/>
      <c r="DT268" s="175"/>
      <c r="DU268" s="175"/>
      <c r="DV268" s="175"/>
      <c r="DW268" s="175"/>
      <c r="DX268" s="175"/>
      <c r="DY268" s="175"/>
      <c r="DZ268" s="175"/>
      <c r="EA268" s="175"/>
      <c r="EB268" s="166"/>
    </row>
    <row r="269" spans="122:132">
      <c r="DR269" s="175"/>
      <c r="DS269" s="175"/>
      <c r="DT269" s="175"/>
      <c r="DU269" s="175"/>
      <c r="DV269" s="175"/>
      <c r="DW269" s="175"/>
      <c r="DX269" s="175"/>
      <c r="DY269" s="175"/>
      <c r="DZ269" s="175"/>
      <c r="EA269" s="175"/>
      <c r="EB269" s="4"/>
    </row>
    <row r="270" spans="122:132">
      <c r="DR270" s="175"/>
      <c r="DS270" s="175"/>
      <c r="DT270" s="175"/>
      <c r="DU270" s="175"/>
      <c r="DV270" s="175"/>
      <c r="DW270" s="175"/>
      <c r="DX270" s="175"/>
      <c r="DY270" s="175"/>
      <c r="DZ270" s="175"/>
      <c r="EA270" s="175"/>
      <c r="EB270" s="4"/>
    </row>
    <row r="271" spans="122:132">
      <c r="DR271" s="175"/>
      <c r="DS271" s="175"/>
      <c r="DT271" s="175"/>
      <c r="DU271" s="175"/>
      <c r="DV271" s="175"/>
      <c r="DW271" s="175"/>
      <c r="DX271" s="175"/>
      <c r="DY271" s="175"/>
      <c r="DZ271" s="175"/>
      <c r="EA271" s="175"/>
      <c r="EB271" s="175"/>
    </row>
    <row r="272" spans="122:132">
      <c r="DR272" s="175"/>
      <c r="DS272" s="175"/>
      <c r="DT272" s="175"/>
      <c r="DU272" s="175"/>
      <c r="DV272" s="175"/>
      <c r="DW272" s="175"/>
      <c r="DX272" s="175"/>
      <c r="DY272" s="175"/>
      <c r="DZ272" s="175"/>
      <c r="EA272" s="175"/>
      <c r="EB272" s="175"/>
    </row>
    <row r="273" spans="122:132">
      <c r="DR273" s="166"/>
      <c r="DS273" s="166"/>
      <c r="DT273" s="166"/>
      <c r="DU273" s="166"/>
      <c r="DV273" s="166"/>
      <c r="DW273" s="166"/>
      <c r="DX273" s="166"/>
      <c r="DY273" s="166"/>
      <c r="DZ273" s="166"/>
      <c r="EA273" s="166"/>
      <c r="EB273" s="175"/>
    </row>
    <row r="274" spans="122:132">
      <c r="DR274" s="166"/>
      <c r="DS274" s="166"/>
      <c r="DT274" s="166"/>
      <c r="DU274" s="166"/>
      <c r="DV274" s="166"/>
      <c r="DW274" s="166"/>
      <c r="DX274" s="166"/>
      <c r="DY274" s="166"/>
      <c r="DZ274" s="166"/>
      <c r="EA274" s="166"/>
      <c r="EB274" s="175"/>
    </row>
    <row r="275" spans="122:132">
      <c r="DR275" s="166"/>
      <c r="DS275" s="166"/>
      <c r="DT275" s="166"/>
      <c r="DU275" s="166"/>
      <c r="DV275" s="166"/>
      <c r="DW275" s="166"/>
      <c r="DX275" s="166"/>
      <c r="DY275" s="166"/>
      <c r="DZ275" s="166"/>
      <c r="EA275" s="166"/>
      <c r="EB275" s="175"/>
    </row>
    <row r="276" spans="122:132">
      <c r="DR276" s="166"/>
      <c r="DS276" s="166"/>
      <c r="DT276" s="166"/>
      <c r="DU276" s="166"/>
      <c r="DV276" s="166"/>
      <c r="DW276" s="166"/>
      <c r="DX276" s="166"/>
      <c r="DY276" s="166"/>
      <c r="DZ276" s="166"/>
      <c r="EA276" s="166"/>
      <c r="EB276" s="175"/>
    </row>
    <row r="277" spans="122:132">
      <c r="DR277" s="166"/>
      <c r="DS277" s="166"/>
      <c r="DT277" s="166"/>
      <c r="DU277" s="166"/>
      <c r="DV277" s="166"/>
      <c r="DW277" s="166"/>
      <c r="DX277" s="166"/>
      <c r="DY277" s="166"/>
      <c r="DZ277" s="166"/>
      <c r="EA277" s="166"/>
      <c r="EB277" s="175"/>
    </row>
    <row r="278" spans="122:132">
      <c r="DR278" s="166"/>
      <c r="DS278" s="166"/>
      <c r="DT278" s="166"/>
      <c r="DU278" s="166"/>
      <c r="DV278" s="166"/>
      <c r="DW278" s="166"/>
      <c r="DX278" s="166"/>
      <c r="DY278" s="166"/>
      <c r="DZ278" s="166"/>
      <c r="EA278" s="166"/>
      <c r="EB278" s="175"/>
    </row>
    <row r="279" spans="122:132">
      <c r="EB279" s="166"/>
    </row>
    <row r="280" spans="122:132">
      <c r="EB280" s="166"/>
    </row>
    <row r="281" spans="122:132">
      <c r="EB281" s="166"/>
    </row>
    <row r="282" spans="122:132">
      <c r="EB282" s="166"/>
    </row>
    <row r="283" spans="122:132">
      <c r="EB283" s="166"/>
    </row>
    <row r="284" spans="122:132">
      <c r="EB284" s="166"/>
    </row>
    <row r="307" spans="46:98">
      <c r="BC307" s="2"/>
      <c r="BD307" s="2"/>
      <c r="BE307" s="2"/>
      <c r="BF307" s="2"/>
      <c r="BG307" s="2"/>
      <c r="BH307" s="2"/>
      <c r="BI307" s="2"/>
      <c r="BJ307" s="2"/>
      <c r="BK307" s="2"/>
    </row>
    <row r="308" spans="46:98">
      <c r="BC308" s="2"/>
      <c r="BD308" s="2"/>
      <c r="BE308" s="2"/>
      <c r="BF308" s="2"/>
      <c r="BG308" s="2"/>
      <c r="BH308" s="2"/>
      <c r="BI308" s="2"/>
      <c r="BJ308" s="2"/>
      <c r="BK308" s="2"/>
    </row>
    <row r="309" spans="46:98">
      <c r="BC309" s="162"/>
      <c r="BD309" s="162"/>
      <c r="BE309" s="162"/>
      <c r="BF309" s="162"/>
      <c r="BG309" s="162"/>
      <c r="BH309" s="162"/>
      <c r="BI309" s="162"/>
      <c r="BJ309" s="162"/>
      <c r="BK309" s="162"/>
      <c r="BL309" s="162"/>
      <c r="BM309" s="162"/>
      <c r="BN309" s="162"/>
      <c r="BO309" s="162"/>
      <c r="BP309" s="162"/>
      <c r="BQ309" s="162"/>
      <c r="BR309" s="162"/>
      <c r="BS309" s="162"/>
      <c r="BT309" s="162"/>
      <c r="BU309" s="162"/>
      <c r="BV309" s="162"/>
      <c r="BW309" s="162"/>
      <c r="BX309" s="162"/>
      <c r="BY309" s="3"/>
      <c r="BZ309" s="3"/>
      <c r="CA309" s="3"/>
      <c r="CB309" s="3"/>
      <c r="CC309" s="3"/>
      <c r="CD309" s="3"/>
      <c r="CE309" s="3"/>
      <c r="CF309" s="3"/>
      <c r="CG309" s="3"/>
      <c r="CH309" s="3"/>
      <c r="CI309" s="3"/>
      <c r="CJ309" s="3"/>
      <c r="CK309" s="3"/>
      <c r="CL309" s="3"/>
      <c r="CM309" s="3"/>
      <c r="CN309" s="3"/>
      <c r="CO309" s="3"/>
      <c r="CP309" s="3"/>
      <c r="CQ309" s="3"/>
      <c r="CR309" s="3"/>
      <c r="CS309" s="3"/>
      <c r="CT309" s="3"/>
    </row>
    <row r="310" spans="46:98">
      <c r="BC310" s="162"/>
      <c r="BD310" s="162"/>
      <c r="BE310" s="162"/>
      <c r="BF310" s="162"/>
      <c r="BG310" s="162"/>
      <c r="BH310" s="162"/>
      <c r="BI310" s="162"/>
      <c r="BJ310" s="162"/>
      <c r="BK310" s="162"/>
      <c r="BL310" s="162"/>
      <c r="BM310" s="162"/>
      <c r="BN310" s="162"/>
      <c r="BO310" s="162"/>
      <c r="BP310" s="162"/>
      <c r="BQ310" s="162"/>
      <c r="BR310" s="162"/>
      <c r="BS310" s="162"/>
      <c r="BT310" s="162"/>
      <c r="BU310" s="162"/>
      <c r="BV310" s="162"/>
      <c r="BW310" s="162"/>
      <c r="BX310" s="162"/>
      <c r="BY310" s="3"/>
      <c r="BZ310" s="3"/>
      <c r="CA310" s="3"/>
      <c r="CB310" s="3"/>
      <c r="CC310" s="3"/>
      <c r="CD310" s="3"/>
      <c r="CE310" s="3"/>
      <c r="CF310" s="3"/>
      <c r="CG310" s="3"/>
      <c r="CH310" s="3"/>
      <c r="CI310" s="3"/>
      <c r="CJ310" s="3"/>
      <c r="CK310" s="3"/>
      <c r="CL310" s="3"/>
      <c r="CM310" s="3"/>
      <c r="CN310" s="3"/>
      <c r="CO310" s="3"/>
      <c r="CP310" s="3"/>
      <c r="CQ310" s="3"/>
      <c r="CR310" s="3"/>
      <c r="CS310" s="3"/>
      <c r="CT310" s="3"/>
    </row>
    <row r="311" spans="46:98">
      <c r="BC311" s="162"/>
      <c r="BD311" s="162"/>
      <c r="BE311" s="162"/>
      <c r="BF311" s="162"/>
      <c r="BG311" s="162"/>
      <c r="BH311" s="162"/>
      <c r="BI311" s="162"/>
      <c r="BJ311" s="162"/>
      <c r="BK311" s="162"/>
      <c r="BL311" s="162"/>
      <c r="BM311" s="162"/>
      <c r="BN311" s="162"/>
      <c r="BO311" s="162"/>
      <c r="BP311" s="162"/>
      <c r="BQ311" s="162"/>
      <c r="BR311" s="162"/>
      <c r="BS311" s="162"/>
      <c r="BT311" s="162"/>
      <c r="BU311" s="162"/>
      <c r="BV311" s="162"/>
      <c r="BW311" s="162"/>
      <c r="BX311" s="162"/>
      <c r="BY311" s="3"/>
      <c r="BZ311" s="3"/>
      <c r="CA311" s="3"/>
      <c r="CB311" s="3"/>
      <c r="CC311" s="3"/>
      <c r="CD311" s="3"/>
      <c r="CE311" s="3"/>
      <c r="CF311" s="3"/>
      <c r="CG311" s="3"/>
      <c r="CH311" s="3"/>
      <c r="CI311" s="3"/>
      <c r="CJ311" s="3"/>
      <c r="CK311" s="3"/>
      <c r="CL311" s="3"/>
      <c r="CM311" s="3"/>
      <c r="CN311" s="3"/>
      <c r="CO311" s="3"/>
      <c r="CP311" s="3"/>
      <c r="CQ311" s="3"/>
      <c r="CR311" s="3"/>
      <c r="CS311" s="3"/>
      <c r="CT311" s="3"/>
    </row>
    <row r="312" spans="46:98">
      <c r="BC312" s="162"/>
      <c r="BD312" s="162"/>
      <c r="BE312" s="162"/>
      <c r="BF312" s="162"/>
      <c r="BG312" s="162"/>
      <c r="BH312" s="162"/>
      <c r="BI312" s="162"/>
      <c r="BJ312" s="162"/>
      <c r="BK312" s="162"/>
      <c r="BL312" s="162"/>
      <c r="BM312" s="162"/>
      <c r="BN312" s="162"/>
      <c r="BO312" s="162"/>
      <c r="BP312" s="162"/>
      <c r="BQ312" s="162"/>
      <c r="BR312" s="162"/>
      <c r="BS312" s="162"/>
      <c r="BT312" s="162"/>
      <c r="BU312" s="162"/>
      <c r="BV312" s="162"/>
      <c r="BW312" s="162"/>
      <c r="BX312" s="162"/>
      <c r="BY312" s="3"/>
      <c r="BZ312" s="3"/>
      <c r="CA312" s="3"/>
      <c r="CB312" s="3"/>
      <c r="CC312" s="3"/>
      <c r="CD312" s="3"/>
      <c r="CE312" s="3"/>
      <c r="CF312" s="3"/>
      <c r="CG312" s="3"/>
      <c r="CH312" s="3"/>
      <c r="CI312" s="3"/>
      <c r="CJ312" s="3"/>
      <c r="CK312" s="3"/>
      <c r="CL312" s="3"/>
      <c r="CM312" s="3"/>
      <c r="CN312" s="3"/>
      <c r="CO312" s="3"/>
      <c r="CP312" s="3"/>
      <c r="CQ312" s="3"/>
      <c r="CR312" s="3"/>
      <c r="CS312" s="3"/>
      <c r="CT312" s="3"/>
    </row>
    <row r="313" spans="46:98">
      <c r="BC313" s="162"/>
      <c r="BD313" s="162"/>
      <c r="BE313" s="162"/>
      <c r="BF313" s="162"/>
      <c r="BG313" s="162"/>
      <c r="BH313" s="162"/>
      <c r="BI313" s="162"/>
      <c r="BJ313" s="162"/>
      <c r="BK313" s="162"/>
      <c r="BL313" s="162"/>
      <c r="BM313" s="162"/>
      <c r="BN313" s="162"/>
      <c r="BO313" s="162"/>
      <c r="BP313" s="162"/>
      <c r="BQ313" s="162"/>
      <c r="BR313" s="162"/>
      <c r="BS313" s="162"/>
      <c r="BT313" s="162"/>
      <c r="BU313" s="162"/>
      <c r="BV313" s="162"/>
      <c r="BW313" s="162"/>
      <c r="BX313" s="162"/>
      <c r="BY313" s="3"/>
      <c r="BZ313" s="3"/>
      <c r="CA313" s="3"/>
      <c r="CB313" s="3"/>
      <c r="CC313" s="3"/>
      <c r="CD313" s="3"/>
      <c r="CE313" s="3"/>
      <c r="CF313" s="3"/>
      <c r="CG313" s="3"/>
      <c r="CH313" s="3"/>
      <c r="CI313" s="3"/>
      <c r="CJ313" s="3"/>
      <c r="CK313" s="3"/>
      <c r="CL313" s="3"/>
      <c r="CM313" s="3"/>
      <c r="CN313" s="3"/>
      <c r="CO313" s="3"/>
      <c r="CP313" s="3"/>
      <c r="CQ313" s="3"/>
      <c r="CR313" s="3"/>
      <c r="CS313" s="3"/>
      <c r="CT313" s="3"/>
    </row>
    <row r="314" spans="46:98">
      <c r="BC314" s="162"/>
      <c r="BD314" s="162"/>
      <c r="BE314" s="162"/>
      <c r="BF314" s="162"/>
      <c r="BG314" s="162"/>
      <c r="BH314" s="162"/>
      <c r="BI314" s="162"/>
      <c r="BJ314" s="162"/>
      <c r="BK314" s="162"/>
      <c r="BL314" s="162"/>
      <c r="BM314" s="162"/>
      <c r="BN314" s="162"/>
      <c r="BO314" s="162"/>
      <c r="BP314" s="162"/>
      <c r="BQ314" s="162"/>
      <c r="BR314" s="162"/>
      <c r="BS314" s="162"/>
      <c r="BT314" s="162"/>
      <c r="BU314" s="162"/>
      <c r="BV314" s="162"/>
      <c r="BW314" s="162"/>
      <c r="BX314" s="162"/>
      <c r="BY314" s="175"/>
      <c r="BZ314" s="175"/>
      <c r="CA314" s="175"/>
      <c r="CB314" s="175"/>
      <c r="CC314" s="175"/>
      <c r="CD314" s="175"/>
      <c r="CE314" s="175"/>
      <c r="CF314" s="175"/>
      <c r="CG314" s="175"/>
      <c r="CH314" s="175"/>
      <c r="CI314" s="175"/>
      <c r="CJ314" s="175"/>
      <c r="CK314" s="175"/>
      <c r="CL314" s="175"/>
      <c r="CM314" s="175"/>
      <c r="CN314" s="175"/>
      <c r="CO314" s="175"/>
      <c r="CP314" s="175"/>
      <c r="CQ314" s="175"/>
      <c r="CR314" s="175"/>
      <c r="CS314" s="175"/>
      <c r="CT314" s="175"/>
    </row>
    <row r="315" spans="46:98">
      <c r="BC315" s="162"/>
      <c r="BD315" s="162"/>
      <c r="BE315" s="162"/>
      <c r="BF315" s="162"/>
      <c r="BG315" s="162"/>
      <c r="BH315" s="162"/>
      <c r="BI315" s="162"/>
      <c r="BJ315" s="162"/>
      <c r="BK315" s="162"/>
      <c r="BL315" s="162"/>
      <c r="BM315" s="162"/>
      <c r="BN315" s="162"/>
      <c r="BO315" s="162"/>
      <c r="BP315" s="162"/>
      <c r="BQ315" s="162"/>
      <c r="BR315" s="162"/>
      <c r="BS315" s="162"/>
      <c r="BT315" s="162"/>
      <c r="BU315" s="162"/>
      <c r="BV315" s="162"/>
      <c r="BW315" s="162"/>
      <c r="BX315" s="162"/>
      <c r="BY315" s="175"/>
      <c r="BZ315" s="175"/>
      <c r="CA315" s="175"/>
      <c r="CB315" s="175"/>
      <c r="CC315" s="175"/>
      <c r="CD315" s="175"/>
      <c r="CE315" s="175"/>
      <c r="CF315" s="175"/>
      <c r="CG315" s="175"/>
      <c r="CH315" s="175"/>
      <c r="CI315" s="175"/>
      <c r="CJ315" s="175"/>
      <c r="CK315" s="175"/>
      <c r="CL315" s="175"/>
      <c r="CM315" s="175"/>
      <c r="CN315" s="175"/>
      <c r="CO315" s="175"/>
      <c r="CP315" s="175"/>
      <c r="CQ315" s="175"/>
      <c r="CR315" s="175"/>
      <c r="CS315" s="175"/>
      <c r="CT315" s="175"/>
    </row>
    <row r="316" spans="46:98">
      <c r="BC316" s="162"/>
      <c r="BD316" s="162"/>
      <c r="BE316" s="162"/>
      <c r="BF316" s="162"/>
      <c r="BG316" s="162"/>
      <c r="BH316" s="162"/>
      <c r="BI316" s="162"/>
      <c r="BJ316" s="162"/>
      <c r="BK316" s="162"/>
      <c r="BL316" s="162"/>
      <c r="BM316" s="162"/>
      <c r="BN316" s="162"/>
      <c r="BO316" s="162"/>
      <c r="BP316" s="162"/>
      <c r="BQ316" s="162"/>
      <c r="BR316" s="162"/>
      <c r="BS316" s="162"/>
      <c r="BT316" s="162"/>
      <c r="BU316" s="162"/>
      <c r="BV316" s="162"/>
      <c r="BW316" s="162"/>
      <c r="BX316" s="162"/>
      <c r="BY316" s="175"/>
      <c r="BZ316" s="175"/>
      <c r="CA316" s="175"/>
      <c r="CB316" s="175"/>
      <c r="CC316" s="175"/>
      <c r="CD316" s="175"/>
      <c r="CE316" s="175"/>
      <c r="CF316" s="175"/>
      <c r="CG316" s="175"/>
      <c r="CH316" s="175"/>
      <c r="CI316" s="175"/>
      <c r="CJ316" s="175"/>
      <c r="CK316" s="175"/>
      <c r="CL316" s="175"/>
      <c r="CM316" s="175"/>
      <c r="CN316" s="175"/>
      <c r="CO316" s="175"/>
      <c r="CP316" s="175"/>
      <c r="CQ316" s="175"/>
      <c r="CR316" s="175"/>
      <c r="CS316" s="175"/>
      <c r="CT316" s="175"/>
    </row>
    <row r="317" spans="46:98">
      <c r="BC317" s="162"/>
      <c r="BD317" s="162"/>
      <c r="BE317" s="162"/>
      <c r="BF317" s="162"/>
      <c r="BG317" s="162"/>
      <c r="BH317" s="162"/>
      <c r="BI317" s="162"/>
      <c r="BJ317" s="162"/>
      <c r="BK317" s="162"/>
      <c r="BL317" s="162"/>
      <c r="BM317" s="162"/>
      <c r="BN317" s="162"/>
      <c r="BO317" s="162"/>
      <c r="BP317" s="162"/>
      <c r="BQ317" s="162"/>
      <c r="BR317" s="162"/>
      <c r="BS317" s="162"/>
      <c r="BT317" s="162"/>
      <c r="BU317" s="162"/>
      <c r="BV317" s="162"/>
      <c r="BW317" s="162"/>
      <c r="BX317" s="162"/>
      <c r="BY317" s="175"/>
      <c r="BZ317" s="175"/>
      <c r="CA317" s="175"/>
      <c r="CB317" s="175"/>
      <c r="CC317" s="175"/>
      <c r="CD317" s="175"/>
      <c r="CE317" s="175"/>
      <c r="CF317" s="175"/>
      <c r="CG317" s="175"/>
      <c r="CH317" s="175"/>
      <c r="CI317" s="175"/>
      <c r="CJ317" s="175"/>
      <c r="CK317" s="175"/>
      <c r="CL317" s="175"/>
      <c r="CM317" s="175"/>
      <c r="CN317" s="175"/>
      <c r="CO317" s="175"/>
      <c r="CP317" s="175"/>
      <c r="CQ317" s="175"/>
      <c r="CR317" s="175"/>
      <c r="CS317" s="175"/>
      <c r="CT317" s="175"/>
    </row>
    <row r="318" spans="46:98">
      <c r="BC318" s="162"/>
      <c r="BD318" s="162"/>
      <c r="BE318" s="162"/>
      <c r="BF318" s="162"/>
      <c r="BG318" s="162"/>
      <c r="BH318" s="162"/>
      <c r="BI318" s="162"/>
      <c r="BJ318" s="162"/>
      <c r="BK318" s="162"/>
      <c r="BL318" s="162"/>
      <c r="BM318" s="162"/>
      <c r="BN318" s="162"/>
      <c r="BO318" s="162"/>
      <c r="BP318" s="162"/>
      <c r="BQ318" s="162"/>
      <c r="BR318" s="162"/>
      <c r="BS318" s="162"/>
      <c r="BT318" s="162"/>
      <c r="BU318" s="162"/>
      <c r="BV318" s="162"/>
      <c r="BW318" s="162"/>
      <c r="BX318" s="162"/>
      <c r="BY318" s="175"/>
      <c r="BZ318" s="175"/>
      <c r="CA318" s="175"/>
      <c r="CB318" s="175"/>
      <c r="CC318" s="175"/>
      <c r="CD318" s="175"/>
      <c r="CE318" s="175"/>
      <c r="CF318" s="175"/>
      <c r="CG318" s="175"/>
      <c r="CH318" s="175"/>
      <c r="CI318" s="175"/>
      <c r="CJ318" s="175"/>
      <c r="CK318" s="175"/>
      <c r="CL318" s="175"/>
      <c r="CM318" s="175"/>
      <c r="CN318" s="175"/>
      <c r="CO318" s="175"/>
      <c r="CP318" s="175"/>
      <c r="CQ318" s="175"/>
      <c r="CR318" s="175"/>
      <c r="CS318" s="175"/>
      <c r="CT318" s="175"/>
    </row>
    <row r="319" spans="46:98">
      <c r="AT319" s="2"/>
      <c r="AU319" s="2"/>
      <c r="AV319" s="2"/>
      <c r="AW319" s="2"/>
      <c r="AX319" s="2"/>
      <c r="AY319" s="2"/>
      <c r="BC319" s="2"/>
      <c r="BD319" s="2"/>
      <c r="BE319" s="2"/>
      <c r="BF319" s="2"/>
      <c r="BG319" s="2"/>
      <c r="BH319" s="2"/>
      <c r="BI319" s="2"/>
      <c r="BJ319" s="2"/>
      <c r="BK319" s="2"/>
      <c r="BL319" s="2"/>
      <c r="BM319" s="2"/>
      <c r="BN319" s="2"/>
      <c r="BO319" s="2"/>
      <c r="BP319" s="2"/>
      <c r="BQ319" s="2"/>
      <c r="BR319" s="2"/>
      <c r="BS319" s="2"/>
      <c r="BT319" s="2"/>
      <c r="BU319" s="2"/>
      <c r="BV319" s="2"/>
      <c r="BW319" s="2"/>
      <c r="BX319" s="2"/>
      <c r="BY319" s="2"/>
      <c r="BZ319" s="2"/>
      <c r="CA319" s="2"/>
      <c r="CB319" s="2"/>
      <c r="CC319" s="2"/>
      <c r="CD319" s="2"/>
      <c r="CE319" s="2"/>
      <c r="CF319" s="2"/>
      <c r="CG319" s="2"/>
      <c r="CH319" s="2"/>
      <c r="CI319" s="2"/>
      <c r="CJ319" s="2"/>
      <c r="CK319" s="2"/>
      <c r="CL319" s="2"/>
      <c r="CM319" s="2"/>
      <c r="CN319" s="2"/>
      <c r="CO319" s="2"/>
      <c r="CP319" s="2"/>
      <c r="CQ319" s="2"/>
      <c r="CR319" s="2"/>
      <c r="CS319" s="2"/>
      <c r="CT319" s="2"/>
    </row>
    <row r="320" spans="46:98">
      <c r="AT320" s="2"/>
      <c r="AU320" s="2"/>
      <c r="AV320" s="2"/>
      <c r="AW320" s="2"/>
      <c r="AX320" s="2"/>
      <c r="AY320" s="2"/>
      <c r="AZ320" s="2"/>
      <c r="BA320" s="2"/>
      <c r="BB320" s="2"/>
      <c r="BC320" s="2"/>
      <c r="BD320" s="2"/>
      <c r="BE320" s="2"/>
      <c r="BF320" s="2"/>
      <c r="BG320" s="2"/>
      <c r="BH320" s="2"/>
      <c r="BI320" s="2"/>
      <c r="BJ320" s="2"/>
      <c r="BK320" s="2"/>
    </row>
    <row r="321" spans="46:63">
      <c r="AT321" s="2"/>
      <c r="AU321" s="2"/>
      <c r="AV321" s="2"/>
      <c r="AW321" s="2"/>
      <c r="AX321" s="2"/>
      <c r="AY321" s="2"/>
      <c r="AZ321" s="2"/>
      <c r="BA321" s="2"/>
      <c r="BB321" s="2"/>
      <c r="BC321" s="2"/>
      <c r="BD321" s="2"/>
      <c r="BE321" s="2"/>
      <c r="BF321" s="2"/>
      <c r="BG321" s="2"/>
      <c r="BH321" s="2"/>
      <c r="BI321" s="2"/>
      <c r="BJ321" s="2"/>
      <c r="BK321" s="2"/>
    </row>
    <row r="322" spans="46:63">
      <c r="AT322" s="2"/>
      <c r="AU322" s="2"/>
      <c r="AV322" s="2"/>
      <c r="AW322" s="2"/>
      <c r="AX322" s="2"/>
      <c r="AY322" s="2"/>
      <c r="AZ322" s="2"/>
      <c r="BA322" s="2"/>
      <c r="BB322" s="2"/>
      <c r="BC322" s="2"/>
      <c r="BD322" s="2"/>
      <c r="BE322" s="2"/>
      <c r="BF322" s="2"/>
      <c r="BG322" s="2"/>
      <c r="BH322" s="2"/>
      <c r="BI322" s="2"/>
      <c r="BJ322" s="2"/>
      <c r="BK322" s="2"/>
    </row>
    <row r="323" spans="46:63">
      <c r="AT323" s="2"/>
      <c r="AU323" s="2"/>
      <c r="AV323" s="2"/>
      <c r="AW323" s="2"/>
      <c r="AX323" s="2"/>
      <c r="AY323" s="2"/>
      <c r="AZ323" s="2"/>
      <c r="BA323" s="2"/>
      <c r="BB323" s="2"/>
      <c r="BC323" s="2"/>
      <c r="BD323" s="2"/>
      <c r="BE323" s="2"/>
      <c r="BF323" s="2"/>
      <c r="BG323" s="2"/>
      <c r="BH323" s="2"/>
      <c r="BI323" s="2"/>
      <c r="BJ323" s="2"/>
      <c r="BK323" s="2"/>
    </row>
    <row r="324" spans="46:63">
      <c r="AT324" s="2"/>
      <c r="AU324" s="2"/>
      <c r="AV324" s="2"/>
      <c r="AW324" s="2"/>
      <c r="AX324" s="2"/>
      <c r="AY324" s="2"/>
      <c r="AZ324" s="2"/>
      <c r="BA324" s="2"/>
      <c r="BB324" s="2"/>
      <c r="BC324" s="2"/>
      <c r="BD324" s="2"/>
      <c r="BE324" s="2"/>
      <c r="BF324" s="2"/>
      <c r="BG324" s="2"/>
      <c r="BH324" s="2"/>
      <c r="BI324" s="2"/>
      <c r="BJ324" s="2"/>
      <c r="BK324" s="2"/>
    </row>
    <row r="325" spans="46:63">
      <c r="AT325" s="2"/>
      <c r="AU325" s="2"/>
      <c r="AV325" s="2"/>
      <c r="AW325" s="2"/>
      <c r="AX325" s="2"/>
      <c r="AY325" s="2"/>
      <c r="AZ325" s="2"/>
      <c r="BA325" s="2"/>
      <c r="BB325" s="2"/>
      <c r="BC325" s="2"/>
      <c r="BD325" s="2"/>
      <c r="BE325" s="2"/>
      <c r="BF325" s="2"/>
      <c r="BG325" s="2"/>
      <c r="BH325" s="2"/>
      <c r="BI325" s="2"/>
      <c r="BJ325" s="2"/>
      <c r="BK325" s="2"/>
    </row>
    <row r="326" spans="46:63">
      <c r="AT326" s="2"/>
      <c r="AU326" s="2"/>
      <c r="AV326" s="2"/>
      <c r="AW326" s="2"/>
      <c r="AX326" s="2"/>
      <c r="AY326" s="2"/>
      <c r="AZ326" s="2"/>
      <c r="BA326" s="2"/>
      <c r="BB326" s="2"/>
      <c r="BC326" s="2"/>
      <c r="BD326" s="2"/>
      <c r="BE326" s="2"/>
      <c r="BF326" s="2"/>
      <c r="BG326" s="2"/>
      <c r="BH326" s="2"/>
      <c r="BI326" s="2"/>
      <c r="BJ326" s="2"/>
      <c r="BK326" s="2"/>
    </row>
    <row r="327" spans="46:63">
      <c r="AT327" s="2"/>
      <c r="AU327" s="2"/>
      <c r="AV327" s="2"/>
      <c r="AW327" s="2"/>
      <c r="AX327" s="2"/>
      <c r="AY327" s="2"/>
      <c r="AZ327" s="2"/>
      <c r="BA327" s="2"/>
      <c r="BB327" s="2"/>
      <c r="BC327" s="2"/>
      <c r="BD327" s="2"/>
      <c r="BE327" s="2"/>
      <c r="BF327" s="2"/>
      <c r="BG327" s="2"/>
      <c r="BH327" s="2"/>
      <c r="BI327" s="2"/>
      <c r="BJ327" s="2"/>
      <c r="BK327" s="2"/>
    </row>
    <row r="328" spans="46:63">
      <c r="AT328" s="2"/>
      <c r="AU328" s="2"/>
      <c r="AV328" s="2"/>
      <c r="AW328" s="2"/>
      <c r="AX328" s="2"/>
      <c r="AY328" s="2"/>
      <c r="AZ328" s="2"/>
      <c r="BA328" s="2"/>
      <c r="BB328" s="2"/>
      <c r="BC328" s="2"/>
      <c r="BD328" s="2"/>
      <c r="BE328" s="2"/>
      <c r="BF328" s="2"/>
      <c r="BG328" s="2"/>
      <c r="BH328" s="2"/>
      <c r="BI328" s="2"/>
      <c r="BJ328" s="2"/>
      <c r="BK328" s="2"/>
    </row>
    <row r="329" spans="46:63">
      <c r="AT329" s="2"/>
      <c r="AU329" s="2"/>
      <c r="AV329" s="2"/>
      <c r="AW329" s="2"/>
      <c r="AX329" s="2"/>
      <c r="AY329" s="2"/>
      <c r="AZ329" s="2"/>
      <c r="BA329" s="2"/>
      <c r="BB329" s="2"/>
      <c r="BC329" s="2"/>
      <c r="BD329" s="2"/>
      <c r="BE329" s="2"/>
      <c r="BF329" s="2"/>
      <c r="BG329" s="2"/>
      <c r="BH329" s="2"/>
      <c r="BI329" s="2"/>
      <c r="BJ329" s="2"/>
      <c r="BK329" s="2"/>
    </row>
    <row r="330" spans="46:63">
      <c r="AZ330" s="2"/>
      <c r="BA330" s="2"/>
      <c r="BB330" s="2"/>
      <c r="BC330" s="2"/>
      <c r="BD330" s="2"/>
      <c r="BE330" s="2"/>
      <c r="BF330" s="2"/>
      <c r="BG330" s="2"/>
      <c r="BH330" s="2"/>
      <c r="BI330" s="2"/>
      <c r="BJ330" s="2"/>
      <c r="BK330" s="2"/>
    </row>
    <row r="331" spans="46:63">
      <c r="BC331" s="2"/>
      <c r="BD331" s="2"/>
      <c r="BE331" s="2"/>
      <c r="BF331" s="2"/>
      <c r="BG331" s="2"/>
      <c r="BH331" s="2"/>
      <c r="BI331" s="2"/>
      <c r="BJ331" s="2"/>
      <c r="BK331" s="2"/>
    </row>
    <row r="332" spans="46:63">
      <c r="BC332" s="2"/>
      <c r="BD332" s="2"/>
      <c r="BE332" s="2"/>
      <c r="BF332" s="2"/>
      <c r="BG332" s="2"/>
      <c r="BH332" s="2"/>
      <c r="BI332" s="2"/>
      <c r="BJ332" s="2"/>
      <c r="BK332" s="2"/>
    </row>
    <row r="333" spans="46:63">
      <c r="BC333" s="2"/>
      <c r="BD333" s="2"/>
      <c r="BE333" s="2"/>
      <c r="BF333" s="2"/>
      <c r="BG333" s="2"/>
      <c r="BH333" s="2"/>
      <c r="BI333" s="2"/>
      <c r="BJ333" s="2"/>
      <c r="BK333" s="2"/>
    </row>
    <row r="334" spans="46:63">
      <c r="BC334" s="2"/>
      <c r="BD334" s="2"/>
      <c r="BE334" s="2"/>
      <c r="BF334" s="2"/>
      <c r="BG334" s="2"/>
      <c r="BH334" s="2"/>
      <c r="BI334" s="2"/>
      <c r="BJ334" s="2"/>
      <c r="BK334" s="2"/>
    </row>
    <row r="335" spans="46:63">
      <c r="BC335" s="2"/>
      <c r="BD335" s="2"/>
      <c r="BE335" s="2"/>
      <c r="BF335" s="2"/>
      <c r="BG335" s="2"/>
      <c r="BH335" s="2"/>
      <c r="BI335" s="2"/>
      <c r="BJ335" s="2"/>
      <c r="BK335" s="2"/>
    </row>
    <row r="336" spans="46:63">
      <c r="BC336" s="2"/>
      <c r="BD336" s="2"/>
      <c r="BE336" s="2"/>
      <c r="BF336" s="2"/>
      <c r="BG336" s="2"/>
      <c r="BH336" s="2"/>
      <c r="BI336" s="2"/>
      <c r="BJ336" s="2"/>
      <c r="BK336" s="2"/>
    </row>
    <row r="337" spans="55:63">
      <c r="BC337" s="2"/>
      <c r="BD337" s="2"/>
      <c r="BE337" s="2"/>
      <c r="BF337" s="2"/>
      <c r="BG337" s="2"/>
      <c r="BH337" s="2"/>
      <c r="BI337" s="2"/>
      <c r="BJ337" s="2"/>
      <c r="BK337" s="2"/>
    </row>
    <row r="338" spans="55:63">
      <c r="BC338" s="2"/>
      <c r="BD338" s="2"/>
      <c r="BE338" s="2"/>
      <c r="BF338" s="2"/>
      <c r="BG338" s="2"/>
      <c r="BH338" s="2"/>
      <c r="BI338" s="2"/>
      <c r="BJ338" s="2"/>
      <c r="BK338" s="2"/>
    </row>
    <row r="339" spans="55:63">
      <c r="BC339" s="2"/>
      <c r="BD339" s="2"/>
      <c r="BE339" s="2"/>
      <c r="BF339" s="2"/>
      <c r="BG339" s="2"/>
      <c r="BH339" s="2"/>
      <c r="BI339" s="2"/>
      <c r="BJ339" s="2"/>
      <c r="BK339" s="2"/>
    </row>
    <row r="340" spans="55:63">
      <c r="BC340" s="2"/>
      <c r="BD340" s="2"/>
      <c r="BE340" s="2"/>
      <c r="BF340" s="2"/>
      <c r="BG340" s="2"/>
      <c r="BH340" s="2"/>
      <c r="BI340" s="2"/>
      <c r="BJ340" s="2"/>
      <c r="BK340" s="2"/>
    </row>
    <row r="341" spans="55:63">
      <c r="BC341" s="2"/>
      <c r="BD341" s="2"/>
      <c r="BE341" s="2"/>
      <c r="BF341" s="2"/>
      <c r="BG341" s="2"/>
      <c r="BH341" s="2"/>
      <c r="BI341" s="2"/>
      <c r="BJ341" s="2"/>
      <c r="BK341" s="2"/>
    </row>
    <row r="342" spans="55:63">
      <c r="BC342" s="2"/>
      <c r="BD342" s="2"/>
      <c r="BE342" s="2"/>
      <c r="BF342" s="2"/>
      <c r="BG342" s="2"/>
      <c r="BH342" s="2"/>
      <c r="BI342" s="2"/>
      <c r="BJ342" s="2"/>
      <c r="BK342" s="2"/>
    </row>
    <row r="343" spans="55:63">
      <c r="BC343" s="2"/>
      <c r="BD343" s="2"/>
      <c r="BE343" s="2"/>
      <c r="BF343" s="2"/>
      <c r="BG343" s="2"/>
      <c r="BH343" s="2"/>
      <c r="BI343" s="2"/>
      <c r="BJ343" s="2"/>
      <c r="BK343" s="2"/>
    </row>
    <row r="344" spans="55:63">
      <c r="BC344" s="2"/>
      <c r="BD344" s="2"/>
      <c r="BE344" s="2"/>
      <c r="BF344" s="2"/>
      <c r="BG344" s="2"/>
      <c r="BH344" s="2"/>
      <c r="BI344" s="2"/>
      <c r="BJ344" s="2"/>
      <c r="BK344" s="2"/>
    </row>
    <row r="345" spans="55:63">
      <c r="BC345" s="2"/>
      <c r="BD345" s="2"/>
      <c r="BE345" s="2"/>
      <c r="BF345" s="2"/>
      <c r="BG345" s="2"/>
      <c r="BH345" s="2"/>
      <c r="BI345" s="2"/>
      <c r="BJ345" s="2"/>
      <c r="BK345" s="2"/>
    </row>
    <row r="346" spans="55:63">
      <c r="BC346" s="2"/>
      <c r="BD346" s="2"/>
      <c r="BE346" s="2"/>
      <c r="BF346" s="2"/>
      <c r="BG346" s="2"/>
      <c r="BH346" s="2"/>
      <c r="BI346" s="2"/>
      <c r="BJ346" s="2"/>
      <c r="BK346" s="2"/>
    </row>
    <row r="347" spans="55:63">
      <c r="BC347" s="2"/>
      <c r="BD347" s="2"/>
      <c r="BE347" s="2"/>
      <c r="BF347" s="2"/>
      <c r="BG347" s="2"/>
      <c r="BH347" s="2"/>
      <c r="BI347" s="2"/>
      <c r="BJ347" s="2"/>
      <c r="BK347" s="2"/>
    </row>
    <row r="348" spans="55:63">
      <c r="BC348" s="2"/>
      <c r="BD348" s="2"/>
      <c r="BE348" s="2"/>
      <c r="BF348" s="2"/>
      <c r="BG348" s="2"/>
      <c r="BH348" s="2"/>
      <c r="BI348" s="2"/>
      <c r="BJ348" s="2"/>
      <c r="BK348" s="2"/>
    </row>
    <row r="349" spans="55:63">
      <c r="BC349" s="2"/>
      <c r="BD349" s="2"/>
      <c r="BE349" s="2"/>
      <c r="BF349" s="2"/>
      <c r="BG349" s="2"/>
      <c r="BH349" s="2"/>
      <c r="BI349" s="2"/>
      <c r="BJ349" s="2"/>
      <c r="BK349" s="2"/>
    </row>
    <row r="350" spans="55:63">
      <c r="BC350" s="2"/>
      <c r="BD350" s="2"/>
      <c r="BE350" s="2"/>
      <c r="BF350" s="2"/>
      <c r="BG350" s="2"/>
      <c r="BH350" s="2"/>
      <c r="BI350" s="2"/>
      <c r="BJ350" s="2"/>
      <c r="BK350" s="2"/>
    </row>
    <row r="351" spans="55:63">
      <c r="BC351" s="2"/>
      <c r="BD351" s="2"/>
      <c r="BE351" s="2"/>
      <c r="BF351" s="2"/>
      <c r="BG351" s="2"/>
      <c r="BH351" s="2"/>
      <c r="BI351" s="2"/>
      <c r="BJ351" s="2"/>
      <c r="BK351" s="2"/>
    </row>
    <row r="352" spans="55:63">
      <c r="BC352" s="2"/>
      <c r="BD352" s="2"/>
      <c r="BE352" s="2"/>
      <c r="BF352" s="2"/>
      <c r="BG352" s="2"/>
      <c r="BH352" s="2"/>
      <c r="BI352" s="2"/>
      <c r="BJ352" s="2"/>
      <c r="BK352" s="2"/>
    </row>
    <row r="353" spans="55:63">
      <c r="BC353" s="2"/>
      <c r="BD353" s="2"/>
      <c r="BE353" s="2"/>
      <c r="BF353" s="2"/>
      <c r="BG353" s="2"/>
      <c r="BH353" s="2"/>
      <c r="BI353" s="2"/>
      <c r="BJ353" s="2"/>
      <c r="BK353" s="2"/>
    </row>
    <row r="354" spans="55:63">
      <c r="BC354" s="2"/>
      <c r="BD354" s="2"/>
      <c r="BE354" s="2"/>
      <c r="BF354" s="2"/>
      <c r="BG354" s="2"/>
      <c r="BH354" s="2"/>
      <c r="BI354" s="2"/>
      <c r="BJ354" s="2"/>
      <c r="BK354" s="2"/>
    </row>
    <row r="355" spans="55:63">
      <c r="BC355" s="2"/>
      <c r="BD355" s="2"/>
      <c r="BE355" s="2"/>
      <c r="BF355" s="2"/>
      <c r="BG355" s="2"/>
      <c r="BH355" s="2"/>
      <c r="BI355" s="2"/>
      <c r="BJ355" s="2"/>
      <c r="BK355" s="2"/>
    </row>
    <row r="356" spans="55:63">
      <c r="BC356" s="2"/>
      <c r="BD356" s="2"/>
      <c r="BE356" s="2"/>
      <c r="BF356" s="2"/>
      <c r="BG356" s="2"/>
      <c r="BH356" s="2"/>
      <c r="BI356" s="2"/>
      <c r="BJ356" s="2"/>
      <c r="BK356" s="2"/>
    </row>
    <row r="357" spans="55:63">
      <c r="BC357" s="2"/>
      <c r="BD357" s="2"/>
      <c r="BE357" s="2"/>
      <c r="BF357" s="2"/>
      <c r="BG357" s="2"/>
      <c r="BH357" s="2"/>
      <c r="BI357" s="2"/>
      <c r="BJ357" s="2"/>
      <c r="BK357" s="2"/>
    </row>
    <row r="358" spans="55:63">
      <c r="BC358" s="2"/>
      <c r="BD358" s="2"/>
      <c r="BE358" s="2"/>
      <c r="BF358" s="2"/>
      <c r="BG358" s="2"/>
      <c r="BH358" s="2"/>
      <c r="BI358" s="2"/>
      <c r="BJ358" s="2"/>
      <c r="BK358" s="2"/>
    </row>
    <row r="359" spans="55:63">
      <c r="BC359" s="2"/>
      <c r="BD359" s="2"/>
      <c r="BE359" s="2"/>
      <c r="BF359" s="2"/>
      <c r="BG359" s="2"/>
      <c r="BH359" s="2"/>
      <c r="BI359" s="2"/>
      <c r="BJ359" s="2"/>
      <c r="BK359" s="2"/>
    </row>
    <row r="360" spans="55:63">
      <c r="BC360" s="2"/>
      <c r="BD360" s="2"/>
      <c r="BE360" s="2"/>
      <c r="BF360" s="2"/>
      <c r="BG360" s="2"/>
      <c r="BH360" s="2"/>
      <c r="BI360" s="2"/>
      <c r="BJ360" s="2"/>
      <c r="BK360" s="2"/>
    </row>
    <row r="361" spans="55:63">
      <c r="BC361" s="2"/>
      <c r="BD361" s="2"/>
      <c r="BE361" s="2"/>
      <c r="BF361" s="2"/>
      <c r="BG361" s="2"/>
      <c r="BH361" s="2"/>
      <c r="BI361" s="2"/>
      <c r="BJ361" s="2"/>
      <c r="BK361" s="2"/>
    </row>
    <row r="362" spans="55:63">
      <c r="BC362" s="2"/>
      <c r="BD362" s="2"/>
      <c r="BE362" s="2"/>
      <c r="BF362" s="2"/>
      <c r="BG362" s="2"/>
      <c r="BH362" s="2"/>
      <c r="BI362" s="2"/>
      <c r="BJ362" s="2"/>
      <c r="BK362" s="2"/>
    </row>
    <row r="363" spans="55:63">
      <c r="BC363" s="2"/>
      <c r="BD363" s="2"/>
      <c r="BE363" s="2"/>
      <c r="BF363" s="2"/>
      <c r="BG363" s="2"/>
      <c r="BH363" s="2"/>
      <c r="BI363" s="2"/>
      <c r="BJ363" s="2"/>
      <c r="BK363" s="2"/>
    </row>
    <row r="364" spans="55:63">
      <c r="BC364" s="2"/>
      <c r="BD364" s="2"/>
      <c r="BE364" s="2"/>
      <c r="BF364" s="2"/>
      <c r="BG364" s="2"/>
      <c r="BH364" s="2"/>
      <c r="BI364" s="2"/>
      <c r="BJ364" s="2"/>
      <c r="BK364" s="2"/>
    </row>
    <row r="365" spans="55:63">
      <c r="BC365" s="2"/>
      <c r="BD365" s="2"/>
      <c r="BE365" s="2"/>
      <c r="BF365" s="2"/>
      <c r="BG365" s="2"/>
      <c r="BH365" s="2"/>
      <c r="BI365" s="2"/>
      <c r="BJ365" s="2"/>
      <c r="BK365" s="2"/>
    </row>
    <row r="366" spans="55:63">
      <c r="BC366" s="2"/>
      <c r="BD366" s="2"/>
      <c r="BE366" s="2"/>
      <c r="BF366" s="2"/>
      <c r="BG366" s="2"/>
      <c r="BH366" s="2"/>
      <c r="BI366" s="2"/>
      <c r="BJ366" s="2"/>
      <c r="BK366" s="2"/>
    </row>
    <row r="367" spans="55:63">
      <c r="BC367" s="2"/>
      <c r="BD367" s="2"/>
      <c r="BE367" s="2"/>
      <c r="BF367" s="2"/>
      <c r="BG367" s="2"/>
      <c r="BH367" s="2"/>
      <c r="BI367" s="2"/>
      <c r="BJ367" s="2"/>
      <c r="BK367" s="2"/>
    </row>
    <row r="368" spans="55:63">
      <c r="BC368" s="2"/>
      <c r="BD368" s="2"/>
      <c r="BE368" s="2"/>
      <c r="BF368" s="2"/>
      <c r="BG368" s="2"/>
      <c r="BH368" s="2"/>
      <c r="BI368" s="2"/>
      <c r="BJ368" s="2"/>
      <c r="BK368" s="2"/>
    </row>
    <row r="369" spans="55:63">
      <c r="BC369" s="2"/>
      <c r="BD369" s="2"/>
      <c r="BE369" s="2"/>
      <c r="BF369" s="2"/>
      <c r="BG369" s="2"/>
      <c r="BH369" s="2"/>
      <c r="BI369" s="2"/>
      <c r="BJ369" s="2"/>
      <c r="BK369" s="2"/>
    </row>
    <row r="370" spans="55:63">
      <c r="BC370" s="2"/>
      <c r="BD370" s="2"/>
      <c r="BE370" s="2"/>
      <c r="BF370" s="2"/>
      <c r="BG370" s="2"/>
      <c r="BH370" s="2"/>
      <c r="BI370" s="2"/>
      <c r="BJ370" s="2"/>
      <c r="BK370" s="2"/>
    </row>
    <row r="371" spans="55:63">
      <c r="BC371" s="2"/>
      <c r="BD371" s="2"/>
      <c r="BE371" s="2"/>
      <c r="BF371" s="2"/>
      <c r="BG371" s="2"/>
      <c r="BH371" s="2"/>
      <c r="BI371" s="2"/>
      <c r="BJ371" s="2"/>
      <c r="BK371" s="2"/>
    </row>
    <row r="372" spans="55:63">
      <c r="BC372" s="2"/>
      <c r="BD372" s="2"/>
      <c r="BE372" s="2"/>
      <c r="BF372" s="2"/>
      <c r="BG372" s="2"/>
      <c r="BH372" s="2"/>
      <c r="BI372" s="2"/>
      <c r="BJ372" s="2"/>
      <c r="BK372" s="2"/>
    </row>
    <row r="373" spans="55:63">
      <c r="BC373" s="2"/>
      <c r="BD373" s="2"/>
      <c r="BE373" s="2"/>
      <c r="BF373" s="2"/>
      <c r="BG373" s="2"/>
      <c r="BH373" s="2"/>
      <c r="BI373" s="2"/>
      <c r="BJ373" s="2"/>
      <c r="BK373" s="2"/>
    </row>
    <row r="374" spans="55:63">
      <c r="BC374" s="2"/>
      <c r="BD374" s="2"/>
      <c r="BE374" s="2"/>
      <c r="BF374" s="2"/>
      <c r="BG374" s="2"/>
      <c r="BH374" s="2"/>
      <c r="BI374" s="2"/>
      <c r="BJ374" s="2"/>
      <c r="BK374" s="2"/>
    </row>
    <row r="375" spans="55:63">
      <c r="BC375" s="2"/>
      <c r="BD375" s="2"/>
      <c r="BE375" s="2"/>
      <c r="BF375" s="2"/>
      <c r="BG375" s="2"/>
      <c r="BH375" s="2"/>
      <c r="BI375" s="2"/>
      <c r="BJ375" s="2"/>
      <c r="BK375" s="2"/>
    </row>
    <row r="376" spans="55:63">
      <c r="BC376" s="2"/>
      <c r="BD376" s="2"/>
      <c r="BE376" s="2"/>
      <c r="BF376" s="2"/>
      <c r="BG376" s="2"/>
      <c r="BH376" s="2"/>
      <c r="BI376" s="2"/>
      <c r="BJ376" s="2"/>
      <c r="BK376" s="2"/>
    </row>
    <row r="377" spans="55:63">
      <c r="BC377" s="2"/>
      <c r="BD377" s="2"/>
      <c r="BE377" s="2"/>
      <c r="BF377" s="2"/>
      <c r="BG377" s="2"/>
      <c r="BH377" s="2"/>
      <c r="BI377" s="2"/>
      <c r="BJ377" s="2"/>
      <c r="BK377" s="2"/>
    </row>
    <row r="378" spans="55:63">
      <c r="BC378" s="2"/>
      <c r="BD378" s="2"/>
      <c r="BE378" s="2"/>
      <c r="BF378" s="2"/>
      <c r="BG378" s="2"/>
      <c r="BH378" s="2"/>
      <c r="BI378" s="2"/>
      <c r="BJ378" s="2"/>
      <c r="BK378" s="2"/>
    </row>
    <row r="379" spans="55:63">
      <c r="BC379" s="2"/>
      <c r="BD379" s="2"/>
      <c r="BE379" s="2"/>
      <c r="BF379" s="2"/>
      <c r="BG379" s="2"/>
      <c r="BH379" s="2"/>
      <c r="BI379" s="2"/>
      <c r="BJ379" s="2"/>
      <c r="BK379" s="2"/>
    </row>
    <row r="380" spans="55:63">
      <c r="BC380" s="2"/>
      <c r="BD380" s="2"/>
      <c r="BE380" s="2"/>
      <c r="BF380" s="2"/>
      <c r="BG380" s="2"/>
      <c r="BH380" s="2"/>
      <c r="BI380" s="2"/>
      <c r="BJ380" s="2"/>
      <c r="BK380" s="2"/>
    </row>
    <row r="381" spans="55:63">
      <c r="BC381" s="2"/>
      <c r="BD381" s="2"/>
      <c r="BE381" s="2"/>
      <c r="BF381" s="2"/>
      <c r="BG381" s="2"/>
      <c r="BH381" s="2"/>
      <c r="BI381" s="2"/>
      <c r="BJ381" s="2"/>
      <c r="BK381" s="2"/>
    </row>
    <row r="382" spans="55:63">
      <c r="BC382" s="2"/>
      <c r="BD382" s="2"/>
      <c r="BE382" s="2"/>
      <c r="BF382" s="2"/>
      <c r="BG382" s="2"/>
      <c r="BH382" s="2"/>
      <c r="BI382" s="2"/>
      <c r="BJ382" s="2"/>
      <c r="BK382" s="2"/>
    </row>
    <row r="383" spans="55:63">
      <c r="BC383" s="2"/>
      <c r="BD383" s="2"/>
      <c r="BE383" s="2"/>
      <c r="BF383" s="2"/>
      <c r="BG383" s="2"/>
      <c r="BH383" s="2"/>
      <c r="BI383" s="2"/>
      <c r="BJ383" s="2"/>
      <c r="BK383" s="2"/>
    </row>
    <row r="384" spans="55:63">
      <c r="BC384" s="2"/>
      <c r="BD384" s="2"/>
      <c r="BE384" s="2"/>
      <c r="BF384" s="2"/>
      <c r="BG384" s="2"/>
      <c r="BH384" s="2"/>
      <c r="BI384" s="2"/>
      <c r="BJ384" s="2"/>
      <c r="BK384" s="2"/>
    </row>
    <row r="385" spans="55:63">
      <c r="BC385" s="2"/>
      <c r="BD385" s="2"/>
      <c r="BE385" s="2"/>
      <c r="BF385" s="2"/>
      <c r="BG385" s="2"/>
      <c r="BH385" s="2"/>
      <c r="BI385" s="2"/>
      <c r="BJ385" s="2"/>
      <c r="BK385" s="2"/>
    </row>
    <row r="386" spans="55:63">
      <c r="BC386" s="2"/>
      <c r="BD386" s="2"/>
      <c r="BE386" s="2"/>
      <c r="BF386" s="2"/>
      <c r="BG386" s="2"/>
      <c r="BH386" s="2"/>
      <c r="BI386" s="2"/>
      <c r="BJ386" s="2"/>
      <c r="BK386" s="2"/>
    </row>
    <row r="387" spans="55:63">
      <c r="BC387" s="2"/>
      <c r="BD387" s="2"/>
      <c r="BE387" s="2"/>
      <c r="BF387" s="2"/>
      <c r="BG387" s="2"/>
      <c r="BH387" s="2"/>
      <c r="BI387" s="2"/>
      <c r="BJ387" s="2"/>
      <c r="BK387" s="2"/>
    </row>
    <row r="388" spans="55:63">
      <c r="BC388" s="2"/>
      <c r="BD388" s="2"/>
      <c r="BE388" s="2"/>
      <c r="BF388" s="2"/>
      <c r="BG388" s="2"/>
      <c r="BH388" s="2"/>
      <c r="BI388" s="2"/>
      <c r="BJ388" s="2"/>
      <c r="BK388" s="2"/>
    </row>
    <row r="389" spans="55:63">
      <c r="BC389" s="2"/>
      <c r="BD389" s="2"/>
      <c r="BE389" s="2"/>
      <c r="BF389" s="2"/>
      <c r="BG389" s="2"/>
      <c r="BH389" s="2"/>
      <c r="BI389" s="2"/>
      <c r="BJ389" s="2"/>
      <c r="BK389" s="2"/>
    </row>
    <row r="390" spans="55:63">
      <c r="BC390" s="2"/>
      <c r="BD390" s="2"/>
      <c r="BE390" s="2"/>
      <c r="BF390" s="2"/>
      <c r="BG390" s="2"/>
      <c r="BH390" s="2"/>
      <c r="BI390" s="2"/>
      <c r="BJ390" s="2"/>
      <c r="BK390" s="2"/>
    </row>
    <row r="391" spans="55:63">
      <c r="BC391" s="2"/>
      <c r="BD391" s="2"/>
      <c r="BE391" s="2"/>
      <c r="BF391" s="2"/>
      <c r="BG391" s="2"/>
      <c r="BH391" s="2"/>
      <c r="BI391" s="2"/>
      <c r="BJ391" s="2"/>
      <c r="BK391" s="2"/>
    </row>
    <row r="392" spans="55:63">
      <c r="BC392" s="2"/>
      <c r="BD392" s="2"/>
      <c r="BE392" s="2"/>
      <c r="BF392" s="2"/>
      <c r="BG392" s="2"/>
      <c r="BH392" s="2"/>
      <c r="BI392" s="2"/>
      <c r="BJ392" s="2"/>
      <c r="BK392" s="2"/>
    </row>
    <row r="393" spans="55:63">
      <c r="BC393" s="2"/>
      <c r="BD393" s="2"/>
      <c r="BE393" s="2"/>
      <c r="BF393" s="2"/>
      <c r="BG393" s="2"/>
      <c r="BH393" s="2"/>
      <c r="BI393" s="2"/>
      <c r="BJ393" s="2"/>
      <c r="BK393" s="2"/>
    </row>
    <row r="394" spans="55:63">
      <c r="BC394" s="2"/>
      <c r="BD394" s="2"/>
      <c r="BE394" s="2"/>
      <c r="BF394" s="2"/>
      <c r="BG394" s="2"/>
      <c r="BH394" s="2"/>
      <c r="BI394" s="2"/>
      <c r="BJ394" s="2"/>
      <c r="BK394" s="2"/>
    </row>
    <row r="395" spans="55:63">
      <c r="BC395" s="2"/>
      <c r="BD395" s="2"/>
      <c r="BE395" s="2"/>
      <c r="BF395" s="2"/>
      <c r="BG395" s="2"/>
      <c r="BH395" s="2"/>
      <c r="BI395" s="2"/>
      <c r="BJ395" s="2"/>
      <c r="BK395" s="2"/>
    </row>
    <row r="396" spans="55:63">
      <c r="BC396" s="2"/>
      <c r="BD396" s="2"/>
      <c r="BE396" s="2"/>
      <c r="BF396" s="2"/>
      <c r="BG396" s="2"/>
      <c r="BH396" s="2"/>
      <c r="BI396" s="2"/>
      <c r="BJ396" s="2"/>
      <c r="BK396" s="2"/>
    </row>
    <row r="397" spans="55:63">
      <c r="BC397" s="2"/>
      <c r="BD397" s="2"/>
      <c r="BE397" s="2"/>
      <c r="BF397" s="2"/>
      <c r="BG397" s="2"/>
      <c r="BH397" s="2"/>
      <c r="BI397" s="2"/>
      <c r="BJ397" s="2"/>
      <c r="BK397" s="2"/>
    </row>
    <row r="398" spans="55:63">
      <c r="BC398" s="2"/>
      <c r="BD398" s="2"/>
      <c r="BE398" s="2"/>
      <c r="BF398" s="2"/>
      <c r="BG398" s="2"/>
      <c r="BH398" s="2"/>
      <c r="BI398" s="2"/>
      <c r="BJ398" s="2"/>
      <c r="BK398" s="2"/>
    </row>
    <row r="399" spans="55:63">
      <c r="BC399" s="2"/>
      <c r="BD399" s="2"/>
      <c r="BE399" s="2"/>
      <c r="BF399" s="2"/>
      <c r="BG399" s="2"/>
      <c r="BH399" s="2"/>
      <c r="BI399" s="2"/>
      <c r="BJ399" s="2"/>
      <c r="BK399" s="2"/>
    </row>
    <row r="400" spans="55:63">
      <c r="BC400" s="2"/>
      <c r="BD400" s="2"/>
      <c r="BE400" s="2"/>
      <c r="BF400" s="2"/>
      <c r="BG400" s="2"/>
      <c r="BH400" s="2"/>
      <c r="BI400" s="2"/>
      <c r="BJ400" s="2"/>
      <c r="BK400" s="2"/>
    </row>
    <row r="401" spans="55:63">
      <c r="BC401" s="2"/>
      <c r="BD401" s="2"/>
      <c r="BE401" s="2"/>
      <c r="BF401" s="2"/>
      <c r="BG401" s="2"/>
      <c r="BH401" s="2"/>
      <c r="BI401" s="2"/>
      <c r="BJ401" s="2"/>
      <c r="BK401" s="2"/>
    </row>
    <row r="402" spans="55:63">
      <c r="BC402" s="2"/>
      <c r="BD402" s="2"/>
      <c r="BE402" s="2"/>
      <c r="BF402" s="2"/>
      <c r="BG402" s="2"/>
      <c r="BH402" s="2"/>
      <c r="BI402" s="2"/>
      <c r="BJ402" s="2"/>
      <c r="BK402" s="2"/>
    </row>
    <row r="403" spans="55:63">
      <c r="BC403" s="2"/>
      <c r="BD403" s="2"/>
      <c r="BE403" s="2"/>
      <c r="BF403" s="2"/>
      <c r="BG403" s="2"/>
      <c r="BH403" s="2"/>
      <c r="BI403" s="2"/>
      <c r="BJ403" s="2"/>
      <c r="BK403" s="2"/>
    </row>
    <row r="404" spans="55:63">
      <c r="BC404" s="2"/>
      <c r="BD404" s="2"/>
      <c r="BE404" s="2"/>
      <c r="BF404" s="2"/>
      <c r="BG404" s="2"/>
      <c r="BH404" s="2"/>
      <c r="BI404" s="2"/>
      <c r="BJ404" s="2"/>
      <c r="BK404" s="2"/>
    </row>
    <row r="405" spans="55:63">
      <c r="BC405" s="2"/>
      <c r="BD405" s="2"/>
      <c r="BE405" s="2"/>
      <c r="BF405" s="2"/>
      <c r="BG405" s="2"/>
      <c r="BH405" s="2"/>
      <c r="BI405" s="2"/>
      <c r="BJ405" s="2"/>
      <c r="BK405" s="2"/>
    </row>
    <row r="406" spans="55:63">
      <c r="BC406" s="2"/>
      <c r="BD406" s="2"/>
      <c r="BE406" s="2"/>
      <c r="BF406" s="2"/>
      <c r="BG406" s="2"/>
      <c r="BH406" s="2"/>
      <c r="BI406" s="2"/>
      <c r="BJ406" s="2"/>
      <c r="BK406" s="2"/>
    </row>
    <row r="407" spans="55:63">
      <c r="BC407" s="2"/>
      <c r="BD407" s="2"/>
      <c r="BE407" s="2"/>
      <c r="BF407" s="2"/>
      <c r="BG407" s="2"/>
      <c r="BH407" s="2"/>
      <c r="BI407" s="2"/>
      <c r="BJ407" s="2"/>
      <c r="BK407" s="2"/>
    </row>
    <row r="408" spans="55:63">
      <c r="BC408" s="2"/>
      <c r="BD408" s="2"/>
      <c r="BE408" s="2"/>
      <c r="BF408" s="2"/>
      <c r="BG408" s="2"/>
      <c r="BH408" s="2"/>
      <c r="BI408" s="2"/>
      <c r="BJ408" s="2"/>
      <c r="BK408" s="2"/>
    </row>
    <row r="409" spans="55:63">
      <c r="BC409" s="2"/>
      <c r="BD409" s="2"/>
      <c r="BE409" s="2"/>
      <c r="BF409" s="2"/>
      <c r="BG409" s="2"/>
      <c r="BH409" s="2"/>
      <c r="BI409" s="2"/>
      <c r="BJ409" s="2"/>
      <c r="BK409" s="2"/>
    </row>
    <row r="410" spans="55:63">
      <c r="BC410" s="2"/>
      <c r="BD410" s="2"/>
      <c r="BE410" s="2"/>
      <c r="BF410" s="2"/>
      <c r="BG410" s="2"/>
      <c r="BH410" s="2"/>
      <c r="BI410" s="2"/>
      <c r="BJ410" s="2"/>
      <c r="BK410" s="2"/>
    </row>
    <row r="411" spans="55:63">
      <c r="BC411" s="2"/>
      <c r="BD411" s="2"/>
      <c r="BE411" s="2"/>
      <c r="BF411" s="2"/>
      <c r="BG411" s="2"/>
      <c r="BH411" s="2"/>
      <c r="BI411" s="2"/>
      <c r="BJ411" s="2"/>
      <c r="BK411" s="2"/>
    </row>
    <row r="412" spans="55:63">
      <c r="BC412" s="2"/>
      <c r="BD412" s="2"/>
      <c r="BE412" s="2"/>
      <c r="BF412" s="2"/>
      <c r="BG412" s="2"/>
      <c r="BH412" s="2"/>
      <c r="BI412" s="2"/>
      <c r="BJ412" s="2"/>
      <c r="BK412" s="2"/>
    </row>
    <row r="413" spans="55:63">
      <c r="BC413" s="2"/>
      <c r="BD413" s="2"/>
      <c r="BE413" s="2"/>
      <c r="BF413" s="2"/>
      <c r="BG413" s="2"/>
      <c r="BH413" s="2"/>
      <c r="BI413" s="2"/>
      <c r="BJ413" s="2"/>
      <c r="BK413" s="2"/>
    </row>
    <row r="414" spans="55:63">
      <c r="BC414" s="2"/>
      <c r="BD414" s="2"/>
      <c r="BE414" s="2"/>
      <c r="BF414" s="2"/>
      <c r="BG414" s="2"/>
      <c r="BH414" s="2"/>
      <c r="BI414" s="2"/>
      <c r="BJ414" s="2"/>
      <c r="BK414" s="2"/>
    </row>
    <row r="415" spans="55:63">
      <c r="BC415" s="2"/>
      <c r="BD415" s="2"/>
      <c r="BE415" s="2"/>
      <c r="BF415" s="2"/>
      <c r="BG415" s="2"/>
      <c r="BH415" s="2"/>
      <c r="BI415" s="2"/>
      <c r="BJ415" s="2"/>
      <c r="BK415" s="2"/>
    </row>
    <row r="416" spans="55:63">
      <c r="BC416" s="2"/>
      <c r="BD416" s="2"/>
      <c r="BE416" s="2"/>
      <c r="BF416" s="2"/>
      <c r="BG416" s="2"/>
      <c r="BH416" s="2"/>
      <c r="BI416" s="2"/>
      <c r="BJ416" s="2"/>
      <c r="BK416" s="2"/>
    </row>
    <row r="417" spans="55:63">
      <c r="BC417" s="2"/>
      <c r="BD417" s="2"/>
      <c r="BE417" s="2"/>
      <c r="BF417" s="2"/>
      <c r="BG417" s="2"/>
      <c r="BH417" s="2"/>
      <c r="BI417" s="2"/>
      <c r="BJ417" s="2"/>
      <c r="BK417" s="2"/>
    </row>
    <row r="418" spans="55:63">
      <c r="BC418" s="2"/>
      <c r="BD418" s="2"/>
      <c r="BE418" s="2"/>
      <c r="BF418" s="2"/>
      <c r="BG418" s="2"/>
      <c r="BH418" s="2"/>
      <c r="BI418" s="2"/>
      <c r="BJ418" s="2"/>
      <c r="BK418" s="2"/>
    </row>
    <row r="419" spans="55:63">
      <c r="BC419" s="2"/>
      <c r="BD419" s="2"/>
      <c r="BE419" s="2"/>
      <c r="BF419" s="2"/>
      <c r="BG419" s="2"/>
      <c r="BH419" s="2"/>
      <c r="BI419" s="2"/>
      <c r="BJ419" s="2"/>
      <c r="BK419" s="2"/>
    </row>
    <row r="420" spans="55:63">
      <c r="BC420" s="2"/>
      <c r="BD420" s="2"/>
      <c r="BE420" s="2"/>
      <c r="BF420" s="2"/>
      <c r="BG420" s="2"/>
      <c r="BH420" s="2"/>
      <c r="BI420" s="2"/>
      <c r="BJ420" s="2"/>
      <c r="BK420" s="2"/>
    </row>
    <row r="421" spans="55:63">
      <c r="BC421" s="2"/>
      <c r="BD421" s="2"/>
      <c r="BE421" s="2"/>
      <c r="BF421" s="2"/>
      <c r="BG421" s="2"/>
      <c r="BH421" s="2"/>
      <c r="BI421" s="2"/>
      <c r="BJ421" s="2"/>
      <c r="BK421" s="2"/>
    </row>
    <row r="422" spans="55:63">
      <c r="BC422" s="2"/>
      <c r="BD422" s="2"/>
      <c r="BE422" s="2"/>
      <c r="BF422" s="2"/>
      <c r="BG422" s="2"/>
      <c r="BH422" s="2"/>
      <c r="BI422" s="2"/>
      <c r="BJ422" s="2"/>
      <c r="BK422" s="2"/>
    </row>
    <row r="423" spans="55:63">
      <c r="BC423" s="2"/>
      <c r="BD423" s="2"/>
      <c r="BE423" s="2"/>
      <c r="BF423" s="2"/>
      <c r="BG423" s="2"/>
      <c r="BH423" s="2"/>
      <c r="BI423" s="2"/>
      <c r="BJ423" s="2"/>
      <c r="BK423" s="2"/>
    </row>
    <row r="424" spans="55:63">
      <c r="BC424" s="2"/>
      <c r="BD424" s="2"/>
      <c r="BE424" s="2"/>
      <c r="BF424" s="2"/>
      <c r="BG424" s="2"/>
      <c r="BH424" s="2"/>
      <c r="BI424" s="2"/>
      <c r="BJ424" s="2"/>
      <c r="BK424" s="2"/>
    </row>
    <row r="425" spans="55:63">
      <c r="BC425" s="2"/>
      <c r="BD425" s="2"/>
      <c r="BE425" s="2"/>
      <c r="BF425" s="2"/>
      <c r="BG425" s="2"/>
      <c r="BH425" s="2"/>
      <c r="BI425" s="2"/>
      <c r="BJ425" s="2"/>
      <c r="BK425" s="2"/>
    </row>
    <row r="426" spans="55:63">
      <c r="BC426" s="2"/>
      <c r="BD426" s="2"/>
      <c r="BE426" s="2"/>
      <c r="BF426" s="2"/>
      <c r="BG426" s="2"/>
      <c r="BH426" s="2"/>
      <c r="BI426" s="2"/>
      <c r="BJ426" s="2"/>
      <c r="BK426" s="2"/>
    </row>
    <row r="427" spans="55:63">
      <c r="BC427" s="2"/>
      <c r="BD427" s="2"/>
      <c r="BE427" s="2"/>
      <c r="BF427" s="2"/>
      <c r="BG427" s="2"/>
      <c r="BH427" s="2"/>
      <c r="BI427" s="2"/>
      <c r="BJ427" s="2"/>
      <c r="BK427" s="2"/>
    </row>
    <row r="428" spans="55:63">
      <c r="BC428" s="2"/>
      <c r="BD428" s="2"/>
      <c r="BE428" s="2"/>
      <c r="BF428" s="2"/>
      <c r="BG428" s="2"/>
      <c r="BH428" s="2"/>
      <c r="BI428" s="2"/>
      <c r="BJ428" s="2"/>
      <c r="BK428" s="2"/>
    </row>
    <row r="429" spans="55:63">
      <c r="BC429" s="2"/>
      <c r="BD429" s="2"/>
      <c r="BE429" s="2"/>
      <c r="BF429" s="2"/>
      <c r="BG429" s="2"/>
      <c r="BH429" s="2"/>
      <c r="BI429" s="2"/>
      <c r="BJ429" s="2"/>
      <c r="BK429" s="2"/>
    </row>
    <row r="430" spans="55:63">
      <c r="BC430" s="2"/>
      <c r="BD430" s="2"/>
      <c r="BE430" s="2"/>
      <c r="BF430" s="2"/>
      <c r="BG430" s="2"/>
      <c r="BH430" s="2"/>
      <c r="BI430" s="2"/>
      <c r="BJ430" s="2"/>
      <c r="BK430" s="2"/>
    </row>
  </sheetData>
  <mergeCells count="292">
    <mergeCell ref="DY1:EA3"/>
    <mergeCell ref="EC1:ED52"/>
    <mergeCell ref="BL3:CB6"/>
    <mergeCell ref="CC3:CN4"/>
    <mergeCell ref="CO3:DA6"/>
    <mergeCell ref="AX4:AZ135"/>
    <mergeCell ref="DE4:DL7"/>
    <mergeCell ref="DM4:EA7"/>
    <mergeCell ref="CC5:CN6"/>
    <mergeCell ref="BO8:BW14"/>
    <mergeCell ref="BF16:BN18"/>
    <mergeCell ref="BO18:BW19"/>
    <mergeCell ref="BC20:BK21"/>
    <mergeCell ref="BO20:BW22"/>
    <mergeCell ref="BX20:CV22"/>
    <mergeCell ref="CW20:DG22"/>
    <mergeCell ref="BX8:DD14"/>
    <mergeCell ref="DE8:DL14"/>
    <mergeCell ref="DM8:EA14"/>
    <mergeCell ref="BO15:BW17"/>
    <mergeCell ref="BX15:DD19"/>
    <mergeCell ref="DE15:DL19"/>
    <mergeCell ref="DM15:EA19"/>
    <mergeCell ref="BC25:BF28"/>
    <mergeCell ref="BG25:BJ28"/>
    <mergeCell ref="BK25:BN28"/>
    <mergeCell ref="DB25:DB26"/>
    <mergeCell ref="DE25:DE26"/>
    <mergeCell ref="CW26:CZ27"/>
    <mergeCell ref="DH20:DU22"/>
    <mergeCell ref="DV20:EA22"/>
    <mergeCell ref="BC22:BF24"/>
    <mergeCell ref="BG22:BJ24"/>
    <mergeCell ref="BK22:BN24"/>
    <mergeCell ref="BO23:BW28"/>
    <mergeCell ref="BX23:CV28"/>
    <mergeCell ref="DH23:DU28"/>
    <mergeCell ref="DV23:EA28"/>
    <mergeCell ref="CW24:CZ25"/>
    <mergeCell ref="DB36:DJ39"/>
    <mergeCell ref="DK36:DM39"/>
    <mergeCell ref="DN36:EA39"/>
    <mergeCell ref="BC29:CS31"/>
    <mergeCell ref="EE29:EO30"/>
    <mergeCell ref="EE31:EO34"/>
    <mergeCell ref="BC32:BJ35"/>
    <mergeCell ref="BK32:BU33"/>
    <mergeCell ref="BV32:CF33"/>
    <mergeCell ref="CG32:CT33"/>
    <mergeCell ref="CW32:CY75"/>
    <mergeCell ref="CZ32:DA35"/>
    <mergeCell ref="DB32:DJ35"/>
    <mergeCell ref="BK37:BU39"/>
    <mergeCell ref="BV37:CF39"/>
    <mergeCell ref="CG37:CT39"/>
    <mergeCell ref="BK40:BU42"/>
    <mergeCell ref="BV40:CF42"/>
    <mergeCell ref="CG40:CT42"/>
    <mergeCell ref="DK32:DM35"/>
    <mergeCell ref="DN32:EA35"/>
    <mergeCell ref="BK34:BU36"/>
    <mergeCell ref="BV34:CF36"/>
    <mergeCell ref="CG34:CT36"/>
    <mergeCell ref="CZ40:DJ43"/>
    <mergeCell ref="DK40:DM43"/>
    <mergeCell ref="DN40:EA43"/>
    <mergeCell ref="BC43:BJ44"/>
    <mergeCell ref="BK43:CB46"/>
    <mergeCell ref="CC43:CT46"/>
    <mergeCell ref="CZ44:DJ47"/>
    <mergeCell ref="DK44:DM47"/>
    <mergeCell ref="DN44:EA47"/>
    <mergeCell ref="BC45:BJ47"/>
    <mergeCell ref="BK47:CB50"/>
    <mergeCell ref="CC47:CT50"/>
    <mergeCell ref="BC48:BJ50"/>
    <mergeCell ref="CZ48:DJ51"/>
    <mergeCell ref="DK48:DM51"/>
    <mergeCell ref="DN48:EA51"/>
    <mergeCell ref="BC51:BH54"/>
    <mergeCell ref="BK51:CB53"/>
    <mergeCell ref="CC51:CT53"/>
    <mergeCell ref="CZ52:DJ55"/>
    <mergeCell ref="BC36:BJ39"/>
    <mergeCell ref="CZ36:DA39"/>
    <mergeCell ref="DK52:DM55"/>
    <mergeCell ref="DN52:EA55"/>
    <mergeCell ref="BK54:CB57"/>
    <mergeCell ref="CC54:CD57"/>
    <mergeCell ref="CE54:CT57"/>
    <mergeCell ref="BC55:BJ59"/>
    <mergeCell ref="CZ56:DA63"/>
    <mergeCell ref="DB56:DJ59"/>
    <mergeCell ref="DK56:DM59"/>
    <mergeCell ref="DN56:EA59"/>
    <mergeCell ref="DN60:EA63"/>
    <mergeCell ref="BK62:CB65"/>
    <mergeCell ref="CC62:CD65"/>
    <mergeCell ref="CE62:CT65"/>
    <mergeCell ref="CZ64:DA65"/>
    <mergeCell ref="DB64:DJ67"/>
    <mergeCell ref="DK64:DM67"/>
    <mergeCell ref="DN64:EA67"/>
    <mergeCell ref="BK66:CB69"/>
    <mergeCell ref="CC66:CT69"/>
    <mergeCell ref="BK58:CB61"/>
    <mergeCell ref="CC58:CD61"/>
    <mergeCell ref="CE58:CT61"/>
    <mergeCell ref="CZ66:DA67"/>
    <mergeCell ref="CZ68:DA69"/>
    <mergeCell ref="DB68:DJ71"/>
    <mergeCell ref="DK68:DM71"/>
    <mergeCell ref="DN68:EA71"/>
    <mergeCell ref="BC70:BJ72"/>
    <mergeCell ref="BK70:CB71"/>
    <mergeCell ref="CC70:CT71"/>
    <mergeCell ref="CZ70:DA71"/>
    <mergeCell ref="BK72:CB75"/>
    <mergeCell ref="CC72:CT75"/>
    <mergeCell ref="CZ72:DJ75"/>
    <mergeCell ref="DK72:DM75"/>
    <mergeCell ref="DN72:EA75"/>
    <mergeCell ref="BC73:BJ75"/>
    <mergeCell ref="BC60:BJ64"/>
    <mergeCell ref="DB60:DJ63"/>
    <mergeCell ref="DK60:DM63"/>
    <mergeCell ref="DN76:EA79"/>
    <mergeCell ref="BK78:CB81"/>
    <mergeCell ref="CC78:CT81"/>
    <mergeCell ref="BC79:BJ81"/>
    <mergeCell ref="CZ80:DA83"/>
    <mergeCell ref="DB80:DJ83"/>
    <mergeCell ref="DK80:DM83"/>
    <mergeCell ref="DN80:EA83"/>
    <mergeCell ref="BC82:BJ84"/>
    <mergeCell ref="BK82:CE84"/>
    <mergeCell ref="CF82:CT84"/>
    <mergeCell ref="CZ84:DJ87"/>
    <mergeCell ref="DK84:DM87"/>
    <mergeCell ref="DN84:EA87"/>
    <mergeCell ref="BC85:BJ87"/>
    <mergeCell ref="BK85:CE87"/>
    <mergeCell ref="CF85:CT90"/>
    <mergeCell ref="DN88:EA91"/>
    <mergeCell ref="BC76:BJ78"/>
    <mergeCell ref="BK76:CB77"/>
    <mergeCell ref="CC76:CT77"/>
    <mergeCell ref="CW76:CY111"/>
    <mergeCell ref="CZ76:DA79"/>
    <mergeCell ref="DB76:DJ79"/>
    <mergeCell ref="DK76:DM79"/>
    <mergeCell ref="CL107:CO112"/>
    <mergeCell ref="CO97:CT98"/>
    <mergeCell ref="BC88:BJ90"/>
    <mergeCell ref="BK88:CE90"/>
    <mergeCell ref="CZ88:DJ91"/>
    <mergeCell ref="DK88:DM91"/>
    <mergeCell ref="BC91:BJ94"/>
    <mergeCell ref="BK91:BN94"/>
    <mergeCell ref="BO91:CB94"/>
    <mergeCell ref="CZ92:DJ95"/>
    <mergeCell ref="DK92:DM95"/>
    <mergeCell ref="CI101:CK102"/>
    <mergeCell ref="BC103:BJ104"/>
    <mergeCell ref="BZ103:CH104"/>
    <mergeCell ref="CI103:CT106"/>
    <mergeCell ref="CZ104:DJ107"/>
    <mergeCell ref="BC99:BJ100"/>
    <mergeCell ref="BK99:BY102"/>
    <mergeCell ref="BZ99:CH102"/>
    <mergeCell ref="CI99:CK100"/>
    <mergeCell ref="CZ100:DJ103"/>
    <mergeCell ref="DK100:DM103"/>
    <mergeCell ref="DN104:EA107"/>
    <mergeCell ref="BC105:BJ106"/>
    <mergeCell ref="BZ105:CH106"/>
    <mergeCell ref="BC107:BG112"/>
    <mergeCell ref="BH107:BU112"/>
    <mergeCell ref="BV107:CE112"/>
    <mergeCell ref="CF107:CK109"/>
    <mergeCell ref="DN108:EA111"/>
    <mergeCell ref="DN92:EA95"/>
    <mergeCell ref="BC95:BJ98"/>
    <mergeCell ref="BK95:BN98"/>
    <mergeCell ref="BO95:CB98"/>
    <mergeCell ref="CZ96:DJ99"/>
    <mergeCell ref="DK96:DM99"/>
    <mergeCell ref="CC91:CH94"/>
    <mergeCell ref="CC95:CH98"/>
    <mergeCell ref="CI91:CN92"/>
    <mergeCell ref="CI93:CN94"/>
    <mergeCell ref="CI95:CN96"/>
    <mergeCell ref="CI97:CN98"/>
    <mergeCell ref="CO95:CT96"/>
    <mergeCell ref="CO91:CT92"/>
    <mergeCell ref="CO93:CT94"/>
    <mergeCell ref="DN96:EA99"/>
    <mergeCell ref="DN100:EA103"/>
    <mergeCell ref="BC101:BJ102"/>
    <mergeCell ref="DN156:EA159"/>
    <mergeCell ref="BC158:CT159"/>
    <mergeCell ref="CZ160:DJ164"/>
    <mergeCell ref="DK160:DM164"/>
    <mergeCell ref="DN160:EA164"/>
    <mergeCell ref="BC113:BG118"/>
    <mergeCell ref="CF113:CK115"/>
    <mergeCell ref="CL113:CO118"/>
    <mergeCell ref="CP113:CT118"/>
    <mergeCell ref="BV114:BX115"/>
    <mergeCell ref="DN112:EA115"/>
    <mergeCell ref="CZ116:DJ119"/>
    <mergeCell ref="DK116:DM119"/>
    <mergeCell ref="DN116:EA119"/>
    <mergeCell ref="DK120:DM123"/>
    <mergeCell ref="DN120:EA123"/>
    <mergeCell ref="DK128:DM131"/>
    <mergeCell ref="DN128:EA131"/>
    <mergeCell ref="CF137:CK139"/>
    <mergeCell ref="CL137:CT142"/>
    <mergeCell ref="DN124:EA127"/>
    <mergeCell ref="BC119:BG124"/>
    <mergeCell ref="DK132:DM135"/>
    <mergeCell ref="DN132:EA135"/>
    <mergeCell ref="BC125:BG130"/>
    <mergeCell ref="CF125:CK127"/>
    <mergeCell ref="CL125:CO130"/>
    <mergeCell ref="CP125:CT130"/>
    <mergeCell ref="BV126:BX127"/>
    <mergeCell ref="CZ126:DJ127"/>
    <mergeCell ref="BY127:CE128"/>
    <mergeCell ref="BV128:BX129"/>
    <mergeCell ref="CF128:CK130"/>
    <mergeCell ref="BC131:BG136"/>
    <mergeCell ref="CF131:CK133"/>
    <mergeCell ref="CL131:CO136"/>
    <mergeCell ref="CP131:CT136"/>
    <mergeCell ref="BV132:BX133"/>
    <mergeCell ref="CZ132:DJ135"/>
    <mergeCell ref="DN144:EA147"/>
    <mergeCell ref="CZ148:DJ151"/>
    <mergeCell ref="DK148:DM151"/>
    <mergeCell ref="DN148:EA151"/>
    <mergeCell ref="CZ152:DJ155"/>
    <mergeCell ref="DK152:DM155"/>
    <mergeCell ref="DN152:EA155"/>
    <mergeCell ref="CZ128:DJ131"/>
    <mergeCell ref="BY133:CE134"/>
    <mergeCell ref="CF134:CK136"/>
    <mergeCell ref="CZ136:DJ139"/>
    <mergeCell ref="DK136:DM139"/>
    <mergeCell ref="DN136:EA139"/>
    <mergeCell ref="BC138:CE139"/>
    <mergeCell ref="BC140:CE141"/>
    <mergeCell ref="CF140:CK142"/>
    <mergeCell ref="CZ140:DJ143"/>
    <mergeCell ref="DK140:DM141"/>
    <mergeCell ref="DN140:EA143"/>
    <mergeCell ref="DK142:DM143"/>
    <mergeCell ref="CZ144:DJ147"/>
    <mergeCell ref="DK144:DM147"/>
    <mergeCell ref="BV134:BX135"/>
    <mergeCell ref="CW112:CY164"/>
    <mergeCell ref="BY168:DB169"/>
    <mergeCell ref="CG171:CV172"/>
    <mergeCell ref="BB176:DM178"/>
    <mergeCell ref="DA182:DM183"/>
    <mergeCell ref="BC183:BI184"/>
    <mergeCell ref="BC187:BI188"/>
    <mergeCell ref="BC156:CT157"/>
    <mergeCell ref="CZ156:DJ159"/>
    <mergeCell ref="DK156:DM159"/>
    <mergeCell ref="BC160:CU164"/>
    <mergeCell ref="BY115:CE116"/>
    <mergeCell ref="BV116:BX117"/>
    <mergeCell ref="CF116:CK118"/>
    <mergeCell ref="DK108:DM111"/>
    <mergeCell ref="CP107:CT112"/>
    <mergeCell ref="CZ108:DJ111"/>
    <mergeCell ref="BY121:CE122"/>
    <mergeCell ref="BV122:BX123"/>
    <mergeCell ref="CF122:CK124"/>
    <mergeCell ref="CZ124:DJ125"/>
    <mergeCell ref="DK124:DM127"/>
    <mergeCell ref="CF110:CK112"/>
    <mergeCell ref="CZ112:DJ115"/>
    <mergeCell ref="DK112:DM115"/>
    <mergeCell ref="CP119:CT124"/>
    <mergeCell ref="BV120:BX121"/>
    <mergeCell ref="CZ120:DJ123"/>
    <mergeCell ref="DK104:DM107"/>
    <mergeCell ref="CF119:CK121"/>
    <mergeCell ref="CL119:CO124"/>
  </mergeCells>
  <phoneticPr fontId="2"/>
  <printOptions horizontalCentered="1"/>
  <pageMargins left="0.39370078740157483" right="0.39370078740157483" top="0" bottom="0" header="0" footer="0"/>
  <rowBreaks count="1" manualBreakCount="1">
    <brk id="189" max="16383" man="1"/>
  </rowBreaks>
  <drawing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BT235"/>
  <sheetViews>
    <sheetView view="pageBreakPreview" topLeftCell="A136" zoomScaleNormal="100" zoomScaleSheetLayoutView="100" workbookViewId="0">
      <selection activeCell="AH5" sqref="AH5"/>
    </sheetView>
  </sheetViews>
  <sheetFormatPr defaultColWidth="1.5" defaultRowHeight="5.25" customHeight="1"/>
  <cols>
    <col min="1" max="2" width="1.5" style="78" customWidth="1"/>
    <col min="3" max="3" width="1.25" style="80" customWidth="1"/>
    <col min="4" max="67" width="1.5" style="79" customWidth="1"/>
    <col min="68" max="68" width="0.5" style="78" customWidth="1"/>
    <col min="69" max="256" width="1.5" style="78"/>
    <col min="257" max="258" width="1.5" style="78" customWidth="1"/>
    <col min="259" max="259" width="1.25" style="78" customWidth="1"/>
    <col min="260" max="323" width="1.5" style="78" customWidth="1"/>
    <col min="324" max="324" width="0.5" style="78" customWidth="1"/>
    <col min="325" max="512" width="1.5" style="78"/>
    <col min="513" max="514" width="1.5" style="78" customWidth="1"/>
    <col min="515" max="515" width="1.25" style="78" customWidth="1"/>
    <col min="516" max="579" width="1.5" style="78" customWidth="1"/>
    <col min="580" max="580" width="0.5" style="78" customWidth="1"/>
    <col min="581" max="768" width="1.5" style="78"/>
    <col min="769" max="770" width="1.5" style="78" customWidth="1"/>
    <col min="771" max="771" width="1.25" style="78" customWidth="1"/>
    <col min="772" max="835" width="1.5" style="78" customWidth="1"/>
    <col min="836" max="836" width="0.5" style="78" customWidth="1"/>
    <col min="837" max="1024" width="1.5" style="78"/>
    <col min="1025" max="1026" width="1.5" style="78" customWidth="1"/>
    <col min="1027" max="1027" width="1.25" style="78" customWidth="1"/>
    <col min="1028" max="1091" width="1.5" style="78" customWidth="1"/>
    <col min="1092" max="1092" width="0.5" style="78" customWidth="1"/>
    <col min="1093" max="1280" width="1.5" style="78"/>
    <col min="1281" max="1282" width="1.5" style="78" customWidth="1"/>
    <col min="1283" max="1283" width="1.25" style="78" customWidth="1"/>
    <col min="1284" max="1347" width="1.5" style="78" customWidth="1"/>
    <col min="1348" max="1348" width="0.5" style="78" customWidth="1"/>
    <col min="1349" max="1536" width="1.5" style="78"/>
    <col min="1537" max="1538" width="1.5" style="78" customWidth="1"/>
    <col min="1539" max="1539" width="1.25" style="78" customWidth="1"/>
    <col min="1540" max="1603" width="1.5" style="78" customWidth="1"/>
    <col min="1604" max="1604" width="0.5" style="78" customWidth="1"/>
    <col min="1605" max="1792" width="1.5" style="78"/>
    <col min="1793" max="1794" width="1.5" style="78" customWidth="1"/>
    <col min="1795" max="1795" width="1.25" style="78" customWidth="1"/>
    <col min="1796" max="1859" width="1.5" style="78" customWidth="1"/>
    <col min="1860" max="1860" width="0.5" style="78" customWidth="1"/>
    <col min="1861" max="2048" width="1.5" style="78"/>
    <col min="2049" max="2050" width="1.5" style="78" customWidth="1"/>
    <col min="2051" max="2051" width="1.25" style="78" customWidth="1"/>
    <col min="2052" max="2115" width="1.5" style="78" customWidth="1"/>
    <col min="2116" max="2116" width="0.5" style="78" customWidth="1"/>
    <col min="2117" max="2304" width="1.5" style="78"/>
    <col min="2305" max="2306" width="1.5" style="78" customWidth="1"/>
    <col min="2307" max="2307" width="1.25" style="78" customWidth="1"/>
    <col min="2308" max="2371" width="1.5" style="78" customWidth="1"/>
    <col min="2372" max="2372" width="0.5" style="78" customWidth="1"/>
    <col min="2373" max="2560" width="1.5" style="78"/>
    <col min="2561" max="2562" width="1.5" style="78" customWidth="1"/>
    <col min="2563" max="2563" width="1.25" style="78" customWidth="1"/>
    <col min="2564" max="2627" width="1.5" style="78" customWidth="1"/>
    <col min="2628" max="2628" width="0.5" style="78" customWidth="1"/>
    <col min="2629" max="2816" width="1.5" style="78"/>
    <col min="2817" max="2818" width="1.5" style="78" customWidth="1"/>
    <col min="2819" max="2819" width="1.25" style="78" customWidth="1"/>
    <col min="2820" max="2883" width="1.5" style="78" customWidth="1"/>
    <col min="2884" max="2884" width="0.5" style="78" customWidth="1"/>
    <col min="2885" max="3072" width="1.5" style="78"/>
    <col min="3073" max="3074" width="1.5" style="78" customWidth="1"/>
    <col min="3075" max="3075" width="1.25" style="78" customWidth="1"/>
    <col min="3076" max="3139" width="1.5" style="78" customWidth="1"/>
    <col min="3140" max="3140" width="0.5" style="78" customWidth="1"/>
    <col min="3141" max="3328" width="1.5" style="78"/>
    <col min="3329" max="3330" width="1.5" style="78" customWidth="1"/>
    <col min="3331" max="3331" width="1.25" style="78" customWidth="1"/>
    <col min="3332" max="3395" width="1.5" style="78" customWidth="1"/>
    <col min="3396" max="3396" width="0.5" style="78" customWidth="1"/>
    <col min="3397" max="3584" width="1.5" style="78"/>
    <col min="3585" max="3586" width="1.5" style="78" customWidth="1"/>
    <col min="3587" max="3587" width="1.25" style="78" customWidth="1"/>
    <col min="3588" max="3651" width="1.5" style="78" customWidth="1"/>
    <col min="3652" max="3652" width="0.5" style="78" customWidth="1"/>
    <col min="3653" max="3840" width="1.5" style="78"/>
    <col min="3841" max="3842" width="1.5" style="78" customWidth="1"/>
    <col min="3843" max="3843" width="1.25" style="78" customWidth="1"/>
    <col min="3844" max="3907" width="1.5" style="78" customWidth="1"/>
    <col min="3908" max="3908" width="0.5" style="78" customWidth="1"/>
    <col min="3909" max="4096" width="1.5" style="78"/>
    <col min="4097" max="4098" width="1.5" style="78" customWidth="1"/>
    <col min="4099" max="4099" width="1.25" style="78" customWidth="1"/>
    <col min="4100" max="4163" width="1.5" style="78" customWidth="1"/>
    <col min="4164" max="4164" width="0.5" style="78" customWidth="1"/>
    <col min="4165" max="4352" width="1.5" style="78"/>
    <col min="4353" max="4354" width="1.5" style="78" customWidth="1"/>
    <col min="4355" max="4355" width="1.25" style="78" customWidth="1"/>
    <col min="4356" max="4419" width="1.5" style="78" customWidth="1"/>
    <col min="4420" max="4420" width="0.5" style="78" customWidth="1"/>
    <col min="4421" max="4608" width="1.5" style="78"/>
    <col min="4609" max="4610" width="1.5" style="78" customWidth="1"/>
    <col min="4611" max="4611" width="1.25" style="78" customWidth="1"/>
    <col min="4612" max="4675" width="1.5" style="78" customWidth="1"/>
    <col min="4676" max="4676" width="0.5" style="78" customWidth="1"/>
    <col min="4677" max="4864" width="1.5" style="78"/>
    <col min="4865" max="4866" width="1.5" style="78" customWidth="1"/>
    <col min="4867" max="4867" width="1.25" style="78" customWidth="1"/>
    <col min="4868" max="4931" width="1.5" style="78" customWidth="1"/>
    <col min="4932" max="4932" width="0.5" style="78" customWidth="1"/>
    <col min="4933" max="5120" width="1.5" style="78"/>
    <col min="5121" max="5122" width="1.5" style="78" customWidth="1"/>
    <col min="5123" max="5123" width="1.25" style="78" customWidth="1"/>
    <col min="5124" max="5187" width="1.5" style="78" customWidth="1"/>
    <col min="5188" max="5188" width="0.5" style="78" customWidth="1"/>
    <col min="5189" max="5376" width="1.5" style="78"/>
    <col min="5377" max="5378" width="1.5" style="78" customWidth="1"/>
    <col min="5379" max="5379" width="1.25" style="78" customWidth="1"/>
    <col min="5380" max="5443" width="1.5" style="78" customWidth="1"/>
    <col min="5444" max="5444" width="0.5" style="78" customWidth="1"/>
    <col min="5445" max="5632" width="1.5" style="78"/>
    <col min="5633" max="5634" width="1.5" style="78" customWidth="1"/>
    <col min="5635" max="5635" width="1.25" style="78" customWidth="1"/>
    <col min="5636" max="5699" width="1.5" style="78" customWidth="1"/>
    <col min="5700" max="5700" width="0.5" style="78" customWidth="1"/>
    <col min="5701" max="5888" width="1.5" style="78"/>
    <col min="5889" max="5890" width="1.5" style="78" customWidth="1"/>
    <col min="5891" max="5891" width="1.25" style="78" customWidth="1"/>
    <col min="5892" max="5955" width="1.5" style="78" customWidth="1"/>
    <col min="5956" max="5956" width="0.5" style="78" customWidth="1"/>
    <col min="5957" max="6144" width="1.5" style="78"/>
    <col min="6145" max="6146" width="1.5" style="78" customWidth="1"/>
    <col min="6147" max="6147" width="1.25" style="78" customWidth="1"/>
    <col min="6148" max="6211" width="1.5" style="78" customWidth="1"/>
    <col min="6212" max="6212" width="0.5" style="78" customWidth="1"/>
    <col min="6213" max="6400" width="1.5" style="78"/>
    <col min="6401" max="6402" width="1.5" style="78" customWidth="1"/>
    <col min="6403" max="6403" width="1.25" style="78" customWidth="1"/>
    <col min="6404" max="6467" width="1.5" style="78" customWidth="1"/>
    <col min="6468" max="6468" width="0.5" style="78" customWidth="1"/>
    <col min="6469" max="6656" width="1.5" style="78"/>
    <col min="6657" max="6658" width="1.5" style="78" customWidth="1"/>
    <col min="6659" max="6659" width="1.25" style="78" customWidth="1"/>
    <col min="6660" max="6723" width="1.5" style="78" customWidth="1"/>
    <col min="6724" max="6724" width="0.5" style="78" customWidth="1"/>
    <col min="6725" max="6912" width="1.5" style="78"/>
    <col min="6913" max="6914" width="1.5" style="78" customWidth="1"/>
    <col min="6915" max="6915" width="1.25" style="78" customWidth="1"/>
    <col min="6916" max="6979" width="1.5" style="78" customWidth="1"/>
    <col min="6980" max="6980" width="0.5" style="78" customWidth="1"/>
    <col min="6981" max="7168" width="1.5" style="78"/>
    <col min="7169" max="7170" width="1.5" style="78" customWidth="1"/>
    <col min="7171" max="7171" width="1.25" style="78" customWidth="1"/>
    <col min="7172" max="7235" width="1.5" style="78" customWidth="1"/>
    <col min="7236" max="7236" width="0.5" style="78" customWidth="1"/>
    <col min="7237" max="7424" width="1.5" style="78"/>
    <col min="7425" max="7426" width="1.5" style="78" customWidth="1"/>
    <col min="7427" max="7427" width="1.25" style="78" customWidth="1"/>
    <col min="7428" max="7491" width="1.5" style="78" customWidth="1"/>
    <col min="7492" max="7492" width="0.5" style="78" customWidth="1"/>
    <col min="7493" max="7680" width="1.5" style="78"/>
    <col min="7681" max="7682" width="1.5" style="78" customWidth="1"/>
    <col min="7683" max="7683" width="1.25" style="78" customWidth="1"/>
    <col min="7684" max="7747" width="1.5" style="78" customWidth="1"/>
    <col min="7748" max="7748" width="0.5" style="78" customWidth="1"/>
    <col min="7749" max="7936" width="1.5" style="78"/>
    <col min="7937" max="7938" width="1.5" style="78" customWidth="1"/>
    <col min="7939" max="7939" width="1.25" style="78" customWidth="1"/>
    <col min="7940" max="8003" width="1.5" style="78" customWidth="1"/>
    <col min="8004" max="8004" width="0.5" style="78" customWidth="1"/>
    <col min="8005" max="8192" width="1.5" style="78"/>
    <col min="8193" max="8194" width="1.5" style="78" customWidth="1"/>
    <col min="8195" max="8195" width="1.25" style="78" customWidth="1"/>
    <col min="8196" max="8259" width="1.5" style="78" customWidth="1"/>
    <col min="8260" max="8260" width="0.5" style="78" customWidth="1"/>
    <col min="8261" max="8448" width="1.5" style="78"/>
    <col min="8449" max="8450" width="1.5" style="78" customWidth="1"/>
    <col min="8451" max="8451" width="1.25" style="78" customWidth="1"/>
    <col min="8452" max="8515" width="1.5" style="78" customWidth="1"/>
    <col min="8516" max="8516" width="0.5" style="78" customWidth="1"/>
    <col min="8517" max="8704" width="1.5" style="78"/>
    <col min="8705" max="8706" width="1.5" style="78" customWidth="1"/>
    <col min="8707" max="8707" width="1.25" style="78" customWidth="1"/>
    <col min="8708" max="8771" width="1.5" style="78" customWidth="1"/>
    <col min="8772" max="8772" width="0.5" style="78" customWidth="1"/>
    <col min="8773" max="8960" width="1.5" style="78"/>
    <col min="8961" max="8962" width="1.5" style="78" customWidth="1"/>
    <col min="8963" max="8963" width="1.25" style="78" customWidth="1"/>
    <col min="8964" max="9027" width="1.5" style="78" customWidth="1"/>
    <col min="9028" max="9028" width="0.5" style="78" customWidth="1"/>
    <col min="9029" max="9216" width="1.5" style="78"/>
    <col min="9217" max="9218" width="1.5" style="78" customWidth="1"/>
    <col min="9219" max="9219" width="1.25" style="78" customWidth="1"/>
    <col min="9220" max="9283" width="1.5" style="78" customWidth="1"/>
    <col min="9284" max="9284" width="0.5" style="78" customWidth="1"/>
    <col min="9285" max="9472" width="1.5" style="78"/>
    <col min="9473" max="9474" width="1.5" style="78" customWidth="1"/>
    <col min="9475" max="9475" width="1.25" style="78" customWidth="1"/>
    <col min="9476" max="9539" width="1.5" style="78" customWidth="1"/>
    <col min="9540" max="9540" width="0.5" style="78" customWidth="1"/>
    <col min="9541" max="9728" width="1.5" style="78"/>
    <col min="9729" max="9730" width="1.5" style="78" customWidth="1"/>
    <col min="9731" max="9731" width="1.25" style="78" customWidth="1"/>
    <col min="9732" max="9795" width="1.5" style="78" customWidth="1"/>
    <col min="9796" max="9796" width="0.5" style="78" customWidth="1"/>
    <col min="9797" max="9984" width="1.5" style="78"/>
    <col min="9985" max="9986" width="1.5" style="78" customWidth="1"/>
    <col min="9987" max="9987" width="1.25" style="78" customWidth="1"/>
    <col min="9988" max="10051" width="1.5" style="78" customWidth="1"/>
    <col min="10052" max="10052" width="0.5" style="78" customWidth="1"/>
    <col min="10053" max="10240" width="1.5" style="78"/>
    <col min="10241" max="10242" width="1.5" style="78" customWidth="1"/>
    <col min="10243" max="10243" width="1.25" style="78" customWidth="1"/>
    <col min="10244" max="10307" width="1.5" style="78" customWidth="1"/>
    <col min="10308" max="10308" width="0.5" style="78" customWidth="1"/>
    <col min="10309" max="10496" width="1.5" style="78"/>
    <col min="10497" max="10498" width="1.5" style="78" customWidth="1"/>
    <col min="10499" max="10499" width="1.25" style="78" customWidth="1"/>
    <col min="10500" max="10563" width="1.5" style="78" customWidth="1"/>
    <col min="10564" max="10564" width="0.5" style="78" customWidth="1"/>
    <col min="10565" max="10752" width="1.5" style="78"/>
    <col min="10753" max="10754" width="1.5" style="78" customWidth="1"/>
    <col min="10755" max="10755" width="1.25" style="78" customWidth="1"/>
    <col min="10756" max="10819" width="1.5" style="78" customWidth="1"/>
    <col min="10820" max="10820" width="0.5" style="78" customWidth="1"/>
    <col min="10821" max="11008" width="1.5" style="78"/>
    <col min="11009" max="11010" width="1.5" style="78" customWidth="1"/>
    <col min="11011" max="11011" width="1.25" style="78" customWidth="1"/>
    <col min="11012" max="11075" width="1.5" style="78" customWidth="1"/>
    <col min="11076" max="11076" width="0.5" style="78" customWidth="1"/>
    <col min="11077" max="11264" width="1.5" style="78"/>
    <col min="11265" max="11266" width="1.5" style="78" customWidth="1"/>
    <col min="11267" max="11267" width="1.25" style="78" customWidth="1"/>
    <col min="11268" max="11331" width="1.5" style="78" customWidth="1"/>
    <col min="11332" max="11332" width="0.5" style="78" customWidth="1"/>
    <col min="11333" max="11520" width="1.5" style="78"/>
    <col min="11521" max="11522" width="1.5" style="78" customWidth="1"/>
    <col min="11523" max="11523" width="1.25" style="78" customWidth="1"/>
    <col min="11524" max="11587" width="1.5" style="78" customWidth="1"/>
    <col min="11588" max="11588" width="0.5" style="78" customWidth="1"/>
    <col min="11589" max="11776" width="1.5" style="78"/>
    <col min="11777" max="11778" width="1.5" style="78" customWidth="1"/>
    <col min="11779" max="11779" width="1.25" style="78" customWidth="1"/>
    <col min="11780" max="11843" width="1.5" style="78" customWidth="1"/>
    <col min="11844" max="11844" width="0.5" style="78" customWidth="1"/>
    <col min="11845" max="12032" width="1.5" style="78"/>
    <col min="12033" max="12034" width="1.5" style="78" customWidth="1"/>
    <col min="12035" max="12035" width="1.25" style="78" customWidth="1"/>
    <col min="12036" max="12099" width="1.5" style="78" customWidth="1"/>
    <col min="12100" max="12100" width="0.5" style="78" customWidth="1"/>
    <col min="12101" max="12288" width="1.5" style="78"/>
    <col min="12289" max="12290" width="1.5" style="78" customWidth="1"/>
    <col min="12291" max="12291" width="1.25" style="78" customWidth="1"/>
    <col min="12292" max="12355" width="1.5" style="78" customWidth="1"/>
    <col min="12356" max="12356" width="0.5" style="78" customWidth="1"/>
    <col min="12357" max="12544" width="1.5" style="78"/>
    <col min="12545" max="12546" width="1.5" style="78" customWidth="1"/>
    <col min="12547" max="12547" width="1.25" style="78" customWidth="1"/>
    <col min="12548" max="12611" width="1.5" style="78" customWidth="1"/>
    <col min="12612" max="12612" width="0.5" style="78" customWidth="1"/>
    <col min="12613" max="12800" width="1.5" style="78"/>
    <col min="12801" max="12802" width="1.5" style="78" customWidth="1"/>
    <col min="12803" max="12803" width="1.25" style="78" customWidth="1"/>
    <col min="12804" max="12867" width="1.5" style="78" customWidth="1"/>
    <col min="12868" max="12868" width="0.5" style="78" customWidth="1"/>
    <col min="12869" max="13056" width="1.5" style="78"/>
    <col min="13057" max="13058" width="1.5" style="78" customWidth="1"/>
    <col min="13059" max="13059" width="1.25" style="78" customWidth="1"/>
    <col min="13060" max="13123" width="1.5" style="78" customWidth="1"/>
    <col min="13124" max="13124" width="0.5" style="78" customWidth="1"/>
    <col min="13125" max="13312" width="1.5" style="78"/>
    <col min="13313" max="13314" width="1.5" style="78" customWidth="1"/>
    <col min="13315" max="13315" width="1.25" style="78" customWidth="1"/>
    <col min="13316" max="13379" width="1.5" style="78" customWidth="1"/>
    <col min="13380" max="13380" width="0.5" style="78" customWidth="1"/>
    <col min="13381" max="13568" width="1.5" style="78"/>
    <col min="13569" max="13570" width="1.5" style="78" customWidth="1"/>
    <col min="13571" max="13571" width="1.25" style="78" customWidth="1"/>
    <col min="13572" max="13635" width="1.5" style="78" customWidth="1"/>
    <col min="13636" max="13636" width="0.5" style="78" customWidth="1"/>
    <col min="13637" max="13824" width="1.5" style="78"/>
    <col min="13825" max="13826" width="1.5" style="78" customWidth="1"/>
    <col min="13827" max="13827" width="1.25" style="78" customWidth="1"/>
    <col min="13828" max="13891" width="1.5" style="78" customWidth="1"/>
    <col min="13892" max="13892" width="0.5" style="78" customWidth="1"/>
    <col min="13893" max="14080" width="1.5" style="78"/>
    <col min="14081" max="14082" width="1.5" style="78" customWidth="1"/>
    <col min="14083" max="14083" width="1.25" style="78" customWidth="1"/>
    <col min="14084" max="14147" width="1.5" style="78" customWidth="1"/>
    <col min="14148" max="14148" width="0.5" style="78" customWidth="1"/>
    <col min="14149" max="14336" width="1.5" style="78"/>
    <col min="14337" max="14338" width="1.5" style="78" customWidth="1"/>
    <col min="14339" max="14339" width="1.25" style="78" customWidth="1"/>
    <col min="14340" max="14403" width="1.5" style="78" customWidth="1"/>
    <col min="14404" max="14404" width="0.5" style="78" customWidth="1"/>
    <col min="14405" max="14592" width="1.5" style="78"/>
    <col min="14593" max="14594" width="1.5" style="78" customWidth="1"/>
    <col min="14595" max="14595" width="1.25" style="78" customWidth="1"/>
    <col min="14596" max="14659" width="1.5" style="78" customWidth="1"/>
    <col min="14660" max="14660" width="0.5" style="78" customWidth="1"/>
    <col min="14661" max="14848" width="1.5" style="78"/>
    <col min="14849" max="14850" width="1.5" style="78" customWidth="1"/>
    <col min="14851" max="14851" width="1.25" style="78" customWidth="1"/>
    <col min="14852" max="14915" width="1.5" style="78" customWidth="1"/>
    <col min="14916" max="14916" width="0.5" style="78" customWidth="1"/>
    <col min="14917" max="15104" width="1.5" style="78"/>
    <col min="15105" max="15106" width="1.5" style="78" customWidth="1"/>
    <col min="15107" max="15107" width="1.25" style="78" customWidth="1"/>
    <col min="15108" max="15171" width="1.5" style="78" customWidth="1"/>
    <col min="15172" max="15172" width="0.5" style="78" customWidth="1"/>
    <col min="15173" max="15360" width="1.5" style="78"/>
    <col min="15361" max="15362" width="1.5" style="78" customWidth="1"/>
    <col min="15363" max="15363" width="1.25" style="78" customWidth="1"/>
    <col min="15364" max="15427" width="1.5" style="78" customWidth="1"/>
    <col min="15428" max="15428" width="0.5" style="78" customWidth="1"/>
    <col min="15429" max="15616" width="1.5" style="78"/>
    <col min="15617" max="15618" width="1.5" style="78" customWidth="1"/>
    <col min="15619" max="15619" width="1.25" style="78" customWidth="1"/>
    <col min="15620" max="15683" width="1.5" style="78" customWidth="1"/>
    <col min="15684" max="15684" width="0.5" style="78" customWidth="1"/>
    <col min="15685" max="15872" width="1.5" style="78"/>
    <col min="15873" max="15874" width="1.5" style="78" customWidth="1"/>
    <col min="15875" max="15875" width="1.25" style="78" customWidth="1"/>
    <col min="15876" max="15939" width="1.5" style="78" customWidth="1"/>
    <col min="15940" max="15940" width="0.5" style="78" customWidth="1"/>
    <col min="15941" max="16128" width="1.5" style="78"/>
    <col min="16129" max="16130" width="1.5" style="78" customWidth="1"/>
    <col min="16131" max="16131" width="1.25" style="78" customWidth="1"/>
    <col min="16132" max="16195" width="1.5" style="78" customWidth="1"/>
    <col min="16196" max="16196" width="0.5" style="78" customWidth="1"/>
    <col min="16197" max="16384" width="1.5" style="78"/>
  </cols>
  <sheetData>
    <row r="1" spans="1:72" ht="4.5" customHeight="1">
      <c r="A1" s="82"/>
      <c r="D1" s="897" t="s">
        <v>245</v>
      </c>
      <c r="E1" s="897"/>
      <c r="F1" s="897"/>
      <c r="G1" s="897"/>
      <c r="H1" s="897"/>
      <c r="I1" s="897"/>
      <c r="J1" s="897"/>
      <c r="K1" s="897"/>
      <c r="L1" s="897"/>
      <c r="M1" s="897"/>
      <c r="N1" s="897"/>
      <c r="O1" s="897"/>
      <c r="P1" s="897"/>
      <c r="Q1" s="897"/>
      <c r="R1" s="897"/>
      <c r="S1" s="897"/>
      <c r="T1" s="897"/>
      <c r="U1" s="897"/>
      <c r="V1" s="897"/>
      <c r="W1" s="268"/>
      <c r="X1" s="268"/>
      <c r="BN1" s="899" t="s">
        <v>244</v>
      </c>
      <c r="BO1" s="899"/>
      <c r="BP1" s="899"/>
      <c r="BQ1" s="82"/>
      <c r="BR1" s="148"/>
      <c r="BS1" s="148"/>
      <c r="BT1" s="148"/>
    </row>
    <row r="2" spans="1:72" s="110" customFormat="1" ht="4.5" customHeight="1">
      <c r="A2" s="153"/>
      <c r="D2" s="897"/>
      <c r="E2" s="897"/>
      <c r="F2" s="897"/>
      <c r="G2" s="897"/>
      <c r="H2" s="897"/>
      <c r="I2" s="897"/>
      <c r="J2" s="897"/>
      <c r="K2" s="897"/>
      <c r="L2" s="897"/>
      <c r="M2" s="897"/>
      <c r="N2" s="897"/>
      <c r="O2" s="897"/>
      <c r="P2" s="897"/>
      <c r="Q2" s="897"/>
      <c r="R2" s="897"/>
      <c r="S2" s="897"/>
      <c r="T2" s="897"/>
      <c r="U2" s="897"/>
      <c r="V2" s="897"/>
      <c r="W2" s="268"/>
      <c r="X2" s="268"/>
      <c r="AN2" s="159"/>
      <c r="AO2" s="159"/>
      <c r="AP2" s="159"/>
      <c r="BE2" s="156"/>
      <c r="BF2" s="156"/>
      <c r="BG2" s="158"/>
      <c r="BH2" s="158"/>
      <c r="BI2" s="158"/>
      <c r="BJ2" s="158"/>
      <c r="BK2" s="158"/>
      <c r="BL2" s="158"/>
      <c r="BM2" s="158"/>
      <c r="BN2" s="899"/>
      <c r="BO2" s="899"/>
      <c r="BP2" s="899"/>
      <c r="BR2" s="148"/>
      <c r="BS2" s="148"/>
      <c r="BT2" s="148"/>
    </row>
    <row r="3" spans="1:72" s="110" customFormat="1" ht="4.5" customHeight="1">
      <c r="A3" s="153"/>
      <c r="D3" s="898"/>
      <c r="E3" s="898"/>
      <c r="F3" s="898"/>
      <c r="G3" s="898"/>
      <c r="H3" s="898"/>
      <c r="I3" s="898"/>
      <c r="J3" s="898"/>
      <c r="K3" s="898"/>
      <c r="L3" s="898"/>
      <c r="M3" s="898"/>
      <c r="N3" s="898"/>
      <c r="O3" s="898"/>
      <c r="P3" s="898"/>
      <c r="Q3" s="898"/>
      <c r="R3" s="898"/>
      <c r="S3" s="898"/>
      <c r="T3" s="898"/>
      <c r="U3" s="898"/>
      <c r="V3" s="898"/>
      <c r="W3" s="268"/>
      <c r="X3" s="268"/>
      <c r="AN3" s="159"/>
      <c r="AO3" s="159"/>
      <c r="AP3" s="159"/>
      <c r="BE3" s="156"/>
      <c r="BF3" s="156"/>
      <c r="BG3" s="158"/>
      <c r="BH3" s="158"/>
      <c r="BI3" s="158"/>
      <c r="BJ3" s="158"/>
      <c r="BK3" s="158"/>
      <c r="BL3" s="158"/>
      <c r="BM3" s="158"/>
      <c r="BN3" s="899"/>
      <c r="BO3" s="899"/>
      <c r="BP3" s="899"/>
      <c r="BR3" s="148"/>
      <c r="BS3" s="148"/>
      <c r="BT3" s="148"/>
    </row>
    <row r="4" spans="1:72" s="110" customFormat="1" ht="5.25" customHeight="1">
      <c r="A4" s="153"/>
      <c r="D4" s="900" t="s">
        <v>243</v>
      </c>
      <c r="E4" s="902" t="s">
        <v>242</v>
      </c>
      <c r="F4" s="902"/>
      <c r="G4" s="902"/>
      <c r="H4" s="902"/>
      <c r="I4" s="902"/>
      <c r="J4" s="902"/>
      <c r="K4" s="902"/>
      <c r="L4" s="902"/>
      <c r="M4" s="902"/>
      <c r="N4" s="902"/>
      <c r="O4" s="902"/>
      <c r="P4" s="902"/>
      <c r="Q4" s="902"/>
      <c r="R4" s="902"/>
      <c r="S4" s="902"/>
      <c r="T4" s="902"/>
      <c r="U4" s="902"/>
      <c r="V4" s="902"/>
      <c r="W4" s="904" t="s">
        <v>241</v>
      </c>
      <c r="X4" s="153"/>
      <c r="AN4" s="159"/>
      <c r="AO4" s="159"/>
      <c r="AP4" s="159"/>
      <c r="BE4" s="156"/>
      <c r="BF4" s="156"/>
      <c r="BG4" s="158"/>
      <c r="BH4" s="158"/>
      <c r="BI4" s="158"/>
      <c r="BJ4" s="158"/>
      <c r="BK4" s="158"/>
      <c r="BL4" s="158"/>
      <c r="BM4" s="158"/>
      <c r="BN4" s="899"/>
      <c r="BO4" s="899"/>
      <c r="BP4" s="899"/>
      <c r="BR4" s="148"/>
      <c r="BS4" s="148"/>
      <c r="BT4" s="148"/>
    </row>
    <row r="5" spans="1:72" s="110" customFormat="1" ht="5.25" customHeight="1">
      <c r="A5" s="153"/>
      <c r="C5" s="156"/>
      <c r="D5" s="900"/>
      <c r="E5" s="902"/>
      <c r="F5" s="902"/>
      <c r="G5" s="902"/>
      <c r="H5" s="902"/>
      <c r="I5" s="902"/>
      <c r="J5" s="902"/>
      <c r="K5" s="902"/>
      <c r="L5" s="902"/>
      <c r="M5" s="902"/>
      <c r="N5" s="902"/>
      <c r="O5" s="902"/>
      <c r="P5" s="902"/>
      <c r="Q5" s="902"/>
      <c r="R5" s="902"/>
      <c r="S5" s="902"/>
      <c r="T5" s="902"/>
      <c r="U5" s="902"/>
      <c r="V5" s="902"/>
      <c r="W5" s="905"/>
      <c r="X5" s="153"/>
      <c r="AN5" s="157"/>
      <c r="AO5" s="157"/>
      <c r="AP5" s="157"/>
      <c r="BE5" s="156"/>
      <c r="BF5" s="156"/>
      <c r="BG5" s="155"/>
      <c r="BH5" s="155"/>
      <c r="BI5" s="155"/>
      <c r="BJ5" s="155"/>
      <c r="BK5" s="155"/>
      <c r="BL5" s="155"/>
      <c r="BM5" s="155"/>
      <c r="BN5" s="155"/>
      <c r="BO5" s="270"/>
      <c r="BR5" s="148"/>
      <c r="BS5" s="148"/>
      <c r="BT5" s="148"/>
    </row>
    <row r="6" spans="1:72" s="110" customFormat="1" ht="5.25" customHeight="1">
      <c r="A6" s="153"/>
      <c r="B6" s="84"/>
      <c r="C6" s="154"/>
      <c r="D6" s="900"/>
      <c r="E6" s="902"/>
      <c r="F6" s="902"/>
      <c r="G6" s="902"/>
      <c r="H6" s="902"/>
      <c r="I6" s="902"/>
      <c r="J6" s="902"/>
      <c r="K6" s="902"/>
      <c r="L6" s="902"/>
      <c r="M6" s="902"/>
      <c r="N6" s="902"/>
      <c r="O6" s="902"/>
      <c r="P6" s="902"/>
      <c r="Q6" s="902"/>
      <c r="R6" s="902"/>
      <c r="S6" s="902"/>
      <c r="T6" s="902"/>
      <c r="U6" s="902"/>
      <c r="V6" s="902"/>
      <c r="W6" s="905"/>
      <c r="X6" s="153"/>
      <c r="Y6" s="907" t="s">
        <v>240</v>
      </c>
      <c r="Z6" s="907"/>
      <c r="AA6" s="907"/>
      <c r="AB6" s="907"/>
      <c r="AC6" s="907"/>
      <c r="AD6" s="907"/>
      <c r="AE6" s="907"/>
      <c r="AF6" s="907"/>
      <c r="AG6" s="907"/>
      <c r="AH6" s="907"/>
      <c r="AI6" s="907"/>
      <c r="AJ6" s="907"/>
      <c r="AK6" s="907"/>
      <c r="AL6" s="907"/>
      <c r="AM6" s="907"/>
      <c r="AN6" s="907"/>
      <c r="AO6" s="907"/>
      <c r="AP6" s="907"/>
      <c r="AQ6" s="907"/>
      <c r="AR6" s="907"/>
      <c r="AS6" s="907"/>
      <c r="AT6" s="907"/>
      <c r="AU6" s="907"/>
      <c r="AV6" s="907"/>
      <c r="AW6" s="907"/>
      <c r="AX6" s="907"/>
      <c r="AY6" s="907"/>
      <c r="AZ6" s="907"/>
      <c r="BA6" s="907"/>
      <c r="BB6" s="907"/>
      <c r="BC6" s="907"/>
      <c r="BD6" s="907"/>
      <c r="BE6" s="907"/>
      <c r="BF6" s="907"/>
      <c r="BG6" s="907"/>
      <c r="BP6" s="84"/>
      <c r="BQ6" s="153"/>
      <c r="BR6" s="148"/>
      <c r="BS6" s="148"/>
      <c r="BT6" s="148"/>
    </row>
    <row r="7" spans="1:72" s="110" customFormat="1" ht="5.25" customHeight="1">
      <c r="A7" s="153"/>
      <c r="B7" s="84"/>
      <c r="C7" s="154"/>
      <c r="D7" s="900"/>
      <c r="E7" s="902"/>
      <c r="F7" s="902"/>
      <c r="G7" s="902"/>
      <c r="H7" s="902"/>
      <c r="I7" s="902"/>
      <c r="J7" s="902"/>
      <c r="K7" s="902"/>
      <c r="L7" s="902"/>
      <c r="M7" s="902"/>
      <c r="N7" s="902"/>
      <c r="O7" s="902"/>
      <c r="P7" s="902"/>
      <c r="Q7" s="902"/>
      <c r="R7" s="902"/>
      <c r="S7" s="902"/>
      <c r="T7" s="902"/>
      <c r="U7" s="902"/>
      <c r="V7" s="902"/>
      <c r="W7" s="905"/>
      <c r="X7" s="153"/>
      <c r="Y7" s="907"/>
      <c r="Z7" s="907"/>
      <c r="AA7" s="907"/>
      <c r="AB7" s="907"/>
      <c r="AC7" s="907"/>
      <c r="AD7" s="907"/>
      <c r="AE7" s="907"/>
      <c r="AF7" s="907"/>
      <c r="AG7" s="907"/>
      <c r="AH7" s="907"/>
      <c r="AI7" s="907"/>
      <c r="AJ7" s="907"/>
      <c r="AK7" s="907"/>
      <c r="AL7" s="907"/>
      <c r="AM7" s="907"/>
      <c r="AN7" s="907"/>
      <c r="AO7" s="907"/>
      <c r="AP7" s="907"/>
      <c r="AQ7" s="907"/>
      <c r="AR7" s="907"/>
      <c r="AS7" s="907"/>
      <c r="AT7" s="907"/>
      <c r="AU7" s="907"/>
      <c r="AV7" s="907"/>
      <c r="AW7" s="907"/>
      <c r="AX7" s="907"/>
      <c r="AY7" s="907"/>
      <c r="AZ7" s="907"/>
      <c r="BA7" s="907"/>
      <c r="BB7" s="907"/>
      <c r="BC7" s="907"/>
      <c r="BD7" s="907"/>
      <c r="BE7" s="907"/>
      <c r="BF7" s="907"/>
      <c r="BG7" s="907"/>
      <c r="BP7" s="84"/>
      <c r="BQ7" s="153"/>
      <c r="BR7" s="148"/>
      <c r="BS7" s="148"/>
      <c r="BT7" s="148"/>
    </row>
    <row r="8" spans="1:72" s="110" customFormat="1" ht="5.25" customHeight="1">
      <c r="A8" s="153"/>
      <c r="B8" s="153"/>
      <c r="C8" s="154"/>
      <c r="D8" s="901"/>
      <c r="E8" s="903"/>
      <c r="F8" s="903"/>
      <c r="G8" s="903"/>
      <c r="H8" s="903"/>
      <c r="I8" s="903"/>
      <c r="J8" s="903"/>
      <c r="K8" s="903"/>
      <c r="L8" s="903"/>
      <c r="M8" s="903"/>
      <c r="N8" s="903"/>
      <c r="O8" s="903"/>
      <c r="P8" s="903"/>
      <c r="Q8" s="903"/>
      <c r="R8" s="903"/>
      <c r="S8" s="903"/>
      <c r="T8" s="903"/>
      <c r="U8" s="903"/>
      <c r="V8" s="903"/>
      <c r="W8" s="906"/>
      <c r="X8" s="153"/>
      <c r="Y8" s="908"/>
      <c r="Z8" s="908"/>
      <c r="AA8" s="908"/>
      <c r="AB8" s="908"/>
      <c r="AC8" s="908"/>
      <c r="AD8" s="908"/>
      <c r="AE8" s="908"/>
      <c r="AF8" s="908"/>
      <c r="AG8" s="908"/>
      <c r="AH8" s="908"/>
      <c r="AI8" s="908"/>
      <c r="AJ8" s="908"/>
      <c r="AK8" s="908"/>
      <c r="AL8" s="908"/>
      <c r="AM8" s="908"/>
      <c r="AN8" s="908"/>
      <c r="AO8" s="908"/>
      <c r="AP8" s="908"/>
      <c r="AQ8" s="908"/>
      <c r="AR8" s="908"/>
      <c r="AS8" s="908"/>
      <c r="AT8" s="908"/>
      <c r="AU8" s="908"/>
      <c r="AV8" s="908"/>
      <c r="AW8" s="908"/>
      <c r="AX8" s="908"/>
      <c r="AY8" s="908"/>
      <c r="AZ8" s="908"/>
      <c r="BA8" s="908"/>
      <c r="BB8" s="908"/>
      <c r="BC8" s="908"/>
      <c r="BD8" s="908"/>
      <c r="BE8" s="908"/>
      <c r="BF8" s="908"/>
      <c r="BG8" s="908"/>
      <c r="BP8" s="153"/>
      <c r="BQ8" s="153"/>
      <c r="BR8" s="148"/>
      <c r="BS8" s="148"/>
      <c r="BT8" s="148"/>
    </row>
    <row r="9" spans="1:72" s="110" customFormat="1" ht="5.25" customHeight="1">
      <c r="A9" s="113"/>
      <c r="B9" s="113"/>
      <c r="D9" s="954" t="s">
        <v>17</v>
      </c>
      <c r="E9" s="955"/>
      <c r="F9" s="960" t="s">
        <v>239</v>
      </c>
      <c r="G9" s="961"/>
      <c r="H9" s="961"/>
      <c r="I9" s="961"/>
      <c r="J9" s="961"/>
      <c r="K9" s="962"/>
      <c r="L9" s="969" t="s">
        <v>238</v>
      </c>
      <c r="M9" s="970"/>
      <c r="N9" s="971"/>
      <c r="O9" s="960" t="s">
        <v>237</v>
      </c>
      <c r="P9" s="961"/>
      <c r="Q9" s="961"/>
      <c r="R9" s="961"/>
      <c r="S9" s="961"/>
      <c r="T9" s="961"/>
      <c r="U9" s="961"/>
      <c r="V9" s="961"/>
      <c r="W9" s="978"/>
      <c r="X9" s="153"/>
      <c r="Y9" s="981" t="s">
        <v>10</v>
      </c>
      <c r="Z9" s="982"/>
      <c r="AA9" s="982"/>
      <c r="AB9" s="982"/>
      <c r="AC9" s="983"/>
      <c r="AD9" s="990" t="s">
        <v>7</v>
      </c>
      <c r="AE9" s="991"/>
      <c r="AF9" s="991"/>
      <c r="AG9" s="991"/>
      <c r="AH9" s="991"/>
      <c r="AI9" s="991"/>
      <c r="AJ9" s="991"/>
      <c r="AK9" s="991"/>
      <c r="AL9" s="991"/>
      <c r="AM9" s="991"/>
      <c r="AN9" s="992"/>
      <c r="AO9" s="909" t="s">
        <v>6</v>
      </c>
      <c r="AP9" s="910"/>
      <c r="AQ9" s="910"/>
      <c r="AR9" s="910"/>
      <c r="AS9" s="910"/>
      <c r="AT9" s="910"/>
      <c r="AU9" s="910"/>
      <c r="AV9" s="910"/>
      <c r="AW9" s="911"/>
      <c r="AX9" s="909" t="s">
        <v>220</v>
      </c>
      <c r="AY9" s="910"/>
      <c r="AZ9" s="910"/>
      <c r="BA9" s="910"/>
      <c r="BB9" s="910"/>
      <c r="BC9" s="910"/>
      <c r="BD9" s="910"/>
      <c r="BE9" s="910"/>
      <c r="BF9" s="911"/>
      <c r="BG9" s="918" t="s">
        <v>236</v>
      </c>
      <c r="BH9" s="919"/>
      <c r="BI9" s="919"/>
      <c r="BJ9" s="919"/>
      <c r="BK9" s="919"/>
      <c r="BL9" s="919"/>
      <c r="BM9" s="919"/>
      <c r="BN9" s="919"/>
      <c r="BO9" s="920"/>
      <c r="BP9" s="84"/>
      <c r="BQ9" s="153"/>
      <c r="BR9" s="148"/>
      <c r="BS9" s="148"/>
      <c r="BT9" s="148"/>
    </row>
    <row r="10" spans="1:72" s="110" customFormat="1" ht="5.25" customHeight="1">
      <c r="A10" s="113"/>
      <c r="B10" s="113"/>
      <c r="D10" s="956"/>
      <c r="E10" s="957"/>
      <c r="F10" s="963"/>
      <c r="G10" s="964"/>
      <c r="H10" s="964"/>
      <c r="I10" s="964"/>
      <c r="J10" s="964"/>
      <c r="K10" s="965"/>
      <c r="L10" s="972"/>
      <c r="M10" s="973"/>
      <c r="N10" s="974"/>
      <c r="O10" s="963"/>
      <c r="P10" s="964"/>
      <c r="Q10" s="964"/>
      <c r="R10" s="964"/>
      <c r="S10" s="964"/>
      <c r="T10" s="964"/>
      <c r="U10" s="964"/>
      <c r="V10" s="964"/>
      <c r="W10" s="979"/>
      <c r="X10" s="153"/>
      <c r="Y10" s="984"/>
      <c r="Z10" s="985"/>
      <c r="AA10" s="985"/>
      <c r="AB10" s="985"/>
      <c r="AC10" s="986"/>
      <c r="AD10" s="993"/>
      <c r="AE10" s="994"/>
      <c r="AF10" s="994"/>
      <c r="AG10" s="994"/>
      <c r="AH10" s="994"/>
      <c r="AI10" s="994"/>
      <c r="AJ10" s="994"/>
      <c r="AK10" s="994"/>
      <c r="AL10" s="994"/>
      <c r="AM10" s="994"/>
      <c r="AN10" s="995"/>
      <c r="AO10" s="912"/>
      <c r="AP10" s="913"/>
      <c r="AQ10" s="913"/>
      <c r="AR10" s="913"/>
      <c r="AS10" s="913"/>
      <c r="AT10" s="913"/>
      <c r="AU10" s="913"/>
      <c r="AV10" s="913"/>
      <c r="AW10" s="914"/>
      <c r="AX10" s="912"/>
      <c r="AY10" s="913"/>
      <c r="AZ10" s="913"/>
      <c r="BA10" s="913"/>
      <c r="BB10" s="913"/>
      <c r="BC10" s="913"/>
      <c r="BD10" s="913"/>
      <c r="BE10" s="913"/>
      <c r="BF10" s="914"/>
      <c r="BG10" s="921"/>
      <c r="BH10" s="922"/>
      <c r="BI10" s="922"/>
      <c r="BJ10" s="922"/>
      <c r="BK10" s="922"/>
      <c r="BL10" s="922"/>
      <c r="BM10" s="922"/>
      <c r="BN10" s="922"/>
      <c r="BO10" s="923"/>
      <c r="BP10" s="84"/>
      <c r="BQ10" s="153"/>
      <c r="BR10" s="148"/>
      <c r="BS10" s="148"/>
      <c r="BT10" s="148"/>
    </row>
    <row r="11" spans="1:72" s="110" customFormat="1" ht="5.25" customHeight="1">
      <c r="A11" s="113"/>
      <c r="B11" s="113"/>
      <c r="D11" s="956"/>
      <c r="E11" s="957"/>
      <c r="F11" s="963"/>
      <c r="G11" s="964"/>
      <c r="H11" s="964"/>
      <c r="I11" s="964"/>
      <c r="J11" s="964"/>
      <c r="K11" s="965"/>
      <c r="L11" s="972"/>
      <c r="M11" s="973"/>
      <c r="N11" s="974"/>
      <c r="O11" s="963"/>
      <c r="P11" s="964"/>
      <c r="Q11" s="964"/>
      <c r="R11" s="964"/>
      <c r="S11" s="964"/>
      <c r="T11" s="964"/>
      <c r="U11" s="964"/>
      <c r="V11" s="964"/>
      <c r="W11" s="979"/>
      <c r="X11" s="153"/>
      <c r="Y11" s="984"/>
      <c r="Z11" s="985"/>
      <c r="AA11" s="985"/>
      <c r="AB11" s="985"/>
      <c r="AC11" s="986"/>
      <c r="AD11" s="993"/>
      <c r="AE11" s="994"/>
      <c r="AF11" s="994"/>
      <c r="AG11" s="994"/>
      <c r="AH11" s="994"/>
      <c r="AI11" s="994"/>
      <c r="AJ11" s="994"/>
      <c r="AK11" s="994"/>
      <c r="AL11" s="994"/>
      <c r="AM11" s="994"/>
      <c r="AN11" s="995"/>
      <c r="AO11" s="912"/>
      <c r="AP11" s="913"/>
      <c r="AQ11" s="913"/>
      <c r="AR11" s="913"/>
      <c r="AS11" s="913"/>
      <c r="AT11" s="913"/>
      <c r="AU11" s="913"/>
      <c r="AV11" s="913"/>
      <c r="AW11" s="914"/>
      <c r="AX11" s="912"/>
      <c r="AY11" s="913"/>
      <c r="AZ11" s="913"/>
      <c r="BA11" s="913"/>
      <c r="BB11" s="913"/>
      <c r="BC11" s="913"/>
      <c r="BD11" s="913"/>
      <c r="BE11" s="913"/>
      <c r="BF11" s="914"/>
      <c r="BG11" s="921"/>
      <c r="BH11" s="922"/>
      <c r="BI11" s="922"/>
      <c r="BJ11" s="922"/>
      <c r="BK11" s="922"/>
      <c r="BL11" s="922"/>
      <c r="BM11" s="922"/>
      <c r="BN11" s="922"/>
      <c r="BO11" s="923"/>
      <c r="BP11" s="84"/>
      <c r="BQ11" s="153"/>
      <c r="BR11" s="148"/>
      <c r="BS11" s="148"/>
      <c r="BT11" s="148"/>
    </row>
    <row r="12" spans="1:72" ht="5.25" customHeight="1">
      <c r="A12" s="113"/>
      <c r="B12" s="113"/>
      <c r="D12" s="958"/>
      <c r="E12" s="959"/>
      <c r="F12" s="966"/>
      <c r="G12" s="967"/>
      <c r="H12" s="967"/>
      <c r="I12" s="967"/>
      <c r="J12" s="967"/>
      <c r="K12" s="968"/>
      <c r="L12" s="975"/>
      <c r="M12" s="976"/>
      <c r="N12" s="977"/>
      <c r="O12" s="966"/>
      <c r="P12" s="967"/>
      <c r="Q12" s="967"/>
      <c r="R12" s="967"/>
      <c r="S12" s="967"/>
      <c r="T12" s="967"/>
      <c r="U12" s="967"/>
      <c r="V12" s="967"/>
      <c r="W12" s="980"/>
      <c r="X12" s="153"/>
      <c r="Y12" s="987"/>
      <c r="Z12" s="988"/>
      <c r="AA12" s="988"/>
      <c r="AB12" s="988"/>
      <c r="AC12" s="989"/>
      <c r="AD12" s="996"/>
      <c r="AE12" s="997"/>
      <c r="AF12" s="997"/>
      <c r="AG12" s="997"/>
      <c r="AH12" s="997"/>
      <c r="AI12" s="997"/>
      <c r="AJ12" s="997"/>
      <c r="AK12" s="997"/>
      <c r="AL12" s="997"/>
      <c r="AM12" s="997"/>
      <c r="AN12" s="998"/>
      <c r="AO12" s="915"/>
      <c r="AP12" s="916"/>
      <c r="AQ12" s="916"/>
      <c r="AR12" s="916"/>
      <c r="AS12" s="916"/>
      <c r="AT12" s="916"/>
      <c r="AU12" s="916"/>
      <c r="AV12" s="916"/>
      <c r="AW12" s="917"/>
      <c r="AX12" s="915"/>
      <c r="AY12" s="916"/>
      <c r="AZ12" s="916"/>
      <c r="BA12" s="916"/>
      <c r="BB12" s="916"/>
      <c r="BC12" s="916"/>
      <c r="BD12" s="916"/>
      <c r="BE12" s="916"/>
      <c r="BF12" s="917"/>
      <c r="BG12" s="924"/>
      <c r="BH12" s="925"/>
      <c r="BI12" s="925"/>
      <c r="BJ12" s="925"/>
      <c r="BK12" s="925"/>
      <c r="BL12" s="925"/>
      <c r="BM12" s="925"/>
      <c r="BN12" s="925"/>
      <c r="BO12" s="926"/>
      <c r="BP12" s="84"/>
      <c r="BQ12" s="82"/>
      <c r="BR12" s="148"/>
      <c r="BS12" s="148"/>
      <c r="BT12" s="148"/>
    </row>
    <row r="13" spans="1:72" ht="5.25" customHeight="1">
      <c r="A13" s="113"/>
      <c r="B13" s="113"/>
      <c r="D13" s="927">
        <v>1</v>
      </c>
      <c r="E13" s="928"/>
      <c r="F13" s="933" t="s">
        <v>4</v>
      </c>
      <c r="G13" s="934"/>
      <c r="H13" s="934"/>
      <c r="I13" s="934"/>
      <c r="J13" s="934"/>
      <c r="K13" s="935"/>
      <c r="L13" s="942"/>
      <c r="M13" s="943"/>
      <c r="N13" s="944"/>
      <c r="O13" s="933" t="s">
        <v>4</v>
      </c>
      <c r="P13" s="934"/>
      <c r="Q13" s="934"/>
      <c r="R13" s="934"/>
      <c r="S13" s="934"/>
      <c r="T13" s="934"/>
      <c r="U13" s="934"/>
      <c r="V13" s="934"/>
      <c r="W13" s="951"/>
      <c r="X13" s="84"/>
      <c r="Y13" s="301"/>
      <c r="Z13" s="325"/>
      <c r="AA13" s="325"/>
      <c r="AB13" s="325"/>
      <c r="AC13" s="147"/>
      <c r="AD13" s="309"/>
      <c r="AE13" s="310"/>
      <c r="AF13" s="310"/>
      <c r="AG13" s="310"/>
      <c r="AH13" s="310"/>
      <c r="AI13" s="310"/>
      <c r="AJ13" s="310"/>
      <c r="AK13" s="310"/>
      <c r="AL13" s="310"/>
      <c r="AM13" s="310"/>
      <c r="AN13" s="311"/>
      <c r="AO13" s="933" t="s">
        <v>4</v>
      </c>
      <c r="AP13" s="934"/>
      <c r="AQ13" s="934"/>
      <c r="AR13" s="934"/>
      <c r="AS13" s="934"/>
      <c r="AT13" s="934"/>
      <c r="AU13" s="934"/>
      <c r="AV13" s="934"/>
      <c r="AW13" s="935"/>
      <c r="AX13" s="933" t="s">
        <v>4</v>
      </c>
      <c r="AY13" s="934"/>
      <c r="AZ13" s="934"/>
      <c r="BA13" s="934"/>
      <c r="BB13" s="934"/>
      <c r="BC13" s="934"/>
      <c r="BD13" s="934"/>
      <c r="BE13" s="934"/>
      <c r="BF13" s="935"/>
      <c r="BG13" s="933" t="s">
        <v>4</v>
      </c>
      <c r="BH13" s="934"/>
      <c r="BI13" s="934"/>
      <c r="BJ13" s="934"/>
      <c r="BK13" s="934"/>
      <c r="BL13" s="934"/>
      <c r="BM13" s="934"/>
      <c r="BN13" s="934"/>
      <c r="BO13" s="951"/>
      <c r="BP13" s="84"/>
      <c r="BQ13" s="82"/>
      <c r="BR13" s="148"/>
      <c r="BS13" s="148"/>
      <c r="BT13" s="148"/>
    </row>
    <row r="14" spans="1:72" ht="5.25" customHeight="1">
      <c r="A14" s="113"/>
      <c r="B14" s="113"/>
      <c r="D14" s="929"/>
      <c r="E14" s="930"/>
      <c r="F14" s="936"/>
      <c r="G14" s="937"/>
      <c r="H14" s="937"/>
      <c r="I14" s="937"/>
      <c r="J14" s="937"/>
      <c r="K14" s="938"/>
      <c r="L14" s="945"/>
      <c r="M14" s="946"/>
      <c r="N14" s="947"/>
      <c r="O14" s="936"/>
      <c r="P14" s="937"/>
      <c r="Q14" s="937"/>
      <c r="R14" s="937"/>
      <c r="S14" s="937"/>
      <c r="T14" s="937"/>
      <c r="U14" s="937"/>
      <c r="V14" s="937"/>
      <c r="W14" s="952"/>
      <c r="X14" s="84"/>
      <c r="Y14" s="320"/>
      <c r="Z14" s="146"/>
      <c r="AA14" s="146"/>
      <c r="AB14" s="146"/>
      <c r="AC14" s="145"/>
      <c r="AD14" s="312"/>
      <c r="AE14" s="313"/>
      <c r="AF14" s="313"/>
      <c r="AG14" s="313"/>
      <c r="AH14" s="313"/>
      <c r="AI14" s="313"/>
      <c r="AJ14" s="313"/>
      <c r="AK14" s="313"/>
      <c r="AL14" s="313"/>
      <c r="AM14" s="313"/>
      <c r="AN14" s="314"/>
      <c r="AO14" s="936"/>
      <c r="AP14" s="937"/>
      <c r="AQ14" s="937"/>
      <c r="AR14" s="937"/>
      <c r="AS14" s="937"/>
      <c r="AT14" s="937"/>
      <c r="AU14" s="937"/>
      <c r="AV14" s="937"/>
      <c r="AW14" s="938"/>
      <c r="AX14" s="936"/>
      <c r="AY14" s="937"/>
      <c r="AZ14" s="937"/>
      <c r="BA14" s="937"/>
      <c r="BB14" s="937"/>
      <c r="BC14" s="937"/>
      <c r="BD14" s="937"/>
      <c r="BE14" s="937"/>
      <c r="BF14" s="938"/>
      <c r="BG14" s="936"/>
      <c r="BH14" s="937"/>
      <c r="BI14" s="937"/>
      <c r="BJ14" s="937"/>
      <c r="BK14" s="937"/>
      <c r="BL14" s="937"/>
      <c r="BM14" s="937"/>
      <c r="BN14" s="937"/>
      <c r="BO14" s="952"/>
      <c r="BP14" s="84"/>
      <c r="BQ14" s="82"/>
      <c r="BR14" s="148"/>
      <c r="BS14" s="148"/>
      <c r="BT14" s="148"/>
    </row>
    <row r="15" spans="1:72" ht="5.25" customHeight="1">
      <c r="A15" s="113"/>
      <c r="B15" s="113"/>
      <c r="D15" s="929"/>
      <c r="E15" s="930"/>
      <c r="F15" s="936"/>
      <c r="G15" s="937"/>
      <c r="H15" s="937"/>
      <c r="I15" s="937"/>
      <c r="J15" s="937"/>
      <c r="K15" s="938"/>
      <c r="L15" s="945"/>
      <c r="M15" s="946"/>
      <c r="N15" s="947"/>
      <c r="O15" s="936"/>
      <c r="P15" s="937"/>
      <c r="Q15" s="937"/>
      <c r="R15" s="937"/>
      <c r="S15" s="937"/>
      <c r="T15" s="937"/>
      <c r="U15" s="937"/>
      <c r="V15" s="937"/>
      <c r="W15" s="952"/>
      <c r="X15" s="84"/>
      <c r="Y15" s="320"/>
      <c r="Z15" s="146"/>
      <c r="AA15" s="146"/>
      <c r="AB15" s="146"/>
      <c r="AC15" s="145"/>
      <c r="AD15" s="312"/>
      <c r="AE15" s="313"/>
      <c r="AF15" s="313"/>
      <c r="AG15" s="313"/>
      <c r="AH15" s="313"/>
      <c r="AI15" s="313"/>
      <c r="AJ15" s="313"/>
      <c r="AK15" s="313"/>
      <c r="AL15" s="313"/>
      <c r="AM15" s="313"/>
      <c r="AN15" s="314"/>
      <c r="AO15" s="936"/>
      <c r="AP15" s="937"/>
      <c r="AQ15" s="937"/>
      <c r="AR15" s="937"/>
      <c r="AS15" s="937"/>
      <c r="AT15" s="937"/>
      <c r="AU15" s="937"/>
      <c r="AV15" s="937"/>
      <c r="AW15" s="938"/>
      <c r="AX15" s="936"/>
      <c r="AY15" s="937"/>
      <c r="AZ15" s="937"/>
      <c r="BA15" s="937"/>
      <c r="BB15" s="937"/>
      <c r="BC15" s="937"/>
      <c r="BD15" s="937"/>
      <c r="BE15" s="937"/>
      <c r="BF15" s="938"/>
      <c r="BG15" s="936"/>
      <c r="BH15" s="937"/>
      <c r="BI15" s="937"/>
      <c r="BJ15" s="937"/>
      <c r="BK15" s="937"/>
      <c r="BL15" s="937"/>
      <c r="BM15" s="937"/>
      <c r="BN15" s="937"/>
      <c r="BO15" s="952"/>
      <c r="BP15" s="84"/>
      <c r="BQ15" s="82"/>
      <c r="BR15" s="148"/>
      <c r="BS15" s="148"/>
      <c r="BT15" s="148"/>
    </row>
    <row r="16" spans="1:72" ht="5.25" customHeight="1">
      <c r="A16" s="113"/>
      <c r="B16" s="113"/>
      <c r="D16" s="931"/>
      <c r="E16" s="932"/>
      <c r="F16" s="939"/>
      <c r="G16" s="940"/>
      <c r="H16" s="940"/>
      <c r="I16" s="940"/>
      <c r="J16" s="940"/>
      <c r="K16" s="941"/>
      <c r="L16" s="948"/>
      <c r="M16" s="949"/>
      <c r="N16" s="950"/>
      <c r="O16" s="939"/>
      <c r="P16" s="940"/>
      <c r="Q16" s="940"/>
      <c r="R16" s="940"/>
      <c r="S16" s="940"/>
      <c r="T16" s="940"/>
      <c r="U16" s="940"/>
      <c r="V16" s="940"/>
      <c r="W16" s="953"/>
      <c r="X16" s="84"/>
      <c r="Y16" s="320"/>
      <c r="Z16" s="146"/>
      <c r="AA16" s="146"/>
      <c r="AB16" s="146"/>
      <c r="AC16" s="145"/>
      <c r="AD16" s="312"/>
      <c r="AE16" s="313"/>
      <c r="AF16" s="313"/>
      <c r="AG16" s="313"/>
      <c r="AH16" s="313"/>
      <c r="AI16" s="313"/>
      <c r="AJ16" s="313"/>
      <c r="AK16" s="313"/>
      <c r="AL16" s="313"/>
      <c r="AM16" s="313"/>
      <c r="AN16" s="314"/>
      <c r="AO16" s="939"/>
      <c r="AP16" s="940"/>
      <c r="AQ16" s="940"/>
      <c r="AR16" s="940"/>
      <c r="AS16" s="940"/>
      <c r="AT16" s="940"/>
      <c r="AU16" s="940"/>
      <c r="AV16" s="940"/>
      <c r="AW16" s="941"/>
      <c r="AX16" s="939"/>
      <c r="AY16" s="940"/>
      <c r="AZ16" s="940"/>
      <c r="BA16" s="940"/>
      <c r="BB16" s="940"/>
      <c r="BC16" s="940"/>
      <c r="BD16" s="940"/>
      <c r="BE16" s="940"/>
      <c r="BF16" s="941"/>
      <c r="BG16" s="939"/>
      <c r="BH16" s="940"/>
      <c r="BI16" s="940"/>
      <c r="BJ16" s="940"/>
      <c r="BK16" s="940"/>
      <c r="BL16" s="940"/>
      <c r="BM16" s="940"/>
      <c r="BN16" s="940"/>
      <c r="BO16" s="953"/>
      <c r="BP16" s="84"/>
      <c r="BQ16" s="82"/>
      <c r="BR16" s="148"/>
      <c r="BS16" s="148"/>
      <c r="BT16" s="148"/>
    </row>
    <row r="17" spans="1:72" ht="5.25" customHeight="1">
      <c r="A17" s="113"/>
      <c r="B17" s="113"/>
      <c r="D17" s="927">
        <v>2</v>
      </c>
      <c r="E17" s="928"/>
      <c r="F17" s="999"/>
      <c r="G17" s="1000"/>
      <c r="H17" s="1000"/>
      <c r="I17" s="1000"/>
      <c r="J17" s="1000"/>
      <c r="K17" s="1001"/>
      <c r="L17" s="942"/>
      <c r="M17" s="943"/>
      <c r="N17" s="944"/>
      <c r="O17" s="942"/>
      <c r="P17" s="943"/>
      <c r="Q17" s="943"/>
      <c r="R17" s="943"/>
      <c r="S17" s="943"/>
      <c r="T17" s="943"/>
      <c r="U17" s="943"/>
      <c r="V17" s="943"/>
      <c r="W17" s="1008"/>
      <c r="X17" s="84"/>
      <c r="Y17" s="151"/>
      <c r="Z17" s="325"/>
      <c r="AA17" s="325"/>
      <c r="AB17" s="325"/>
      <c r="AC17" s="147"/>
      <c r="AD17" s="309"/>
      <c r="AE17" s="310"/>
      <c r="AF17" s="310"/>
      <c r="AG17" s="310"/>
      <c r="AH17" s="310"/>
      <c r="AI17" s="310"/>
      <c r="AJ17" s="310"/>
      <c r="AK17" s="310"/>
      <c r="AL17" s="310"/>
      <c r="AM17" s="310"/>
      <c r="AN17" s="311"/>
      <c r="AO17" s="275"/>
      <c r="AP17" s="276"/>
      <c r="AQ17" s="276"/>
      <c r="AR17" s="276"/>
      <c r="AS17" s="276"/>
      <c r="AT17" s="276"/>
      <c r="AU17" s="276"/>
      <c r="AV17" s="276"/>
      <c r="AW17" s="277"/>
      <c r="AX17" s="275"/>
      <c r="AY17" s="276"/>
      <c r="AZ17" s="276"/>
      <c r="BA17" s="276"/>
      <c r="BB17" s="276"/>
      <c r="BC17" s="276"/>
      <c r="BD17" s="276"/>
      <c r="BE17" s="276"/>
      <c r="BF17" s="277"/>
      <c r="BG17" s="275"/>
      <c r="BH17" s="276"/>
      <c r="BI17" s="276"/>
      <c r="BJ17" s="276"/>
      <c r="BK17" s="276"/>
      <c r="BL17" s="276"/>
      <c r="BM17" s="276"/>
      <c r="BN17" s="276"/>
      <c r="BO17" s="287"/>
      <c r="BP17" s="84"/>
      <c r="BQ17" s="82"/>
      <c r="BR17" s="148"/>
      <c r="BS17" s="148"/>
      <c r="BT17" s="148"/>
    </row>
    <row r="18" spans="1:72" ht="5.25" customHeight="1">
      <c r="A18" s="113"/>
      <c r="B18" s="113"/>
      <c r="D18" s="929"/>
      <c r="E18" s="930"/>
      <c r="F18" s="1002"/>
      <c r="G18" s="1003"/>
      <c r="H18" s="1003"/>
      <c r="I18" s="1003"/>
      <c r="J18" s="1003"/>
      <c r="K18" s="1004"/>
      <c r="L18" s="945"/>
      <c r="M18" s="946"/>
      <c r="N18" s="947"/>
      <c r="O18" s="945"/>
      <c r="P18" s="946"/>
      <c r="Q18" s="946"/>
      <c r="R18" s="946"/>
      <c r="S18" s="946"/>
      <c r="T18" s="946"/>
      <c r="U18" s="946"/>
      <c r="V18" s="946"/>
      <c r="W18" s="1009"/>
      <c r="X18" s="84"/>
      <c r="Y18" s="152"/>
      <c r="Z18" s="146"/>
      <c r="AA18" s="146"/>
      <c r="AB18" s="146"/>
      <c r="AC18" s="145"/>
      <c r="AD18" s="127"/>
      <c r="AE18" s="126"/>
      <c r="AF18" s="126"/>
      <c r="AG18" s="126"/>
      <c r="AH18" s="126"/>
      <c r="AI18" s="126"/>
      <c r="AJ18" s="126"/>
      <c r="AK18" s="126"/>
      <c r="AL18" s="126"/>
      <c r="AM18" s="126"/>
      <c r="AN18" s="137"/>
      <c r="AO18" s="292"/>
      <c r="AP18" s="293"/>
      <c r="AQ18" s="293"/>
      <c r="AR18" s="293"/>
      <c r="AS18" s="293"/>
      <c r="AT18" s="293"/>
      <c r="AU18" s="293"/>
      <c r="AV18" s="293"/>
      <c r="AW18" s="294"/>
      <c r="AX18" s="292"/>
      <c r="AY18" s="293"/>
      <c r="AZ18" s="293"/>
      <c r="BA18" s="293"/>
      <c r="BB18" s="293"/>
      <c r="BC18" s="293"/>
      <c r="BD18" s="293"/>
      <c r="BE18" s="293"/>
      <c r="BF18" s="294"/>
      <c r="BG18" s="292"/>
      <c r="BH18" s="293"/>
      <c r="BI18" s="293"/>
      <c r="BJ18" s="293"/>
      <c r="BK18" s="293"/>
      <c r="BL18" s="293"/>
      <c r="BM18" s="293"/>
      <c r="BN18" s="293"/>
      <c r="BO18" s="337"/>
      <c r="BP18" s="84"/>
      <c r="BQ18" s="82"/>
      <c r="BR18" s="148"/>
      <c r="BS18" s="148"/>
      <c r="BT18" s="148"/>
    </row>
    <row r="19" spans="1:72" ht="5.25" customHeight="1">
      <c r="A19" s="113"/>
      <c r="B19" s="113"/>
      <c r="D19" s="929"/>
      <c r="E19" s="930"/>
      <c r="F19" s="1002"/>
      <c r="G19" s="1003"/>
      <c r="H19" s="1003"/>
      <c r="I19" s="1003"/>
      <c r="J19" s="1003"/>
      <c r="K19" s="1004"/>
      <c r="L19" s="945"/>
      <c r="M19" s="946"/>
      <c r="N19" s="947"/>
      <c r="O19" s="945"/>
      <c r="P19" s="946"/>
      <c r="Q19" s="946"/>
      <c r="R19" s="946"/>
      <c r="S19" s="946"/>
      <c r="T19" s="946"/>
      <c r="U19" s="946"/>
      <c r="V19" s="946"/>
      <c r="W19" s="1009"/>
      <c r="X19" s="84"/>
      <c r="Y19" s="320"/>
      <c r="Z19" s="146"/>
      <c r="AA19" s="146"/>
      <c r="AB19" s="146"/>
      <c r="AC19" s="145"/>
      <c r="AD19" s="127"/>
      <c r="AE19" s="126"/>
      <c r="AF19" s="126"/>
      <c r="AG19" s="126"/>
      <c r="AH19" s="126"/>
      <c r="AI19" s="126"/>
      <c r="AJ19" s="126"/>
      <c r="AK19" s="126"/>
      <c r="AL19" s="126"/>
      <c r="AM19" s="126"/>
      <c r="AN19" s="137"/>
      <c r="AO19" s="292"/>
      <c r="AP19" s="293"/>
      <c r="AQ19" s="293"/>
      <c r="AR19" s="293"/>
      <c r="AS19" s="293"/>
      <c r="AT19" s="293"/>
      <c r="AU19" s="293"/>
      <c r="AV19" s="293"/>
      <c r="AW19" s="294"/>
      <c r="AX19" s="292"/>
      <c r="AY19" s="293"/>
      <c r="AZ19" s="293"/>
      <c r="BA19" s="293"/>
      <c r="BB19" s="293"/>
      <c r="BC19" s="293"/>
      <c r="BD19" s="293"/>
      <c r="BE19" s="293"/>
      <c r="BF19" s="294"/>
      <c r="BG19" s="292"/>
      <c r="BH19" s="293"/>
      <c r="BI19" s="293"/>
      <c r="BJ19" s="293"/>
      <c r="BK19" s="293"/>
      <c r="BL19" s="293"/>
      <c r="BM19" s="293"/>
      <c r="BN19" s="293"/>
      <c r="BO19" s="337"/>
      <c r="BP19" s="84"/>
      <c r="BQ19" s="82"/>
      <c r="BR19" s="148"/>
      <c r="BS19" s="148"/>
      <c r="BT19" s="148"/>
    </row>
    <row r="20" spans="1:72" ht="5.25" customHeight="1">
      <c r="A20" s="113"/>
      <c r="B20" s="113"/>
      <c r="D20" s="931"/>
      <c r="E20" s="932"/>
      <c r="F20" s="1005"/>
      <c r="G20" s="1006"/>
      <c r="H20" s="1006"/>
      <c r="I20" s="1006"/>
      <c r="J20" s="1006"/>
      <c r="K20" s="1007"/>
      <c r="L20" s="948"/>
      <c r="M20" s="949"/>
      <c r="N20" s="950"/>
      <c r="O20" s="948"/>
      <c r="P20" s="949"/>
      <c r="Q20" s="949"/>
      <c r="R20" s="949"/>
      <c r="S20" s="949"/>
      <c r="T20" s="949"/>
      <c r="U20" s="949"/>
      <c r="V20" s="949"/>
      <c r="W20" s="1010"/>
      <c r="X20" s="84"/>
      <c r="Y20" s="322"/>
      <c r="Z20" s="323"/>
      <c r="AA20" s="323"/>
      <c r="AB20" s="323"/>
      <c r="AC20" s="149"/>
      <c r="AD20" s="135"/>
      <c r="AE20" s="134"/>
      <c r="AF20" s="134"/>
      <c r="AG20" s="134"/>
      <c r="AH20" s="134"/>
      <c r="AI20" s="134"/>
      <c r="AJ20" s="134"/>
      <c r="AK20" s="134"/>
      <c r="AL20" s="134"/>
      <c r="AM20" s="134"/>
      <c r="AN20" s="133"/>
      <c r="AO20" s="295"/>
      <c r="AP20" s="296"/>
      <c r="AQ20" s="296"/>
      <c r="AR20" s="296"/>
      <c r="AS20" s="296"/>
      <c r="AT20" s="296"/>
      <c r="AU20" s="296"/>
      <c r="AV20" s="296"/>
      <c r="AW20" s="297"/>
      <c r="AX20" s="295"/>
      <c r="AY20" s="296"/>
      <c r="AZ20" s="296"/>
      <c r="BA20" s="296"/>
      <c r="BB20" s="296"/>
      <c r="BC20" s="296"/>
      <c r="BD20" s="296"/>
      <c r="BE20" s="296"/>
      <c r="BF20" s="297"/>
      <c r="BG20" s="295"/>
      <c r="BH20" s="296"/>
      <c r="BI20" s="296"/>
      <c r="BJ20" s="296"/>
      <c r="BK20" s="296"/>
      <c r="BL20" s="296"/>
      <c r="BM20" s="296"/>
      <c r="BN20" s="296"/>
      <c r="BO20" s="132"/>
      <c r="BP20" s="84"/>
      <c r="BQ20" s="82"/>
      <c r="BR20" s="148"/>
      <c r="BS20" s="148"/>
      <c r="BT20" s="148"/>
    </row>
    <row r="21" spans="1:72" ht="5.25" customHeight="1">
      <c r="A21" s="113"/>
      <c r="B21" s="113"/>
      <c r="D21" s="927">
        <v>3</v>
      </c>
      <c r="E21" s="928"/>
      <c r="F21" s="999"/>
      <c r="G21" s="1000"/>
      <c r="H21" s="1000"/>
      <c r="I21" s="1000"/>
      <c r="J21" s="1000"/>
      <c r="K21" s="1001"/>
      <c r="L21" s="942"/>
      <c r="M21" s="943"/>
      <c r="N21" s="944"/>
      <c r="O21" s="942"/>
      <c r="P21" s="943"/>
      <c r="Q21" s="943"/>
      <c r="R21" s="943"/>
      <c r="S21" s="943"/>
      <c r="T21" s="943"/>
      <c r="U21" s="943"/>
      <c r="V21" s="943"/>
      <c r="W21" s="1008"/>
      <c r="X21" s="84"/>
      <c r="Y21" s="320"/>
      <c r="Z21" s="146"/>
      <c r="AA21" s="146"/>
      <c r="AB21" s="146"/>
      <c r="AC21" s="145"/>
      <c r="AD21" s="127"/>
      <c r="AE21" s="126"/>
      <c r="AF21" s="126"/>
      <c r="AG21" s="126"/>
      <c r="AH21" s="126"/>
      <c r="AI21" s="126"/>
      <c r="AJ21" s="126"/>
      <c r="AK21" s="126"/>
      <c r="AL21" s="126"/>
      <c r="AM21" s="126"/>
      <c r="AN21" s="137"/>
      <c r="AO21" s="292"/>
      <c r="AP21" s="293"/>
      <c r="AQ21" s="293"/>
      <c r="AR21" s="293"/>
      <c r="AS21" s="293"/>
      <c r="AT21" s="293"/>
      <c r="AU21" s="293"/>
      <c r="AV21" s="293"/>
      <c r="AW21" s="294"/>
      <c r="AX21" s="292"/>
      <c r="AY21" s="293"/>
      <c r="AZ21" s="293"/>
      <c r="BA21" s="293"/>
      <c r="BB21" s="293"/>
      <c r="BC21" s="293"/>
      <c r="BD21" s="293"/>
      <c r="BE21" s="293"/>
      <c r="BF21" s="294"/>
      <c r="BG21" s="292"/>
      <c r="BH21" s="293"/>
      <c r="BI21" s="293"/>
      <c r="BJ21" s="293"/>
      <c r="BK21" s="293"/>
      <c r="BL21" s="293"/>
      <c r="BM21" s="293"/>
      <c r="BN21" s="293"/>
      <c r="BO21" s="337"/>
      <c r="BP21" s="84"/>
      <c r="BQ21" s="82"/>
      <c r="BR21" s="148"/>
      <c r="BS21" s="148"/>
      <c r="BT21" s="148"/>
    </row>
    <row r="22" spans="1:72" ht="5.25" customHeight="1">
      <c r="A22" s="113"/>
      <c r="B22" s="113"/>
      <c r="D22" s="929"/>
      <c r="E22" s="930"/>
      <c r="F22" s="1002"/>
      <c r="G22" s="1003"/>
      <c r="H22" s="1003"/>
      <c r="I22" s="1003"/>
      <c r="J22" s="1003"/>
      <c r="K22" s="1004"/>
      <c r="L22" s="945"/>
      <c r="M22" s="946"/>
      <c r="N22" s="947"/>
      <c r="O22" s="945"/>
      <c r="P22" s="946"/>
      <c r="Q22" s="946"/>
      <c r="R22" s="946"/>
      <c r="S22" s="946"/>
      <c r="T22" s="946"/>
      <c r="U22" s="946"/>
      <c r="V22" s="946"/>
      <c r="W22" s="1009"/>
      <c r="X22" s="84"/>
      <c r="Y22" s="320"/>
      <c r="Z22" s="146"/>
      <c r="AA22" s="146"/>
      <c r="AB22" s="146"/>
      <c r="AC22" s="145"/>
      <c r="AD22" s="127"/>
      <c r="AE22" s="126"/>
      <c r="AF22" s="126"/>
      <c r="AG22" s="126"/>
      <c r="AH22" s="126"/>
      <c r="AI22" s="126"/>
      <c r="AJ22" s="126"/>
      <c r="AK22" s="126"/>
      <c r="AL22" s="126"/>
      <c r="AM22" s="126"/>
      <c r="AN22" s="137"/>
      <c r="AO22" s="292"/>
      <c r="AP22" s="293"/>
      <c r="AQ22" s="293"/>
      <c r="AR22" s="293"/>
      <c r="AS22" s="293"/>
      <c r="AT22" s="293"/>
      <c r="AU22" s="293"/>
      <c r="AV22" s="293"/>
      <c r="AW22" s="294"/>
      <c r="AX22" s="292"/>
      <c r="AY22" s="293"/>
      <c r="AZ22" s="293"/>
      <c r="BA22" s="293"/>
      <c r="BB22" s="293"/>
      <c r="BC22" s="293"/>
      <c r="BD22" s="293"/>
      <c r="BE22" s="293"/>
      <c r="BF22" s="294"/>
      <c r="BG22" s="292"/>
      <c r="BH22" s="293"/>
      <c r="BI22" s="293"/>
      <c r="BJ22" s="293"/>
      <c r="BK22" s="293"/>
      <c r="BL22" s="293"/>
      <c r="BM22" s="293"/>
      <c r="BN22" s="293"/>
      <c r="BO22" s="337"/>
      <c r="BP22" s="84"/>
      <c r="BQ22" s="82"/>
      <c r="BR22" s="148"/>
      <c r="BS22" s="148"/>
      <c r="BT22" s="148"/>
    </row>
    <row r="23" spans="1:72" ht="5.25" customHeight="1">
      <c r="A23" s="113"/>
      <c r="B23" s="113"/>
      <c r="D23" s="929"/>
      <c r="E23" s="930"/>
      <c r="F23" s="1002"/>
      <c r="G23" s="1003"/>
      <c r="H23" s="1003"/>
      <c r="I23" s="1003"/>
      <c r="J23" s="1003"/>
      <c r="K23" s="1004"/>
      <c r="L23" s="945"/>
      <c r="M23" s="946"/>
      <c r="N23" s="947"/>
      <c r="O23" s="945"/>
      <c r="P23" s="946"/>
      <c r="Q23" s="946"/>
      <c r="R23" s="946"/>
      <c r="S23" s="946"/>
      <c r="T23" s="946"/>
      <c r="U23" s="946"/>
      <c r="V23" s="946"/>
      <c r="W23" s="1009"/>
      <c r="X23" s="84"/>
      <c r="Y23" s="152"/>
      <c r="Z23" s="146"/>
      <c r="AA23" s="146"/>
      <c r="AB23" s="146"/>
      <c r="AC23" s="145"/>
      <c r="AD23" s="127"/>
      <c r="AE23" s="126"/>
      <c r="AF23" s="126"/>
      <c r="AG23" s="126"/>
      <c r="AH23" s="126"/>
      <c r="AI23" s="126"/>
      <c r="AJ23" s="126"/>
      <c r="AK23" s="126"/>
      <c r="AL23" s="126"/>
      <c r="AM23" s="126"/>
      <c r="AN23" s="137"/>
      <c r="AO23" s="292"/>
      <c r="AP23" s="293"/>
      <c r="AQ23" s="293"/>
      <c r="AR23" s="293"/>
      <c r="AS23" s="293"/>
      <c r="AT23" s="293"/>
      <c r="AU23" s="293"/>
      <c r="AV23" s="293"/>
      <c r="AW23" s="294"/>
      <c r="AX23" s="292"/>
      <c r="AY23" s="293"/>
      <c r="AZ23" s="293"/>
      <c r="BA23" s="293"/>
      <c r="BB23" s="293"/>
      <c r="BC23" s="293"/>
      <c r="BD23" s="293"/>
      <c r="BE23" s="293"/>
      <c r="BF23" s="294"/>
      <c r="BG23" s="292"/>
      <c r="BH23" s="293"/>
      <c r="BI23" s="293"/>
      <c r="BJ23" s="293"/>
      <c r="BK23" s="293"/>
      <c r="BL23" s="293"/>
      <c r="BM23" s="293"/>
      <c r="BN23" s="293"/>
      <c r="BO23" s="337"/>
      <c r="BP23" s="84"/>
      <c r="BQ23" s="82"/>
      <c r="BR23" s="148"/>
      <c r="BS23" s="148"/>
      <c r="BT23" s="148"/>
    </row>
    <row r="24" spans="1:72" ht="5.25" customHeight="1">
      <c r="A24" s="113"/>
      <c r="B24" s="113"/>
      <c r="D24" s="931"/>
      <c r="E24" s="932"/>
      <c r="F24" s="1005"/>
      <c r="G24" s="1006"/>
      <c r="H24" s="1006"/>
      <c r="I24" s="1006"/>
      <c r="J24" s="1006"/>
      <c r="K24" s="1007"/>
      <c r="L24" s="948"/>
      <c r="M24" s="949"/>
      <c r="N24" s="950"/>
      <c r="O24" s="948"/>
      <c r="P24" s="949"/>
      <c r="Q24" s="949"/>
      <c r="R24" s="949"/>
      <c r="S24" s="949"/>
      <c r="T24" s="949"/>
      <c r="U24" s="949"/>
      <c r="V24" s="949"/>
      <c r="W24" s="1010"/>
      <c r="X24" s="84"/>
      <c r="Y24" s="320"/>
      <c r="Z24" s="146"/>
      <c r="AA24" s="146"/>
      <c r="AB24" s="146"/>
      <c r="AC24" s="145"/>
      <c r="AD24" s="127"/>
      <c r="AE24" s="126"/>
      <c r="AF24" s="126"/>
      <c r="AG24" s="126"/>
      <c r="AH24" s="126"/>
      <c r="AI24" s="126"/>
      <c r="AJ24" s="126"/>
      <c r="AK24" s="126"/>
      <c r="AL24" s="126"/>
      <c r="AM24" s="126"/>
      <c r="AN24" s="137"/>
      <c r="AO24" s="292"/>
      <c r="AP24" s="293"/>
      <c r="AQ24" s="293"/>
      <c r="AR24" s="293"/>
      <c r="AS24" s="293"/>
      <c r="AT24" s="293"/>
      <c r="AU24" s="293"/>
      <c r="AV24" s="293"/>
      <c r="AW24" s="294"/>
      <c r="AX24" s="292"/>
      <c r="AY24" s="293"/>
      <c r="AZ24" s="293"/>
      <c r="BA24" s="293"/>
      <c r="BB24" s="293"/>
      <c r="BC24" s="293"/>
      <c r="BD24" s="293"/>
      <c r="BE24" s="293"/>
      <c r="BF24" s="294"/>
      <c r="BG24" s="292"/>
      <c r="BH24" s="293"/>
      <c r="BI24" s="293"/>
      <c r="BJ24" s="293"/>
      <c r="BK24" s="293"/>
      <c r="BL24" s="293"/>
      <c r="BM24" s="293"/>
      <c r="BN24" s="293"/>
      <c r="BO24" s="337"/>
      <c r="BP24" s="84"/>
      <c r="BQ24" s="82"/>
      <c r="BR24" s="148"/>
      <c r="BS24" s="148"/>
      <c r="BT24" s="148"/>
    </row>
    <row r="25" spans="1:72" ht="5.25" customHeight="1">
      <c r="A25" s="113"/>
      <c r="B25" s="113"/>
      <c r="D25" s="927">
        <v>4</v>
      </c>
      <c r="E25" s="928"/>
      <c r="F25" s="999"/>
      <c r="G25" s="1000"/>
      <c r="H25" s="1000"/>
      <c r="I25" s="1000"/>
      <c r="J25" s="1000"/>
      <c r="K25" s="1001"/>
      <c r="L25" s="942"/>
      <c r="M25" s="943"/>
      <c r="N25" s="944"/>
      <c r="O25" s="942"/>
      <c r="P25" s="943"/>
      <c r="Q25" s="943"/>
      <c r="R25" s="943"/>
      <c r="S25" s="943"/>
      <c r="T25" s="943"/>
      <c r="U25" s="943"/>
      <c r="V25" s="943"/>
      <c r="W25" s="1008"/>
      <c r="X25" s="84"/>
      <c r="Y25" s="151"/>
      <c r="Z25" s="325"/>
      <c r="AA25" s="325"/>
      <c r="AB25" s="325"/>
      <c r="AC25" s="147"/>
      <c r="AD25" s="130"/>
      <c r="AE25" s="129"/>
      <c r="AF25" s="129"/>
      <c r="AG25" s="129"/>
      <c r="AH25" s="129"/>
      <c r="AI25" s="129"/>
      <c r="AJ25" s="129"/>
      <c r="AK25" s="129"/>
      <c r="AL25" s="129"/>
      <c r="AM25" s="129"/>
      <c r="AN25" s="138"/>
      <c r="AO25" s="289"/>
      <c r="AP25" s="290"/>
      <c r="AQ25" s="290"/>
      <c r="AR25" s="290"/>
      <c r="AS25" s="290"/>
      <c r="AT25" s="290"/>
      <c r="AU25" s="290"/>
      <c r="AV25" s="290"/>
      <c r="AW25" s="291"/>
      <c r="AX25" s="289"/>
      <c r="AY25" s="290"/>
      <c r="AZ25" s="290"/>
      <c r="BA25" s="290"/>
      <c r="BB25" s="290"/>
      <c r="BC25" s="290"/>
      <c r="BD25" s="290"/>
      <c r="BE25" s="290"/>
      <c r="BF25" s="291"/>
      <c r="BG25" s="289"/>
      <c r="BH25" s="290"/>
      <c r="BI25" s="290"/>
      <c r="BJ25" s="290"/>
      <c r="BK25" s="290"/>
      <c r="BL25" s="290"/>
      <c r="BM25" s="290"/>
      <c r="BN25" s="290"/>
      <c r="BO25" s="336"/>
      <c r="BP25" s="84"/>
      <c r="BQ25" s="82"/>
      <c r="BR25" s="148"/>
      <c r="BS25" s="148"/>
      <c r="BT25" s="148"/>
    </row>
    <row r="26" spans="1:72" ht="5.25" customHeight="1">
      <c r="A26" s="113"/>
      <c r="B26" s="113"/>
      <c r="D26" s="929"/>
      <c r="E26" s="930"/>
      <c r="F26" s="1002"/>
      <c r="G26" s="1003"/>
      <c r="H26" s="1003"/>
      <c r="I26" s="1003"/>
      <c r="J26" s="1003"/>
      <c r="K26" s="1004"/>
      <c r="L26" s="945"/>
      <c r="M26" s="946"/>
      <c r="N26" s="947"/>
      <c r="O26" s="945"/>
      <c r="P26" s="946"/>
      <c r="Q26" s="946"/>
      <c r="R26" s="946"/>
      <c r="S26" s="946"/>
      <c r="T26" s="946"/>
      <c r="U26" s="946"/>
      <c r="V26" s="946"/>
      <c r="W26" s="1009"/>
      <c r="X26" s="84"/>
      <c r="Y26" s="320"/>
      <c r="Z26" s="146"/>
      <c r="AA26" s="146"/>
      <c r="AB26" s="146"/>
      <c r="AC26" s="145"/>
      <c r="AD26" s="127"/>
      <c r="AE26" s="126"/>
      <c r="AF26" s="126"/>
      <c r="AG26" s="126"/>
      <c r="AH26" s="126"/>
      <c r="AI26" s="126"/>
      <c r="AJ26" s="126"/>
      <c r="AK26" s="126"/>
      <c r="AL26" s="126"/>
      <c r="AM26" s="126"/>
      <c r="AN26" s="137"/>
      <c r="AO26" s="292"/>
      <c r="AP26" s="293"/>
      <c r="AQ26" s="293"/>
      <c r="AR26" s="293"/>
      <c r="AS26" s="293"/>
      <c r="AT26" s="293"/>
      <c r="AU26" s="293"/>
      <c r="AV26" s="293"/>
      <c r="AW26" s="294"/>
      <c r="AX26" s="292"/>
      <c r="AY26" s="293"/>
      <c r="AZ26" s="293"/>
      <c r="BA26" s="293"/>
      <c r="BB26" s="293"/>
      <c r="BC26" s="293"/>
      <c r="BD26" s="293"/>
      <c r="BE26" s="293"/>
      <c r="BF26" s="294"/>
      <c r="BG26" s="292"/>
      <c r="BH26" s="293"/>
      <c r="BI26" s="293"/>
      <c r="BJ26" s="293"/>
      <c r="BK26" s="293"/>
      <c r="BL26" s="293"/>
      <c r="BM26" s="293"/>
      <c r="BN26" s="293"/>
      <c r="BO26" s="337"/>
      <c r="BP26" s="84"/>
      <c r="BQ26" s="82"/>
      <c r="BR26" s="148"/>
      <c r="BS26" s="148"/>
      <c r="BT26" s="148"/>
    </row>
    <row r="27" spans="1:72" ht="5.25" customHeight="1">
      <c r="A27" s="113"/>
      <c r="B27" s="113"/>
      <c r="D27" s="929"/>
      <c r="E27" s="930"/>
      <c r="F27" s="1002"/>
      <c r="G27" s="1003"/>
      <c r="H27" s="1003"/>
      <c r="I27" s="1003"/>
      <c r="J27" s="1003"/>
      <c r="K27" s="1004"/>
      <c r="L27" s="945"/>
      <c r="M27" s="946"/>
      <c r="N27" s="947"/>
      <c r="O27" s="945"/>
      <c r="P27" s="946"/>
      <c r="Q27" s="946"/>
      <c r="R27" s="946"/>
      <c r="S27" s="946"/>
      <c r="T27" s="946"/>
      <c r="U27" s="946"/>
      <c r="V27" s="946"/>
      <c r="W27" s="1009"/>
      <c r="X27" s="84"/>
      <c r="Y27" s="320"/>
      <c r="Z27" s="146"/>
      <c r="AA27" s="146"/>
      <c r="AB27" s="146"/>
      <c r="AC27" s="145"/>
      <c r="AD27" s="127"/>
      <c r="AE27" s="126"/>
      <c r="AF27" s="126"/>
      <c r="AG27" s="126"/>
      <c r="AH27" s="126"/>
      <c r="AI27" s="126"/>
      <c r="AJ27" s="126"/>
      <c r="AK27" s="126"/>
      <c r="AL27" s="126"/>
      <c r="AM27" s="126"/>
      <c r="AN27" s="137"/>
      <c r="AO27" s="292"/>
      <c r="AP27" s="293"/>
      <c r="AQ27" s="293"/>
      <c r="AR27" s="293"/>
      <c r="AS27" s="293"/>
      <c r="AT27" s="293"/>
      <c r="AU27" s="293"/>
      <c r="AV27" s="293"/>
      <c r="AW27" s="294"/>
      <c r="AX27" s="292"/>
      <c r="AY27" s="293"/>
      <c r="AZ27" s="293"/>
      <c r="BA27" s="293"/>
      <c r="BB27" s="293"/>
      <c r="BC27" s="293"/>
      <c r="BD27" s="293"/>
      <c r="BE27" s="293"/>
      <c r="BF27" s="294"/>
      <c r="BG27" s="292"/>
      <c r="BH27" s="293"/>
      <c r="BI27" s="293"/>
      <c r="BJ27" s="293"/>
      <c r="BK27" s="293"/>
      <c r="BL27" s="293"/>
      <c r="BM27" s="293"/>
      <c r="BN27" s="293"/>
      <c r="BO27" s="337"/>
      <c r="BP27" s="84"/>
      <c r="BQ27" s="82"/>
      <c r="BR27" s="148"/>
      <c r="BS27" s="148"/>
      <c r="BT27" s="148"/>
    </row>
    <row r="28" spans="1:72" ht="5.25" customHeight="1">
      <c r="A28" s="113"/>
      <c r="B28" s="113"/>
      <c r="D28" s="931"/>
      <c r="E28" s="932"/>
      <c r="F28" s="1005"/>
      <c r="G28" s="1006"/>
      <c r="H28" s="1006"/>
      <c r="I28" s="1006"/>
      <c r="J28" s="1006"/>
      <c r="K28" s="1007"/>
      <c r="L28" s="948"/>
      <c r="M28" s="949"/>
      <c r="N28" s="950"/>
      <c r="O28" s="948"/>
      <c r="P28" s="949"/>
      <c r="Q28" s="949"/>
      <c r="R28" s="949"/>
      <c r="S28" s="949"/>
      <c r="T28" s="949"/>
      <c r="U28" s="949"/>
      <c r="V28" s="949"/>
      <c r="W28" s="1010"/>
      <c r="X28" s="84"/>
      <c r="Y28" s="150"/>
      <c r="Z28" s="323"/>
      <c r="AA28" s="323"/>
      <c r="AB28" s="323"/>
      <c r="AC28" s="149"/>
      <c r="AD28" s="135"/>
      <c r="AE28" s="134"/>
      <c r="AF28" s="134"/>
      <c r="AG28" s="134"/>
      <c r="AH28" s="134"/>
      <c r="AI28" s="134"/>
      <c r="AJ28" s="134"/>
      <c r="AK28" s="134"/>
      <c r="AL28" s="134"/>
      <c r="AM28" s="134"/>
      <c r="AN28" s="133"/>
      <c r="AO28" s="295"/>
      <c r="AP28" s="296"/>
      <c r="AQ28" s="296"/>
      <c r="AR28" s="296"/>
      <c r="AS28" s="296"/>
      <c r="AT28" s="296"/>
      <c r="AU28" s="296"/>
      <c r="AV28" s="296"/>
      <c r="AW28" s="297"/>
      <c r="AX28" s="295"/>
      <c r="AY28" s="296"/>
      <c r="AZ28" s="296"/>
      <c r="BA28" s="296"/>
      <c r="BB28" s="296"/>
      <c r="BC28" s="296"/>
      <c r="BD28" s="296"/>
      <c r="BE28" s="296"/>
      <c r="BF28" s="297"/>
      <c r="BG28" s="295"/>
      <c r="BH28" s="296"/>
      <c r="BI28" s="296"/>
      <c r="BJ28" s="296"/>
      <c r="BK28" s="296"/>
      <c r="BL28" s="296"/>
      <c r="BM28" s="296"/>
      <c r="BN28" s="296"/>
      <c r="BO28" s="132"/>
      <c r="BP28" s="84"/>
      <c r="BQ28" s="82"/>
      <c r="BR28" s="148"/>
      <c r="BS28" s="148"/>
      <c r="BT28" s="148"/>
    </row>
    <row r="29" spans="1:72" ht="5.25" customHeight="1">
      <c r="A29" s="113"/>
      <c r="B29" s="113"/>
      <c r="D29" s="927">
        <v>5</v>
      </c>
      <c r="E29" s="928"/>
      <c r="F29" s="999"/>
      <c r="G29" s="1000"/>
      <c r="H29" s="1000"/>
      <c r="I29" s="1000"/>
      <c r="J29" s="1000"/>
      <c r="K29" s="1001"/>
      <c r="L29" s="942"/>
      <c r="M29" s="943"/>
      <c r="N29" s="944"/>
      <c r="O29" s="942"/>
      <c r="P29" s="943"/>
      <c r="Q29" s="943"/>
      <c r="R29" s="943"/>
      <c r="S29" s="943"/>
      <c r="T29" s="943"/>
      <c r="U29" s="943"/>
      <c r="V29" s="943"/>
      <c r="W29" s="1008"/>
      <c r="X29" s="84"/>
      <c r="Y29" s="320"/>
      <c r="Z29" s="146"/>
      <c r="AA29" s="146"/>
      <c r="AB29" s="146"/>
      <c r="AC29" s="145"/>
      <c r="AD29" s="127"/>
      <c r="AE29" s="126"/>
      <c r="AF29" s="126"/>
      <c r="AG29" s="126"/>
      <c r="AH29" s="126"/>
      <c r="AI29" s="126"/>
      <c r="AJ29" s="126"/>
      <c r="AK29" s="126"/>
      <c r="AL29" s="126"/>
      <c r="AM29" s="126"/>
      <c r="AN29" s="137"/>
      <c r="AO29" s="292"/>
      <c r="AP29" s="293"/>
      <c r="AQ29" s="293"/>
      <c r="AR29" s="293"/>
      <c r="AS29" s="293"/>
      <c r="AT29" s="293"/>
      <c r="AU29" s="293"/>
      <c r="AV29" s="293"/>
      <c r="AW29" s="294"/>
      <c r="AX29" s="292"/>
      <c r="AY29" s="293"/>
      <c r="AZ29" s="293"/>
      <c r="BA29" s="293"/>
      <c r="BB29" s="293"/>
      <c r="BC29" s="293"/>
      <c r="BD29" s="293"/>
      <c r="BE29" s="293"/>
      <c r="BF29" s="294"/>
      <c r="BG29" s="292"/>
      <c r="BH29" s="293"/>
      <c r="BI29" s="293"/>
      <c r="BJ29" s="293"/>
      <c r="BK29" s="293"/>
      <c r="BL29" s="293"/>
      <c r="BM29" s="293"/>
      <c r="BN29" s="293"/>
      <c r="BO29" s="337"/>
      <c r="BP29" s="84"/>
      <c r="BQ29" s="82"/>
      <c r="BR29" s="148"/>
      <c r="BS29" s="148"/>
      <c r="BT29" s="148"/>
    </row>
    <row r="30" spans="1:72" ht="5.25" customHeight="1">
      <c r="A30" s="113"/>
      <c r="B30" s="113"/>
      <c r="D30" s="929"/>
      <c r="E30" s="930"/>
      <c r="F30" s="1002"/>
      <c r="G30" s="1003"/>
      <c r="H30" s="1003"/>
      <c r="I30" s="1003"/>
      <c r="J30" s="1003"/>
      <c r="K30" s="1004"/>
      <c r="L30" s="945"/>
      <c r="M30" s="946"/>
      <c r="N30" s="947"/>
      <c r="O30" s="945"/>
      <c r="P30" s="946"/>
      <c r="Q30" s="946"/>
      <c r="R30" s="946"/>
      <c r="S30" s="946"/>
      <c r="T30" s="946"/>
      <c r="U30" s="946"/>
      <c r="V30" s="946"/>
      <c r="W30" s="1009"/>
      <c r="X30" s="84"/>
      <c r="Y30" s="320"/>
      <c r="Z30" s="146"/>
      <c r="AA30" s="146"/>
      <c r="AB30" s="146"/>
      <c r="AC30" s="145"/>
      <c r="AD30" s="127"/>
      <c r="AE30" s="126"/>
      <c r="AF30" s="126"/>
      <c r="AG30" s="126"/>
      <c r="AH30" s="126"/>
      <c r="AI30" s="126"/>
      <c r="AJ30" s="126"/>
      <c r="AK30" s="126"/>
      <c r="AL30" s="126"/>
      <c r="AM30" s="126"/>
      <c r="AN30" s="137"/>
      <c r="AO30" s="292"/>
      <c r="AP30" s="293"/>
      <c r="AQ30" s="293"/>
      <c r="AR30" s="293"/>
      <c r="AS30" s="293"/>
      <c r="AT30" s="293"/>
      <c r="AU30" s="293"/>
      <c r="AV30" s="293"/>
      <c r="AW30" s="294"/>
      <c r="AX30" s="292"/>
      <c r="AY30" s="293"/>
      <c r="AZ30" s="293"/>
      <c r="BA30" s="293"/>
      <c r="BB30" s="293"/>
      <c r="BC30" s="293"/>
      <c r="BD30" s="293"/>
      <c r="BE30" s="293"/>
      <c r="BF30" s="294"/>
      <c r="BG30" s="292"/>
      <c r="BH30" s="293"/>
      <c r="BI30" s="293"/>
      <c r="BJ30" s="293"/>
      <c r="BK30" s="293"/>
      <c r="BL30" s="293"/>
      <c r="BM30" s="293"/>
      <c r="BN30" s="293"/>
      <c r="BO30" s="337"/>
      <c r="BP30" s="84"/>
      <c r="BQ30" s="82"/>
      <c r="BR30" s="82"/>
      <c r="BS30" s="82"/>
      <c r="BT30" s="116"/>
    </row>
    <row r="31" spans="1:72" ht="5.25" customHeight="1">
      <c r="A31" s="113"/>
      <c r="B31" s="113"/>
      <c r="D31" s="929"/>
      <c r="E31" s="930"/>
      <c r="F31" s="1002"/>
      <c r="G31" s="1003"/>
      <c r="H31" s="1003"/>
      <c r="I31" s="1003"/>
      <c r="J31" s="1003"/>
      <c r="K31" s="1004"/>
      <c r="L31" s="945"/>
      <c r="M31" s="946"/>
      <c r="N31" s="947"/>
      <c r="O31" s="945"/>
      <c r="P31" s="946"/>
      <c r="Q31" s="946"/>
      <c r="R31" s="946"/>
      <c r="S31" s="946"/>
      <c r="T31" s="946"/>
      <c r="U31" s="946"/>
      <c r="V31" s="946"/>
      <c r="W31" s="1009"/>
      <c r="X31" s="84"/>
      <c r="Y31" s="320"/>
      <c r="Z31" s="146"/>
      <c r="AA31" s="146"/>
      <c r="AB31" s="146"/>
      <c r="AC31" s="145"/>
      <c r="AD31" s="127"/>
      <c r="AE31" s="126"/>
      <c r="AF31" s="126"/>
      <c r="AG31" s="126"/>
      <c r="AH31" s="126"/>
      <c r="AI31" s="126"/>
      <c r="AJ31" s="126"/>
      <c r="AK31" s="126"/>
      <c r="AL31" s="126"/>
      <c r="AM31" s="126"/>
      <c r="AN31" s="137"/>
      <c r="AO31" s="292"/>
      <c r="AP31" s="293"/>
      <c r="AQ31" s="293"/>
      <c r="AR31" s="293"/>
      <c r="AS31" s="293"/>
      <c r="AT31" s="293"/>
      <c r="AU31" s="293"/>
      <c r="AV31" s="293"/>
      <c r="AW31" s="294"/>
      <c r="AX31" s="292"/>
      <c r="AY31" s="293"/>
      <c r="AZ31" s="293"/>
      <c r="BA31" s="293"/>
      <c r="BB31" s="293"/>
      <c r="BC31" s="293"/>
      <c r="BD31" s="293"/>
      <c r="BE31" s="293"/>
      <c r="BF31" s="294"/>
      <c r="BG31" s="292"/>
      <c r="BH31" s="293"/>
      <c r="BI31" s="293"/>
      <c r="BJ31" s="293"/>
      <c r="BK31" s="293"/>
      <c r="BL31" s="293"/>
      <c r="BM31" s="293"/>
      <c r="BN31" s="293"/>
      <c r="BO31" s="337"/>
      <c r="BP31" s="84"/>
      <c r="BQ31" s="82"/>
      <c r="BR31" s="82"/>
      <c r="BS31" s="82"/>
      <c r="BT31" s="116"/>
    </row>
    <row r="32" spans="1:72" ht="5.25" customHeight="1">
      <c r="A32" s="113"/>
      <c r="B32" s="113"/>
      <c r="D32" s="931"/>
      <c r="E32" s="932"/>
      <c r="F32" s="1005"/>
      <c r="G32" s="1006"/>
      <c r="H32" s="1006"/>
      <c r="I32" s="1006"/>
      <c r="J32" s="1006"/>
      <c r="K32" s="1007"/>
      <c r="L32" s="948"/>
      <c r="M32" s="949"/>
      <c r="N32" s="950"/>
      <c r="O32" s="948"/>
      <c r="P32" s="949"/>
      <c r="Q32" s="949"/>
      <c r="R32" s="949"/>
      <c r="S32" s="949"/>
      <c r="T32" s="949"/>
      <c r="U32" s="949"/>
      <c r="V32" s="949"/>
      <c r="W32" s="1010"/>
      <c r="X32" s="84"/>
      <c r="Y32" s="320"/>
      <c r="Z32" s="146"/>
      <c r="AA32" s="146"/>
      <c r="AB32" s="146"/>
      <c r="AC32" s="145"/>
      <c r="AD32" s="127"/>
      <c r="AE32" s="126"/>
      <c r="AF32" s="126"/>
      <c r="AG32" s="126"/>
      <c r="AH32" s="126"/>
      <c r="AI32" s="126"/>
      <c r="AJ32" s="126"/>
      <c r="AK32" s="126"/>
      <c r="AL32" s="126"/>
      <c r="AM32" s="126"/>
      <c r="AN32" s="137"/>
      <c r="AO32" s="292"/>
      <c r="AP32" s="293"/>
      <c r="AQ32" s="293"/>
      <c r="AR32" s="293"/>
      <c r="AS32" s="293"/>
      <c r="AT32" s="293"/>
      <c r="AU32" s="293"/>
      <c r="AV32" s="293"/>
      <c r="AW32" s="294"/>
      <c r="AX32" s="292"/>
      <c r="AY32" s="293"/>
      <c r="AZ32" s="293"/>
      <c r="BA32" s="293"/>
      <c r="BB32" s="293"/>
      <c r="BC32" s="293"/>
      <c r="BD32" s="293"/>
      <c r="BE32" s="293"/>
      <c r="BF32" s="294"/>
      <c r="BG32" s="292"/>
      <c r="BH32" s="293"/>
      <c r="BI32" s="293"/>
      <c r="BJ32" s="293"/>
      <c r="BK32" s="293"/>
      <c r="BL32" s="293"/>
      <c r="BM32" s="293"/>
      <c r="BN32" s="293"/>
      <c r="BO32" s="337"/>
      <c r="BP32" s="84"/>
      <c r="BQ32" s="82"/>
      <c r="BR32" s="82"/>
      <c r="BS32" s="82"/>
      <c r="BT32" s="116"/>
    </row>
    <row r="33" spans="1:72" ht="5.25" customHeight="1">
      <c r="A33" s="113"/>
      <c r="B33" s="113"/>
      <c r="D33" s="927">
        <v>6</v>
      </c>
      <c r="E33" s="928"/>
      <c r="F33" s="999"/>
      <c r="G33" s="1000"/>
      <c r="H33" s="1000"/>
      <c r="I33" s="1000"/>
      <c r="J33" s="1000"/>
      <c r="K33" s="1001"/>
      <c r="L33" s="942"/>
      <c r="M33" s="943"/>
      <c r="N33" s="944"/>
      <c r="O33" s="942"/>
      <c r="P33" s="943"/>
      <c r="Q33" s="943"/>
      <c r="R33" s="943"/>
      <c r="S33" s="943"/>
      <c r="T33" s="943"/>
      <c r="U33" s="943"/>
      <c r="V33" s="943"/>
      <c r="W33" s="1008"/>
      <c r="X33" s="84"/>
      <c r="Y33" s="301"/>
      <c r="Z33" s="325"/>
      <c r="AA33" s="325"/>
      <c r="AB33" s="325"/>
      <c r="AC33" s="147"/>
      <c r="AD33" s="130"/>
      <c r="AE33" s="129"/>
      <c r="AF33" s="129"/>
      <c r="AG33" s="129"/>
      <c r="AH33" s="129"/>
      <c r="AI33" s="129"/>
      <c r="AJ33" s="129"/>
      <c r="AK33" s="129"/>
      <c r="AL33" s="129"/>
      <c r="AM33" s="129"/>
      <c r="AN33" s="138"/>
      <c r="AO33" s="289"/>
      <c r="AP33" s="290"/>
      <c r="AQ33" s="290"/>
      <c r="AR33" s="290"/>
      <c r="AS33" s="290"/>
      <c r="AT33" s="290"/>
      <c r="AU33" s="290"/>
      <c r="AV33" s="290"/>
      <c r="AW33" s="291"/>
      <c r="AX33" s="289"/>
      <c r="AY33" s="290"/>
      <c r="AZ33" s="290"/>
      <c r="BA33" s="290"/>
      <c r="BB33" s="290"/>
      <c r="BC33" s="290"/>
      <c r="BD33" s="290"/>
      <c r="BE33" s="290"/>
      <c r="BF33" s="291"/>
      <c r="BG33" s="289"/>
      <c r="BH33" s="290"/>
      <c r="BI33" s="290"/>
      <c r="BJ33" s="290"/>
      <c r="BK33" s="290"/>
      <c r="BL33" s="290"/>
      <c r="BM33" s="290"/>
      <c r="BN33" s="290"/>
      <c r="BO33" s="336"/>
      <c r="BP33" s="293"/>
      <c r="BQ33" s="293"/>
      <c r="BR33" s="293"/>
      <c r="BS33" s="82"/>
      <c r="BT33" s="116"/>
    </row>
    <row r="34" spans="1:72" ht="5.25" customHeight="1">
      <c r="A34" s="113"/>
      <c r="B34" s="113"/>
      <c r="D34" s="929"/>
      <c r="E34" s="930"/>
      <c r="F34" s="1002"/>
      <c r="G34" s="1003"/>
      <c r="H34" s="1003"/>
      <c r="I34" s="1003"/>
      <c r="J34" s="1003"/>
      <c r="K34" s="1004"/>
      <c r="L34" s="945"/>
      <c r="M34" s="946"/>
      <c r="N34" s="947"/>
      <c r="O34" s="945"/>
      <c r="P34" s="946"/>
      <c r="Q34" s="946"/>
      <c r="R34" s="946"/>
      <c r="S34" s="946"/>
      <c r="T34" s="946"/>
      <c r="U34" s="946"/>
      <c r="V34" s="946"/>
      <c r="W34" s="1009"/>
      <c r="X34" s="84"/>
      <c r="Y34" s="320"/>
      <c r="Z34" s="146"/>
      <c r="AA34" s="146"/>
      <c r="AB34" s="146"/>
      <c r="AC34" s="145"/>
      <c r="AD34" s="127"/>
      <c r="AE34" s="126"/>
      <c r="AF34" s="126"/>
      <c r="AG34" s="126"/>
      <c r="AH34" s="126"/>
      <c r="AI34" s="126"/>
      <c r="AJ34" s="126"/>
      <c r="AK34" s="126"/>
      <c r="AL34" s="126"/>
      <c r="AM34" s="126"/>
      <c r="AN34" s="137"/>
      <c r="AO34" s="292"/>
      <c r="AP34" s="293"/>
      <c r="AQ34" s="293"/>
      <c r="AR34" s="293"/>
      <c r="AS34" s="293"/>
      <c r="AT34" s="293"/>
      <c r="AU34" s="293"/>
      <c r="AV34" s="293"/>
      <c r="AW34" s="294"/>
      <c r="AX34" s="292"/>
      <c r="AY34" s="293"/>
      <c r="AZ34" s="293"/>
      <c r="BA34" s="293"/>
      <c r="BB34" s="293"/>
      <c r="BC34" s="293"/>
      <c r="BD34" s="293"/>
      <c r="BE34" s="293"/>
      <c r="BF34" s="294"/>
      <c r="BG34" s="292"/>
      <c r="BH34" s="293"/>
      <c r="BI34" s="293"/>
      <c r="BJ34" s="293"/>
      <c r="BK34" s="293"/>
      <c r="BL34" s="293"/>
      <c r="BM34" s="293"/>
      <c r="BN34" s="293"/>
      <c r="BO34" s="337"/>
      <c r="BP34" s="293"/>
      <c r="BQ34" s="293"/>
      <c r="BR34" s="293"/>
      <c r="BS34" s="82"/>
      <c r="BT34" s="116"/>
    </row>
    <row r="35" spans="1:72" ht="5.25" customHeight="1">
      <c r="A35" s="113"/>
      <c r="B35" s="113"/>
      <c r="D35" s="929"/>
      <c r="E35" s="930"/>
      <c r="F35" s="1002"/>
      <c r="G35" s="1003"/>
      <c r="H35" s="1003"/>
      <c r="I35" s="1003"/>
      <c r="J35" s="1003"/>
      <c r="K35" s="1004"/>
      <c r="L35" s="945"/>
      <c r="M35" s="946"/>
      <c r="N35" s="947"/>
      <c r="O35" s="945"/>
      <c r="P35" s="946"/>
      <c r="Q35" s="946"/>
      <c r="R35" s="946"/>
      <c r="S35" s="946"/>
      <c r="T35" s="946"/>
      <c r="U35" s="946"/>
      <c r="V35" s="946"/>
      <c r="W35" s="1009"/>
      <c r="X35" s="84"/>
      <c r="Y35" s="320"/>
      <c r="Z35" s="146"/>
      <c r="AA35" s="146"/>
      <c r="AB35" s="146"/>
      <c r="AC35" s="145"/>
      <c r="AD35" s="127"/>
      <c r="AE35" s="126"/>
      <c r="AF35" s="126"/>
      <c r="AG35" s="126"/>
      <c r="AH35" s="126"/>
      <c r="AI35" s="126"/>
      <c r="AJ35" s="126"/>
      <c r="AK35" s="126"/>
      <c r="AL35" s="126"/>
      <c r="AM35" s="126"/>
      <c r="AN35" s="137"/>
      <c r="AO35" s="292"/>
      <c r="AP35" s="293"/>
      <c r="AQ35" s="293"/>
      <c r="AR35" s="293"/>
      <c r="AS35" s="293"/>
      <c r="AT35" s="293"/>
      <c r="AU35" s="293"/>
      <c r="AV35" s="293"/>
      <c r="AW35" s="294"/>
      <c r="AX35" s="292"/>
      <c r="AY35" s="293"/>
      <c r="AZ35" s="293"/>
      <c r="BA35" s="293"/>
      <c r="BB35" s="293"/>
      <c r="BC35" s="293"/>
      <c r="BD35" s="293"/>
      <c r="BE35" s="293"/>
      <c r="BF35" s="294"/>
      <c r="BG35" s="292"/>
      <c r="BH35" s="293"/>
      <c r="BI35" s="293"/>
      <c r="BJ35" s="293"/>
      <c r="BK35" s="293"/>
      <c r="BL35" s="293"/>
      <c r="BM35" s="293"/>
      <c r="BN35" s="293"/>
      <c r="BO35" s="337"/>
      <c r="BP35" s="293"/>
      <c r="BQ35" s="293"/>
      <c r="BR35" s="293"/>
      <c r="BS35" s="82"/>
      <c r="BT35" s="116"/>
    </row>
    <row r="36" spans="1:72" ht="5.25" customHeight="1">
      <c r="A36" s="113"/>
      <c r="B36" s="113"/>
      <c r="D36" s="931"/>
      <c r="E36" s="932"/>
      <c r="F36" s="1005"/>
      <c r="G36" s="1006"/>
      <c r="H36" s="1006"/>
      <c r="I36" s="1006"/>
      <c r="J36" s="1006"/>
      <c r="K36" s="1007"/>
      <c r="L36" s="948"/>
      <c r="M36" s="949"/>
      <c r="N36" s="950"/>
      <c r="O36" s="948"/>
      <c r="P36" s="949"/>
      <c r="Q36" s="949"/>
      <c r="R36" s="949"/>
      <c r="S36" s="949"/>
      <c r="T36" s="949"/>
      <c r="U36" s="949"/>
      <c r="V36" s="949"/>
      <c r="W36" s="1010"/>
      <c r="X36" s="84"/>
      <c r="Y36" s="332"/>
      <c r="Z36" s="333"/>
      <c r="AA36" s="333"/>
      <c r="AB36" s="333"/>
      <c r="AC36" s="144"/>
      <c r="AD36" s="143"/>
      <c r="AE36" s="142"/>
      <c r="AF36" s="142"/>
      <c r="AG36" s="142"/>
      <c r="AH36" s="142"/>
      <c r="AI36" s="142"/>
      <c r="AJ36" s="142"/>
      <c r="AK36" s="142"/>
      <c r="AL36" s="142"/>
      <c r="AM36" s="142"/>
      <c r="AN36" s="141"/>
      <c r="AO36" s="298"/>
      <c r="AP36" s="299"/>
      <c r="AQ36" s="299"/>
      <c r="AR36" s="299"/>
      <c r="AS36" s="299"/>
      <c r="AT36" s="299"/>
      <c r="AU36" s="299"/>
      <c r="AV36" s="299"/>
      <c r="AW36" s="300"/>
      <c r="AX36" s="298"/>
      <c r="AY36" s="299"/>
      <c r="AZ36" s="299"/>
      <c r="BA36" s="299"/>
      <c r="BB36" s="299"/>
      <c r="BC36" s="299"/>
      <c r="BD36" s="299"/>
      <c r="BE36" s="299"/>
      <c r="BF36" s="300"/>
      <c r="BG36" s="298"/>
      <c r="BH36" s="299"/>
      <c r="BI36" s="299"/>
      <c r="BJ36" s="299"/>
      <c r="BK36" s="299"/>
      <c r="BL36" s="299"/>
      <c r="BM36" s="299"/>
      <c r="BN36" s="299"/>
      <c r="BO36" s="338"/>
      <c r="BP36" s="85"/>
      <c r="BQ36" s="85"/>
      <c r="BR36" s="85"/>
      <c r="BS36" s="82"/>
      <c r="BT36" s="116"/>
    </row>
    <row r="37" spans="1:72" ht="5.25" customHeight="1">
      <c r="A37" s="113"/>
      <c r="B37" s="113"/>
      <c r="D37" s="927">
        <v>7</v>
      </c>
      <c r="E37" s="928"/>
      <c r="F37" s="999"/>
      <c r="G37" s="1000"/>
      <c r="H37" s="1000"/>
      <c r="I37" s="1000"/>
      <c r="J37" s="1000"/>
      <c r="K37" s="1001"/>
      <c r="L37" s="942"/>
      <c r="M37" s="943"/>
      <c r="N37" s="944"/>
      <c r="O37" s="942"/>
      <c r="P37" s="943"/>
      <c r="Q37" s="943"/>
      <c r="R37" s="943"/>
      <c r="S37" s="943"/>
      <c r="T37" s="943"/>
      <c r="U37" s="943"/>
      <c r="V37" s="943"/>
      <c r="W37" s="1008"/>
      <c r="X37" s="84"/>
      <c r="Y37" s="319"/>
      <c r="Z37" s="319"/>
      <c r="AA37" s="319"/>
      <c r="AB37" s="319"/>
      <c r="AC37" s="319"/>
      <c r="AD37" s="140"/>
      <c r="AE37" s="140"/>
      <c r="AF37" s="140"/>
      <c r="AG37" s="140"/>
      <c r="AH37" s="140"/>
      <c r="AI37" s="140"/>
      <c r="AJ37" s="140"/>
      <c r="AK37" s="140"/>
      <c r="AL37" s="140"/>
      <c r="AM37" s="140"/>
      <c r="AN37" s="140"/>
      <c r="AO37" s="139"/>
      <c r="AP37" s="139"/>
      <c r="AQ37" s="139"/>
      <c r="AR37" s="139"/>
      <c r="AS37" s="139"/>
      <c r="AT37" s="139"/>
      <c r="AU37" s="139"/>
      <c r="AV37" s="139"/>
      <c r="AW37" s="139"/>
      <c r="AX37" s="139"/>
      <c r="AY37" s="139"/>
      <c r="AZ37" s="139"/>
      <c r="BA37" s="139"/>
      <c r="BB37" s="139"/>
      <c r="BC37" s="139"/>
      <c r="BD37" s="139"/>
      <c r="BE37" s="139"/>
      <c r="BF37" s="139"/>
      <c r="BG37" s="139"/>
      <c r="BH37" s="139"/>
      <c r="BI37" s="139"/>
      <c r="BJ37" s="139"/>
      <c r="BK37" s="139"/>
      <c r="BL37" s="139"/>
      <c r="BM37" s="139"/>
      <c r="BN37" s="139"/>
      <c r="BO37" s="139"/>
      <c r="BP37" s="85"/>
      <c r="BQ37" s="85"/>
      <c r="BR37" s="85"/>
      <c r="BS37" s="82"/>
      <c r="BT37" s="116"/>
    </row>
    <row r="38" spans="1:72" ht="5.25" customHeight="1">
      <c r="A38" s="113"/>
      <c r="B38" s="113"/>
      <c r="D38" s="929"/>
      <c r="E38" s="930"/>
      <c r="F38" s="1002"/>
      <c r="G38" s="1003"/>
      <c r="H38" s="1003"/>
      <c r="I38" s="1003"/>
      <c r="J38" s="1003"/>
      <c r="K38" s="1004"/>
      <c r="L38" s="945"/>
      <c r="M38" s="946"/>
      <c r="N38" s="947"/>
      <c r="O38" s="945"/>
      <c r="P38" s="946"/>
      <c r="Q38" s="946"/>
      <c r="R38" s="946"/>
      <c r="S38" s="946"/>
      <c r="T38" s="946"/>
      <c r="U38" s="946"/>
      <c r="V38" s="946"/>
      <c r="W38" s="1009"/>
      <c r="X38" s="84"/>
      <c r="Y38" s="907" t="s">
        <v>235</v>
      </c>
      <c r="Z38" s="907"/>
      <c r="AA38" s="907"/>
      <c r="AB38" s="907"/>
      <c r="AC38" s="907"/>
      <c r="AD38" s="907"/>
      <c r="AE38" s="907"/>
      <c r="AF38" s="907"/>
      <c r="AG38" s="907"/>
      <c r="AH38" s="907"/>
      <c r="AI38" s="907"/>
      <c r="AJ38" s="907"/>
      <c r="AK38" s="907"/>
      <c r="AL38" s="907"/>
      <c r="AM38" s="335"/>
      <c r="AN38" s="335"/>
      <c r="AO38" s="335"/>
      <c r="AP38" s="335"/>
      <c r="AQ38" s="335"/>
      <c r="AR38" s="335"/>
      <c r="AS38" s="335"/>
      <c r="BP38" s="85"/>
      <c r="BQ38" s="85"/>
      <c r="BR38" s="85"/>
      <c r="BS38" s="82"/>
      <c r="BT38" s="116"/>
    </row>
    <row r="39" spans="1:72" ht="5.25" customHeight="1">
      <c r="A39" s="113"/>
      <c r="B39" s="113"/>
      <c r="D39" s="929"/>
      <c r="E39" s="930"/>
      <c r="F39" s="1002"/>
      <c r="G39" s="1003"/>
      <c r="H39" s="1003"/>
      <c r="I39" s="1003"/>
      <c r="J39" s="1003"/>
      <c r="K39" s="1004"/>
      <c r="L39" s="945"/>
      <c r="M39" s="946"/>
      <c r="N39" s="947"/>
      <c r="O39" s="945"/>
      <c r="P39" s="946"/>
      <c r="Q39" s="946"/>
      <c r="R39" s="946"/>
      <c r="S39" s="946"/>
      <c r="T39" s="946"/>
      <c r="U39" s="946"/>
      <c r="V39" s="946"/>
      <c r="W39" s="1009"/>
      <c r="X39" s="84"/>
      <c r="Y39" s="907"/>
      <c r="Z39" s="907"/>
      <c r="AA39" s="907"/>
      <c r="AB39" s="907"/>
      <c r="AC39" s="907"/>
      <c r="AD39" s="907"/>
      <c r="AE39" s="907"/>
      <c r="AF39" s="907"/>
      <c r="AG39" s="907"/>
      <c r="AH39" s="907"/>
      <c r="AI39" s="907"/>
      <c r="AJ39" s="907"/>
      <c r="AK39" s="907"/>
      <c r="AL39" s="907"/>
      <c r="AM39" s="335"/>
      <c r="AN39" s="335"/>
      <c r="AO39" s="335"/>
      <c r="AP39" s="335"/>
      <c r="AQ39" s="335"/>
      <c r="AR39" s="335"/>
      <c r="AS39" s="335"/>
      <c r="AT39" s="108"/>
      <c r="AU39" s="108"/>
      <c r="AV39" s="108"/>
      <c r="AW39" s="108"/>
      <c r="AX39" s="108"/>
      <c r="AY39" s="108"/>
      <c r="AZ39" s="108"/>
      <c r="BA39" s="108"/>
      <c r="BB39" s="108"/>
      <c r="BC39" s="108"/>
      <c r="BD39" s="108"/>
      <c r="BE39" s="108"/>
      <c r="BF39" s="108"/>
      <c r="BG39" s="108"/>
      <c r="BH39" s="108"/>
      <c r="BP39" s="85"/>
      <c r="BQ39" s="85"/>
      <c r="BR39" s="85"/>
      <c r="BS39" s="82"/>
      <c r="BT39" s="116"/>
    </row>
    <row r="40" spans="1:72" ht="5.25" customHeight="1">
      <c r="A40" s="113"/>
      <c r="B40" s="113"/>
      <c r="D40" s="931"/>
      <c r="E40" s="932"/>
      <c r="F40" s="1005"/>
      <c r="G40" s="1006"/>
      <c r="H40" s="1006"/>
      <c r="I40" s="1006"/>
      <c r="J40" s="1006"/>
      <c r="K40" s="1007"/>
      <c r="L40" s="948"/>
      <c r="M40" s="949"/>
      <c r="N40" s="950"/>
      <c r="O40" s="948"/>
      <c r="P40" s="949"/>
      <c r="Q40" s="949"/>
      <c r="R40" s="949"/>
      <c r="S40" s="949"/>
      <c r="T40" s="949"/>
      <c r="U40" s="949"/>
      <c r="V40" s="949"/>
      <c r="W40" s="1010"/>
      <c r="X40" s="84"/>
      <c r="Y40" s="907"/>
      <c r="Z40" s="907"/>
      <c r="AA40" s="907"/>
      <c r="AB40" s="907"/>
      <c r="AC40" s="907"/>
      <c r="AD40" s="907"/>
      <c r="AE40" s="907"/>
      <c r="AF40" s="907"/>
      <c r="AG40" s="907"/>
      <c r="AH40" s="907"/>
      <c r="AI40" s="907"/>
      <c r="AJ40" s="907"/>
      <c r="AK40" s="907"/>
      <c r="AL40" s="907"/>
      <c r="AM40" s="271"/>
      <c r="AN40" s="271"/>
      <c r="AO40" s="271"/>
      <c r="AP40" s="271"/>
      <c r="AQ40" s="271"/>
      <c r="AR40" s="271"/>
      <c r="AS40" s="271"/>
      <c r="AT40" s="112"/>
      <c r="AU40" s="116"/>
      <c r="AV40" s="116"/>
      <c r="AW40" s="116"/>
      <c r="AX40" s="116"/>
      <c r="AY40" s="116"/>
      <c r="AZ40" s="116"/>
      <c r="BA40" s="116"/>
      <c r="BB40" s="116"/>
      <c r="BC40" s="116"/>
      <c r="BD40" s="116"/>
      <c r="BE40" s="116"/>
      <c r="BF40" s="116"/>
      <c r="BG40" s="116"/>
      <c r="BH40" s="116"/>
      <c r="BP40" s="85"/>
      <c r="BQ40" s="85"/>
      <c r="BR40" s="85"/>
      <c r="BS40" s="82"/>
      <c r="BT40" s="116"/>
    </row>
    <row r="41" spans="1:72" ht="5.25" customHeight="1">
      <c r="A41" s="113"/>
      <c r="B41" s="113"/>
      <c r="D41" s="927">
        <v>8</v>
      </c>
      <c r="E41" s="928"/>
      <c r="F41" s="999"/>
      <c r="G41" s="1000"/>
      <c r="H41" s="1000"/>
      <c r="I41" s="1000"/>
      <c r="J41" s="1000"/>
      <c r="K41" s="1001"/>
      <c r="L41" s="942"/>
      <c r="M41" s="943"/>
      <c r="N41" s="944"/>
      <c r="O41" s="942"/>
      <c r="P41" s="943"/>
      <c r="Q41" s="943"/>
      <c r="R41" s="943"/>
      <c r="S41" s="943"/>
      <c r="T41" s="943"/>
      <c r="U41" s="943"/>
      <c r="V41" s="943"/>
      <c r="W41" s="1008"/>
      <c r="X41" s="84"/>
      <c r="Y41" s="1011" t="s">
        <v>234</v>
      </c>
      <c r="Z41" s="970"/>
      <c r="AA41" s="970"/>
      <c r="AB41" s="970"/>
      <c r="AC41" s="970"/>
      <c r="AD41" s="1014" t="s">
        <v>7</v>
      </c>
      <c r="AE41" s="1015"/>
      <c r="AF41" s="1015"/>
      <c r="AG41" s="1015"/>
      <c r="AH41" s="1015"/>
      <c r="AI41" s="1015"/>
      <c r="AJ41" s="1015"/>
      <c r="AK41" s="1015"/>
      <c r="AL41" s="1015"/>
      <c r="AM41" s="1015"/>
      <c r="AN41" s="1016"/>
      <c r="AO41" s="909" t="s">
        <v>233</v>
      </c>
      <c r="AP41" s="910"/>
      <c r="AQ41" s="910"/>
      <c r="AR41" s="910"/>
      <c r="AS41" s="910"/>
      <c r="AT41" s="910"/>
      <c r="AU41" s="910"/>
      <c r="AV41" s="910"/>
      <c r="AW41" s="911"/>
      <c r="AX41" s="909" t="s">
        <v>6</v>
      </c>
      <c r="AY41" s="910"/>
      <c r="AZ41" s="910"/>
      <c r="BA41" s="910"/>
      <c r="BB41" s="910"/>
      <c r="BC41" s="910"/>
      <c r="BD41" s="910"/>
      <c r="BE41" s="910"/>
      <c r="BF41" s="911"/>
      <c r="BG41" s="909" t="s">
        <v>5</v>
      </c>
      <c r="BH41" s="910"/>
      <c r="BI41" s="910"/>
      <c r="BJ41" s="910"/>
      <c r="BK41" s="910"/>
      <c r="BL41" s="910"/>
      <c r="BM41" s="910"/>
      <c r="BN41" s="910"/>
      <c r="BO41" s="1023"/>
      <c r="BP41" s="85"/>
      <c r="BQ41" s="85"/>
      <c r="BR41" s="85"/>
      <c r="BS41" s="82"/>
      <c r="BT41" s="116"/>
    </row>
    <row r="42" spans="1:72" ht="5.25" customHeight="1">
      <c r="A42" s="113"/>
      <c r="B42" s="113"/>
      <c r="D42" s="929"/>
      <c r="E42" s="930"/>
      <c r="F42" s="1002"/>
      <c r="G42" s="1003"/>
      <c r="H42" s="1003"/>
      <c r="I42" s="1003"/>
      <c r="J42" s="1003"/>
      <c r="K42" s="1004"/>
      <c r="L42" s="945"/>
      <c r="M42" s="946"/>
      <c r="N42" s="947"/>
      <c r="O42" s="945"/>
      <c r="P42" s="946"/>
      <c r="Q42" s="946"/>
      <c r="R42" s="946"/>
      <c r="S42" s="946"/>
      <c r="T42" s="946"/>
      <c r="U42" s="946"/>
      <c r="V42" s="946"/>
      <c r="W42" s="1009"/>
      <c r="X42" s="84"/>
      <c r="Y42" s="1012"/>
      <c r="Z42" s="973"/>
      <c r="AA42" s="973"/>
      <c r="AB42" s="973"/>
      <c r="AC42" s="973"/>
      <c r="AD42" s="1017"/>
      <c r="AE42" s="1018"/>
      <c r="AF42" s="1018"/>
      <c r="AG42" s="1018"/>
      <c r="AH42" s="1018"/>
      <c r="AI42" s="1018"/>
      <c r="AJ42" s="1018"/>
      <c r="AK42" s="1018"/>
      <c r="AL42" s="1018"/>
      <c r="AM42" s="1018"/>
      <c r="AN42" s="1019"/>
      <c r="AO42" s="912"/>
      <c r="AP42" s="913"/>
      <c r="AQ42" s="913"/>
      <c r="AR42" s="913"/>
      <c r="AS42" s="913"/>
      <c r="AT42" s="913"/>
      <c r="AU42" s="913"/>
      <c r="AV42" s="913"/>
      <c r="AW42" s="914"/>
      <c r="AX42" s="912"/>
      <c r="AY42" s="913"/>
      <c r="AZ42" s="913"/>
      <c r="BA42" s="913"/>
      <c r="BB42" s="913"/>
      <c r="BC42" s="913"/>
      <c r="BD42" s="913"/>
      <c r="BE42" s="913"/>
      <c r="BF42" s="914"/>
      <c r="BG42" s="912"/>
      <c r="BH42" s="913"/>
      <c r="BI42" s="913"/>
      <c r="BJ42" s="913"/>
      <c r="BK42" s="913"/>
      <c r="BL42" s="913"/>
      <c r="BM42" s="913"/>
      <c r="BN42" s="913"/>
      <c r="BO42" s="1024"/>
      <c r="BP42" s="79"/>
      <c r="BQ42" s="85"/>
      <c r="BR42" s="85"/>
      <c r="BS42" s="82"/>
      <c r="BT42" s="116"/>
    </row>
    <row r="43" spans="1:72" ht="5.25" customHeight="1">
      <c r="A43" s="113"/>
      <c r="B43" s="113"/>
      <c r="D43" s="929"/>
      <c r="E43" s="930"/>
      <c r="F43" s="1002"/>
      <c r="G43" s="1003"/>
      <c r="H43" s="1003"/>
      <c r="I43" s="1003"/>
      <c r="J43" s="1003"/>
      <c r="K43" s="1004"/>
      <c r="L43" s="945"/>
      <c r="M43" s="946"/>
      <c r="N43" s="947"/>
      <c r="O43" s="945"/>
      <c r="P43" s="946"/>
      <c r="Q43" s="946"/>
      <c r="R43" s="946"/>
      <c r="S43" s="946"/>
      <c r="T43" s="946"/>
      <c r="U43" s="946"/>
      <c r="V43" s="946"/>
      <c r="W43" s="1009"/>
      <c r="X43" s="84"/>
      <c r="Y43" s="1012"/>
      <c r="Z43" s="973"/>
      <c r="AA43" s="973"/>
      <c r="AB43" s="973"/>
      <c r="AC43" s="973"/>
      <c r="AD43" s="1017"/>
      <c r="AE43" s="1018"/>
      <c r="AF43" s="1018"/>
      <c r="AG43" s="1018"/>
      <c r="AH43" s="1018"/>
      <c r="AI43" s="1018"/>
      <c r="AJ43" s="1018"/>
      <c r="AK43" s="1018"/>
      <c r="AL43" s="1018"/>
      <c r="AM43" s="1018"/>
      <c r="AN43" s="1019"/>
      <c r="AO43" s="912"/>
      <c r="AP43" s="913"/>
      <c r="AQ43" s="913"/>
      <c r="AR43" s="913"/>
      <c r="AS43" s="913"/>
      <c r="AT43" s="913"/>
      <c r="AU43" s="913"/>
      <c r="AV43" s="913"/>
      <c r="AW43" s="914"/>
      <c r="AX43" s="912"/>
      <c r="AY43" s="913"/>
      <c r="AZ43" s="913"/>
      <c r="BA43" s="913"/>
      <c r="BB43" s="913"/>
      <c r="BC43" s="913"/>
      <c r="BD43" s="913"/>
      <c r="BE43" s="913"/>
      <c r="BF43" s="914"/>
      <c r="BG43" s="912"/>
      <c r="BH43" s="913"/>
      <c r="BI43" s="913"/>
      <c r="BJ43" s="913"/>
      <c r="BK43" s="913"/>
      <c r="BL43" s="913"/>
      <c r="BM43" s="913"/>
      <c r="BN43" s="913"/>
      <c r="BO43" s="1024"/>
      <c r="BP43" s="79"/>
      <c r="BQ43" s="85"/>
      <c r="BR43" s="85"/>
      <c r="BS43" s="82"/>
      <c r="BT43" s="116"/>
    </row>
    <row r="44" spans="1:72" ht="5.25" customHeight="1">
      <c r="A44" s="113"/>
      <c r="B44" s="113"/>
      <c r="D44" s="931"/>
      <c r="E44" s="932"/>
      <c r="F44" s="1005"/>
      <c r="G44" s="1006"/>
      <c r="H44" s="1006"/>
      <c r="I44" s="1006"/>
      <c r="J44" s="1006"/>
      <c r="K44" s="1007"/>
      <c r="L44" s="948"/>
      <c r="M44" s="949"/>
      <c r="N44" s="950"/>
      <c r="O44" s="948"/>
      <c r="P44" s="949"/>
      <c r="Q44" s="949"/>
      <c r="R44" s="949"/>
      <c r="S44" s="949"/>
      <c r="T44" s="949"/>
      <c r="U44" s="949"/>
      <c r="V44" s="949"/>
      <c r="W44" s="1010"/>
      <c r="X44" s="84"/>
      <c r="Y44" s="1013"/>
      <c r="Z44" s="976"/>
      <c r="AA44" s="976"/>
      <c r="AB44" s="976"/>
      <c r="AC44" s="976"/>
      <c r="AD44" s="1020"/>
      <c r="AE44" s="1021"/>
      <c r="AF44" s="1021"/>
      <c r="AG44" s="1021"/>
      <c r="AH44" s="1021"/>
      <c r="AI44" s="1021"/>
      <c r="AJ44" s="1021"/>
      <c r="AK44" s="1021"/>
      <c r="AL44" s="1021"/>
      <c r="AM44" s="1021"/>
      <c r="AN44" s="1022"/>
      <c r="AO44" s="912"/>
      <c r="AP44" s="913"/>
      <c r="AQ44" s="913"/>
      <c r="AR44" s="913"/>
      <c r="AS44" s="913"/>
      <c r="AT44" s="913"/>
      <c r="AU44" s="913"/>
      <c r="AV44" s="913"/>
      <c r="AW44" s="914"/>
      <c r="AX44" s="912"/>
      <c r="AY44" s="913"/>
      <c r="AZ44" s="913"/>
      <c r="BA44" s="913"/>
      <c r="BB44" s="913"/>
      <c r="BC44" s="913"/>
      <c r="BD44" s="913"/>
      <c r="BE44" s="913"/>
      <c r="BF44" s="914"/>
      <c r="BG44" s="912"/>
      <c r="BH44" s="913"/>
      <c r="BI44" s="913"/>
      <c r="BJ44" s="913"/>
      <c r="BK44" s="913"/>
      <c r="BL44" s="913"/>
      <c r="BM44" s="913"/>
      <c r="BN44" s="913"/>
      <c r="BO44" s="1024"/>
      <c r="BP44" s="79"/>
      <c r="BQ44" s="85"/>
      <c r="BR44" s="85"/>
      <c r="BS44" s="82"/>
      <c r="BT44" s="116"/>
    </row>
    <row r="45" spans="1:72" ht="5.25" customHeight="1">
      <c r="A45" s="113"/>
      <c r="B45" s="113"/>
      <c r="D45" s="927">
        <v>9</v>
      </c>
      <c r="E45" s="928"/>
      <c r="F45" s="999"/>
      <c r="G45" s="1000"/>
      <c r="H45" s="1000"/>
      <c r="I45" s="1000"/>
      <c r="J45" s="1000"/>
      <c r="K45" s="1001"/>
      <c r="L45" s="942"/>
      <c r="M45" s="943"/>
      <c r="N45" s="944"/>
      <c r="O45" s="942"/>
      <c r="P45" s="943"/>
      <c r="Q45" s="943"/>
      <c r="R45" s="943"/>
      <c r="S45" s="943"/>
      <c r="T45" s="943"/>
      <c r="U45" s="943"/>
      <c r="V45" s="943"/>
      <c r="W45" s="1008"/>
      <c r="X45" s="84"/>
      <c r="Y45" s="131"/>
      <c r="Z45" s="281"/>
      <c r="AA45" s="281"/>
      <c r="AB45" s="281"/>
      <c r="AC45" s="282"/>
      <c r="AD45" s="309"/>
      <c r="AE45" s="310"/>
      <c r="AF45" s="310"/>
      <c r="AG45" s="310"/>
      <c r="AH45" s="310"/>
      <c r="AI45" s="310"/>
      <c r="AJ45" s="310"/>
      <c r="AK45" s="310"/>
      <c r="AL45" s="310"/>
      <c r="AM45" s="310"/>
      <c r="AN45" s="311"/>
      <c r="AO45" s="1025" t="s">
        <v>232</v>
      </c>
      <c r="AP45" s="1026"/>
      <c r="AQ45" s="1026"/>
      <c r="AR45" s="1026"/>
      <c r="AS45" s="1026"/>
      <c r="AT45" s="1026"/>
      <c r="AU45" s="1026"/>
      <c r="AV45" s="1026"/>
      <c r="AW45" s="1027"/>
      <c r="AX45" s="933" t="s">
        <v>4</v>
      </c>
      <c r="AY45" s="934"/>
      <c r="AZ45" s="934"/>
      <c r="BA45" s="934"/>
      <c r="BB45" s="934"/>
      <c r="BC45" s="934"/>
      <c r="BD45" s="934"/>
      <c r="BE45" s="934"/>
      <c r="BF45" s="935"/>
      <c r="BG45" s="933" t="s">
        <v>4</v>
      </c>
      <c r="BH45" s="934"/>
      <c r="BI45" s="934"/>
      <c r="BJ45" s="934"/>
      <c r="BK45" s="934"/>
      <c r="BL45" s="934"/>
      <c r="BM45" s="934"/>
      <c r="BN45" s="934"/>
      <c r="BO45" s="951"/>
      <c r="BP45" s="79"/>
      <c r="BQ45" s="85"/>
      <c r="BR45" s="85"/>
      <c r="BS45" s="82"/>
      <c r="BT45" s="116"/>
    </row>
    <row r="46" spans="1:72" ht="5.25" customHeight="1">
      <c r="A46" s="113"/>
      <c r="B46" s="113"/>
      <c r="D46" s="929"/>
      <c r="E46" s="930"/>
      <c r="F46" s="1002"/>
      <c r="G46" s="1003"/>
      <c r="H46" s="1003"/>
      <c r="I46" s="1003"/>
      <c r="J46" s="1003"/>
      <c r="K46" s="1004"/>
      <c r="L46" s="945"/>
      <c r="M46" s="946"/>
      <c r="N46" s="947"/>
      <c r="O46" s="945"/>
      <c r="P46" s="946"/>
      <c r="Q46" s="946"/>
      <c r="R46" s="946"/>
      <c r="S46" s="946"/>
      <c r="T46" s="946"/>
      <c r="U46" s="946"/>
      <c r="V46" s="946"/>
      <c r="W46" s="1009"/>
      <c r="X46" s="84"/>
      <c r="Y46" s="128"/>
      <c r="Z46" s="283"/>
      <c r="AA46" s="283"/>
      <c r="AB46" s="283"/>
      <c r="AC46" s="284"/>
      <c r="AD46" s="312"/>
      <c r="AE46" s="313"/>
      <c r="AF46" s="313"/>
      <c r="AG46" s="313"/>
      <c r="AH46" s="313"/>
      <c r="AI46" s="313"/>
      <c r="AJ46" s="313"/>
      <c r="AK46" s="313"/>
      <c r="AL46" s="313"/>
      <c r="AM46" s="313"/>
      <c r="AN46" s="314"/>
      <c r="AO46" s="1028"/>
      <c r="AP46" s="1029"/>
      <c r="AQ46" s="1029"/>
      <c r="AR46" s="1029"/>
      <c r="AS46" s="1029"/>
      <c r="AT46" s="1029"/>
      <c r="AU46" s="1029"/>
      <c r="AV46" s="1029"/>
      <c r="AW46" s="1030"/>
      <c r="AX46" s="936"/>
      <c r="AY46" s="937"/>
      <c r="AZ46" s="937"/>
      <c r="BA46" s="937"/>
      <c r="BB46" s="937"/>
      <c r="BC46" s="937"/>
      <c r="BD46" s="937"/>
      <c r="BE46" s="937"/>
      <c r="BF46" s="938"/>
      <c r="BG46" s="936"/>
      <c r="BH46" s="937"/>
      <c r="BI46" s="937"/>
      <c r="BJ46" s="937"/>
      <c r="BK46" s="937"/>
      <c r="BL46" s="937"/>
      <c r="BM46" s="937"/>
      <c r="BN46" s="937"/>
      <c r="BO46" s="952"/>
      <c r="BP46" s="79"/>
      <c r="BQ46" s="85"/>
      <c r="BR46" s="85"/>
      <c r="BT46" s="116"/>
    </row>
    <row r="47" spans="1:72" ht="5.25" customHeight="1">
      <c r="A47" s="113"/>
      <c r="B47" s="113"/>
      <c r="D47" s="929"/>
      <c r="E47" s="930"/>
      <c r="F47" s="1002"/>
      <c r="G47" s="1003"/>
      <c r="H47" s="1003"/>
      <c r="I47" s="1003"/>
      <c r="J47" s="1003"/>
      <c r="K47" s="1004"/>
      <c r="L47" s="945"/>
      <c r="M47" s="946"/>
      <c r="N47" s="947"/>
      <c r="O47" s="945"/>
      <c r="P47" s="946"/>
      <c r="Q47" s="946"/>
      <c r="R47" s="946"/>
      <c r="S47" s="946"/>
      <c r="T47" s="946"/>
      <c r="U47" s="946"/>
      <c r="V47" s="946"/>
      <c r="W47" s="1009"/>
      <c r="X47" s="84"/>
      <c r="Y47" s="128"/>
      <c r="Z47" s="283"/>
      <c r="AA47" s="283"/>
      <c r="AB47" s="283"/>
      <c r="AC47" s="284"/>
      <c r="AD47" s="312"/>
      <c r="AE47" s="313"/>
      <c r="AF47" s="313"/>
      <c r="AG47" s="313"/>
      <c r="AH47" s="313"/>
      <c r="AI47" s="313"/>
      <c r="AJ47" s="313"/>
      <c r="AK47" s="313"/>
      <c r="AL47" s="313"/>
      <c r="AM47" s="313"/>
      <c r="AN47" s="314"/>
      <c r="AO47" s="1028"/>
      <c r="AP47" s="1029"/>
      <c r="AQ47" s="1029"/>
      <c r="AR47" s="1029"/>
      <c r="AS47" s="1029"/>
      <c r="AT47" s="1029"/>
      <c r="AU47" s="1029"/>
      <c r="AV47" s="1029"/>
      <c r="AW47" s="1030"/>
      <c r="AX47" s="936"/>
      <c r="AY47" s="937"/>
      <c r="AZ47" s="937"/>
      <c r="BA47" s="937"/>
      <c r="BB47" s="937"/>
      <c r="BC47" s="937"/>
      <c r="BD47" s="937"/>
      <c r="BE47" s="937"/>
      <c r="BF47" s="938"/>
      <c r="BG47" s="936"/>
      <c r="BH47" s="937"/>
      <c r="BI47" s="937"/>
      <c r="BJ47" s="937"/>
      <c r="BK47" s="937"/>
      <c r="BL47" s="937"/>
      <c r="BM47" s="937"/>
      <c r="BN47" s="937"/>
      <c r="BO47" s="952"/>
      <c r="BP47" s="79"/>
      <c r="BQ47" s="85"/>
      <c r="BR47" s="85"/>
      <c r="BT47" s="116"/>
    </row>
    <row r="48" spans="1:72" ht="5.25" customHeight="1">
      <c r="A48" s="113"/>
      <c r="B48" s="113"/>
      <c r="D48" s="931"/>
      <c r="E48" s="932"/>
      <c r="F48" s="1005"/>
      <c r="G48" s="1006"/>
      <c r="H48" s="1006"/>
      <c r="I48" s="1006"/>
      <c r="J48" s="1006"/>
      <c r="K48" s="1007"/>
      <c r="L48" s="948"/>
      <c r="M48" s="949"/>
      <c r="N48" s="950"/>
      <c r="O48" s="948"/>
      <c r="P48" s="949"/>
      <c r="Q48" s="949"/>
      <c r="R48" s="949"/>
      <c r="S48" s="949"/>
      <c r="T48" s="949"/>
      <c r="U48" s="949"/>
      <c r="V48" s="949"/>
      <c r="W48" s="1010"/>
      <c r="X48" s="84"/>
      <c r="Y48" s="136"/>
      <c r="Z48" s="285"/>
      <c r="AA48" s="285"/>
      <c r="AB48" s="285"/>
      <c r="AC48" s="286"/>
      <c r="AD48" s="315"/>
      <c r="AE48" s="316"/>
      <c r="AF48" s="316"/>
      <c r="AG48" s="316"/>
      <c r="AH48" s="316"/>
      <c r="AI48" s="316"/>
      <c r="AJ48" s="316"/>
      <c r="AK48" s="316"/>
      <c r="AL48" s="316"/>
      <c r="AM48" s="316"/>
      <c r="AN48" s="317"/>
      <c r="AO48" s="1031"/>
      <c r="AP48" s="1032"/>
      <c r="AQ48" s="1032"/>
      <c r="AR48" s="1032"/>
      <c r="AS48" s="1032"/>
      <c r="AT48" s="1032"/>
      <c r="AU48" s="1032"/>
      <c r="AV48" s="1032"/>
      <c r="AW48" s="1033"/>
      <c r="AX48" s="939"/>
      <c r="AY48" s="940"/>
      <c r="AZ48" s="940"/>
      <c r="BA48" s="940"/>
      <c r="BB48" s="940"/>
      <c r="BC48" s="940"/>
      <c r="BD48" s="940"/>
      <c r="BE48" s="940"/>
      <c r="BF48" s="941"/>
      <c r="BG48" s="939"/>
      <c r="BH48" s="940"/>
      <c r="BI48" s="940"/>
      <c r="BJ48" s="940"/>
      <c r="BK48" s="940"/>
      <c r="BL48" s="940"/>
      <c r="BM48" s="940"/>
      <c r="BN48" s="940"/>
      <c r="BO48" s="953"/>
      <c r="BP48" s="79"/>
      <c r="BQ48" s="85"/>
      <c r="BR48" s="85"/>
      <c r="BT48" s="116"/>
    </row>
    <row r="49" spans="1:72" ht="5.25" customHeight="1">
      <c r="A49" s="113"/>
      <c r="B49" s="113"/>
      <c r="D49" s="927">
        <v>10</v>
      </c>
      <c r="E49" s="928"/>
      <c r="F49" s="999"/>
      <c r="G49" s="1000"/>
      <c r="H49" s="1000"/>
      <c r="I49" s="1000"/>
      <c r="J49" s="1000"/>
      <c r="K49" s="1001"/>
      <c r="L49" s="942"/>
      <c r="M49" s="943"/>
      <c r="N49" s="944"/>
      <c r="O49" s="942"/>
      <c r="P49" s="943"/>
      <c r="Q49" s="943"/>
      <c r="R49" s="943"/>
      <c r="S49" s="943"/>
      <c r="T49" s="943"/>
      <c r="U49" s="943"/>
      <c r="V49" s="943"/>
      <c r="W49" s="1008"/>
      <c r="X49" s="84"/>
      <c r="Y49" s="128"/>
      <c r="Z49" s="283"/>
      <c r="AA49" s="283"/>
      <c r="AB49" s="283"/>
      <c r="AC49" s="284"/>
      <c r="AD49" s="312"/>
      <c r="AE49" s="313"/>
      <c r="AF49" s="313"/>
      <c r="AG49" s="313"/>
      <c r="AH49" s="313"/>
      <c r="AI49" s="313"/>
      <c r="AJ49" s="313"/>
      <c r="AK49" s="313"/>
      <c r="AL49" s="313"/>
      <c r="AM49" s="313"/>
      <c r="AN49" s="314"/>
      <c r="AO49" s="1025" t="s">
        <v>232</v>
      </c>
      <c r="AP49" s="1026"/>
      <c r="AQ49" s="1026"/>
      <c r="AR49" s="1026"/>
      <c r="AS49" s="1026"/>
      <c r="AT49" s="1026"/>
      <c r="AU49" s="1026"/>
      <c r="AV49" s="1026"/>
      <c r="AW49" s="1027"/>
      <c r="AX49" s="278"/>
      <c r="AY49" s="279"/>
      <c r="AZ49" s="279"/>
      <c r="BA49" s="279"/>
      <c r="BB49" s="279"/>
      <c r="BC49" s="279"/>
      <c r="BD49" s="279"/>
      <c r="BE49" s="279"/>
      <c r="BF49" s="280"/>
      <c r="BG49" s="278"/>
      <c r="BH49" s="279"/>
      <c r="BI49" s="279"/>
      <c r="BJ49" s="279"/>
      <c r="BK49" s="279"/>
      <c r="BL49" s="279"/>
      <c r="BM49" s="279"/>
      <c r="BN49" s="279"/>
      <c r="BO49" s="288"/>
      <c r="BP49" s="79"/>
      <c r="BQ49" s="85"/>
      <c r="BR49" s="85"/>
      <c r="BT49" s="116"/>
    </row>
    <row r="50" spans="1:72" ht="5.25" customHeight="1">
      <c r="A50" s="113"/>
      <c r="B50" s="113"/>
      <c r="D50" s="929"/>
      <c r="E50" s="930"/>
      <c r="F50" s="1002"/>
      <c r="G50" s="1003"/>
      <c r="H50" s="1003"/>
      <c r="I50" s="1003"/>
      <c r="J50" s="1003"/>
      <c r="K50" s="1004"/>
      <c r="L50" s="945"/>
      <c r="M50" s="946"/>
      <c r="N50" s="947"/>
      <c r="O50" s="945"/>
      <c r="P50" s="946"/>
      <c r="Q50" s="946"/>
      <c r="R50" s="946"/>
      <c r="S50" s="946"/>
      <c r="T50" s="946"/>
      <c r="U50" s="946"/>
      <c r="V50" s="946"/>
      <c r="W50" s="1009"/>
      <c r="X50" s="84"/>
      <c r="Y50" s="128"/>
      <c r="Z50" s="283"/>
      <c r="AA50" s="283"/>
      <c r="AB50" s="283"/>
      <c r="AC50" s="284"/>
      <c r="AD50" s="127"/>
      <c r="AE50" s="126"/>
      <c r="AF50" s="126"/>
      <c r="AG50" s="126"/>
      <c r="AH50" s="126"/>
      <c r="AI50" s="126"/>
      <c r="AJ50" s="126"/>
      <c r="AK50" s="126"/>
      <c r="AL50" s="126"/>
      <c r="AM50" s="126"/>
      <c r="AN50" s="137"/>
      <c r="AO50" s="1028"/>
      <c r="AP50" s="1029"/>
      <c r="AQ50" s="1029"/>
      <c r="AR50" s="1029"/>
      <c r="AS50" s="1029"/>
      <c r="AT50" s="1029"/>
      <c r="AU50" s="1029"/>
      <c r="AV50" s="1029"/>
      <c r="AW50" s="1030"/>
      <c r="AX50" s="292"/>
      <c r="AY50" s="293"/>
      <c r="AZ50" s="293"/>
      <c r="BA50" s="293"/>
      <c r="BB50" s="293"/>
      <c r="BC50" s="293"/>
      <c r="BD50" s="293"/>
      <c r="BE50" s="293"/>
      <c r="BF50" s="294"/>
      <c r="BG50" s="292"/>
      <c r="BH50" s="293"/>
      <c r="BI50" s="293"/>
      <c r="BJ50" s="293"/>
      <c r="BK50" s="293"/>
      <c r="BL50" s="293"/>
      <c r="BM50" s="293"/>
      <c r="BN50" s="293"/>
      <c r="BO50" s="337"/>
      <c r="BP50" s="79"/>
      <c r="BQ50" s="85"/>
      <c r="BR50" s="85"/>
      <c r="BT50" s="116"/>
    </row>
    <row r="51" spans="1:72" ht="5.25" customHeight="1">
      <c r="A51" s="113"/>
      <c r="B51" s="113"/>
      <c r="D51" s="929"/>
      <c r="E51" s="930"/>
      <c r="F51" s="1002"/>
      <c r="G51" s="1003"/>
      <c r="H51" s="1003"/>
      <c r="I51" s="1003"/>
      <c r="J51" s="1003"/>
      <c r="K51" s="1004"/>
      <c r="L51" s="945"/>
      <c r="M51" s="946"/>
      <c r="N51" s="947"/>
      <c r="O51" s="945"/>
      <c r="P51" s="946"/>
      <c r="Q51" s="946"/>
      <c r="R51" s="946"/>
      <c r="S51" s="946"/>
      <c r="T51" s="946"/>
      <c r="U51" s="946"/>
      <c r="V51" s="946"/>
      <c r="W51" s="1009"/>
      <c r="X51" s="84"/>
      <c r="Y51" s="128"/>
      <c r="Z51" s="283"/>
      <c r="AA51" s="283"/>
      <c r="AB51" s="283"/>
      <c r="AC51" s="284"/>
      <c r="AD51" s="127"/>
      <c r="AE51" s="126"/>
      <c r="AF51" s="126"/>
      <c r="AG51" s="126"/>
      <c r="AH51" s="126"/>
      <c r="AI51" s="126"/>
      <c r="AJ51" s="126"/>
      <c r="AK51" s="126"/>
      <c r="AL51" s="126"/>
      <c r="AM51" s="126"/>
      <c r="AN51" s="137"/>
      <c r="AO51" s="1028"/>
      <c r="AP51" s="1029"/>
      <c r="AQ51" s="1029"/>
      <c r="AR51" s="1029"/>
      <c r="AS51" s="1029"/>
      <c r="AT51" s="1029"/>
      <c r="AU51" s="1029"/>
      <c r="AV51" s="1029"/>
      <c r="AW51" s="1030"/>
      <c r="AX51" s="292"/>
      <c r="AY51" s="293"/>
      <c r="AZ51" s="293"/>
      <c r="BA51" s="293"/>
      <c r="BB51" s="293"/>
      <c r="BC51" s="293"/>
      <c r="BD51" s="293"/>
      <c r="BE51" s="293"/>
      <c r="BF51" s="294"/>
      <c r="BG51" s="292"/>
      <c r="BH51" s="293"/>
      <c r="BI51" s="293"/>
      <c r="BJ51" s="293"/>
      <c r="BK51" s="293"/>
      <c r="BL51" s="293"/>
      <c r="BM51" s="293"/>
      <c r="BN51" s="293"/>
      <c r="BO51" s="337"/>
      <c r="BP51" s="79"/>
      <c r="BQ51" s="85"/>
      <c r="BR51" s="85"/>
      <c r="BT51" s="116"/>
    </row>
    <row r="52" spans="1:72" ht="5.25" customHeight="1">
      <c r="A52" s="113"/>
      <c r="B52" s="113"/>
      <c r="D52" s="931"/>
      <c r="E52" s="932"/>
      <c r="F52" s="1005"/>
      <c r="G52" s="1006"/>
      <c r="H52" s="1006"/>
      <c r="I52" s="1006"/>
      <c r="J52" s="1006"/>
      <c r="K52" s="1007"/>
      <c r="L52" s="948"/>
      <c r="M52" s="949"/>
      <c r="N52" s="950"/>
      <c r="O52" s="948"/>
      <c r="P52" s="949"/>
      <c r="Q52" s="949"/>
      <c r="R52" s="949"/>
      <c r="S52" s="949"/>
      <c r="T52" s="949"/>
      <c r="U52" s="949"/>
      <c r="V52" s="949"/>
      <c r="W52" s="1010"/>
      <c r="X52" s="84"/>
      <c r="Y52" s="128"/>
      <c r="Z52" s="283"/>
      <c r="AA52" s="283"/>
      <c r="AB52" s="283"/>
      <c r="AC52" s="284"/>
      <c r="AD52" s="127"/>
      <c r="AE52" s="126"/>
      <c r="AF52" s="126"/>
      <c r="AG52" s="126"/>
      <c r="AH52" s="126"/>
      <c r="AI52" s="126"/>
      <c r="AJ52" s="126"/>
      <c r="AK52" s="126"/>
      <c r="AL52" s="126"/>
      <c r="AM52" s="126"/>
      <c r="AN52" s="137"/>
      <c r="AO52" s="1031"/>
      <c r="AP52" s="1032"/>
      <c r="AQ52" s="1032"/>
      <c r="AR52" s="1032"/>
      <c r="AS52" s="1032"/>
      <c r="AT52" s="1032"/>
      <c r="AU52" s="1032"/>
      <c r="AV52" s="1032"/>
      <c r="AW52" s="1033"/>
      <c r="AX52" s="292"/>
      <c r="AY52" s="293"/>
      <c r="AZ52" s="293"/>
      <c r="BA52" s="293"/>
      <c r="BB52" s="293"/>
      <c r="BC52" s="293"/>
      <c r="BD52" s="293"/>
      <c r="BE52" s="293"/>
      <c r="BF52" s="294"/>
      <c r="BG52" s="292"/>
      <c r="BH52" s="293"/>
      <c r="BI52" s="293"/>
      <c r="BJ52" s="293"/>
      <c r="BK52" s="293"/>
      <c r="BL52" s="293"/>
      <c r="BM52" s="293"/>
      <c r="BN52" s="293"/>
      <c r="BO52" s="337"/>
      <c r="BP52" s="79"/>
      <c r="BQ52" s="85"/>
      <c r="BR52" s="85"/>
      <c r="BT52" s="116"/>
    </row>
    <row r="53" spans="1:72" ht="5.25" customHeight="1">
      <c r="A53" s="113"/>
      <c r="B53" s="113"/>
      <c r="D53" s="927">
        <v>11</v>
      </c>
      <c r="E53" s="928"/>
      <c r="F53" s="999"/>
      <c r="G53" s="1000"/>
      <c r="H53" s="1000"/>
      <c r="I53" s="1000"/>
      <c r="J53" s="1000"/>
      <c r="K53" s="1001"/>
      <c r="L53" s="942"/>
      <c r="M53" s="943"/>
      <c r="N53" s="944"/>
      <c r="O53" s="942"/>
      <c r="P53" s="943"/>
      <c r="Q53" s="943"/>
      <c r="R53" s="943"/>
      <c r="S53" s="943"/>
      <c r="T53" s="943"/>
      <c r="U53" s="943"/>
      <c r="V53" s="943"/>
      <c r="W53" s="1008"/>
      <c r="X53" s="84"/>
      <c r="Y53" s="131"/>
      <c r="Z53" s="281"/>
      <c r="AA53" s="281"/>
      <c r="AB53" s="281"/>
      <c r="AC53" s="282"/>
      <c r="AD53" s="130"/>
      <c r="AE53" s="129"/>
      <c r="AF53" s="129"/>
      <c r="AG53" s="129"/>
      <c r="AH53" s="129"/>
      <c r="AI53" s="129"/>
      <c r="AJ53" s="129"/>
      <c r="AK53" s="129"/>
      <c r="AL53" s="129"/>
      <c r="AM53" s="129"/>
      <c r="AN53" s="138"/>
      <c r="AO53" s="1025" t="s">
        <v>232</v>
      </c>
      <c r="AP53" s="1026"/>
      <c r="AQ53" s="1026"/>
      <c r="AR53" s="1026"/>
      <c r="AS53" s="1026"/>
      <c r="AT53" s="1026"/>
      <c r="AU53" s="1026"/>
      <c r="AV53" s="1026"/>
      <c r="AW53" s="1027"/>
      <c r="AX53" s="289"/>
      <c r="AY53" s="290"/>
      <c r="AZ53" s="290"/>
      <c r="BA53" s="290"/>
      <c r="BB53" s="290"/>
      <c r="BC53" s="290"/>
      <c r="BD53" s="290"/>
      <c r="BE53" s="290"/>
      <c r="BF53" s="291"/>
      <c r="BG53" s="289"/>
      <c r="BH53" s="290"/>
      <c r="BI53" s="290"/>
      <c r="BJ53" s="290"/>
      <c r="BK53" s="290"/>
      <c r="BL53" s="290"/>
      <c r="BM53" s="290"/>
      <c r="BN53" s="290"/>
      <c r="BO53" s="336"/>
      <c r="BP53" s="79"/>
      <c r="BQ53" s="85"/>
      <c r="BR53" s="85"/>
      <c r="BT53" s="116"/>
    </row>
    <row r="54" spans="1:72" ht="5.25" customHeight="1">
      <c r="A54" s="113"/>
      <c r="B54" s="113"/>
      <c r="D54" s="929"/>
      <c r="E54" s="930"/>
      <c r="F54" s="1002"/>
      <c r="G54" s="1003"/>
      <c r="H54" s="1003"/>
      <c r="I54" s="1003"/>
      <c r="J54" s="1003"/>
      <c r="K54" s="1004"/>
      <c r="L54" s="945"/>
      <c r="M54" s="946"/>
      <c r="N54" s="947"/>
      <c r="O54" s="945"/>
      <c r="P54" s="946"/>
      <c r="Q54" s="946"/>
      <c r="R54" s="946"/>
      <c r="S54" s="946"/>
      <c r="T54" s="946"/>
      <c r="U54" s="946"/>
      <c r="V54" s="946"/>
      <c r="W54" s="1009"/>
      <c r="X54" s="84"/>
      <c r="Y54" s="128"/>
      <c r="Z54" s="283"/>
      <c r="AA54" s="283"/>
      <c r="AB54" s="283"/>
      <c r="AC54" s="284"/>
      <c r="AD54" s="127"/>
      <c r="AE54" s="126"/>
      <c r="AF54" s="126"/>
      <c r="AG54" s="126"/>
      <c r="AH54" s="126"/>
      <c r="AI54" s="126"/>
      <c r="AJ54" s="126"/>
      <c r="AK54" s="126"/>
      <c r="AL54" s="126"/>
      <c r="AM54" s="126"/>
      <c r="AN54" s="137"/>
      <c r="AO54" s="1028"/>
      <c r="AP54" s="1029"/>
      <c r="AQ54" s="1029"/>
      <c r="AR54" s="1029"/>
      <c r="AS54" s="1029"/>
      <c r="AT54" s="1029"/>
      <c r="AU54" s="1029"/>
      <c r="AV54" s="1029"/>
      <c r="AW54" s="1030"/>
      <c r="AX54" s="292"/>
      <c r="AY54" s="293"/>
      <c r="AZ54" s="293"/>
      <c r="BA54" s="293"/>
      <c r="BB54" s="293"/>
      <c r="BC54" s="293"/>
      <c r="BD54" s="293"/>
      <c r="BE54" s="293"/>
      <c r="BF54" s="294"/>
      <c r="BG54" s="292"/>
      <c r="BH54" s="293"/>
      <c r="BI54" s="293"/>
      <c r="BJ54" s="293"/>
      <c r="BK54" s="293"/>
      <c r="BL54" s="293"/>
      <c r="BM54" s="293"/>
      <c r="BN54" s="293"/>
      <c r="BO54" s="337"/>
      <c r="BP54" s="79"/>
      <c r="BQ54" s="85"/>
      <c r="BR54" s="85"/>
      <c r="BT54" s="108"/>
    </row>
    <row r="55" spans="1:72" ht="5.25" customHeight="1">
      <c r="A55" s="113"/>
      <c r="B55" s="113"/>
      <c r="D55" s="929"/>
      <c r="E55" s="930"/>
      <c r="F55" s="1002"/>
      <c r="G55" s="1003"/>
      <c r="H55" s="1003"/>
      <c r="I55" s="1003"/>
      <c r="J55" s="1003"/>
      <c r="K55" s="1004"/>
      <c r="L55" s="945"/>
      <c r="M55" s="946"/>
      <c r="N55" s="947"/>
      <c r="O55" s="945"/>
      <c r="P55" s="946"/>
      <c r="Q55" s="946"/>
      <c r="R55" s="946"/>
      <c r="S55" s="946"/>
      <c r="T55" s="946"/>
      <c r="U55" s="946"/>
      <c r="V55" s="946"/>
      <c r="W55" s="1009"/>
      <c r="X55" s="84"/>
      <c r="Y55" s="128"/>
      <c r="Z55" s="283"/>
      <c r="AA55" s="283"/>
      <c r="AB55" s="283"/>
      <c r="AC55" s="284"/>
      <c r="AD55" s="127"/>
      <c r="AE55" s="126"/>
      <c r="AF55" s="126"/>
      <c r="AG55" s="126"/>
      <c r="AH55" s="126"/>
      <c r="AI55" s="126"/>
      <c r="AJ55" s="126"/>
      <c r="AK55" s="126"/>
      <c r="AL55" s="126"/>
      <c r="AM55" s="126"/>
      <c r="AN55" s="137"/>
      <c r="AO55" s="1028"/>
      <c r="AP55" s="1029"/>
      <c r="AQ55" s="1029"/>
      <c r="AR55" s="1029"/>
      <c r="AS55" s="1029"/>
      <c r="AT55" s="1029"/>
      <c r="AU55" s="1029"/>
      <c r="AV55" s="1029"/>
      <c r="AW55" s="1030"/>
      <c r="AX55" s="292"/>
      <c r="AY55" s="293"/>
      <c r="AZ55" s="293"/>
      <c r="BA55" s="293"/>
      <c r="BB55" s="293"/>
      <c r="BC55" s="293"/>
      <c r="BD55" s="293"/>
      <c r="BE55" s="293"/>
      <c r="BF55" s="294"/>
      <c r="BG55" s="292"/>
      <c r="BH55" s="293"/>
      <c r="BI55" s="293"/>
      <c r="BJ55" s="293"/>
      <c r="BK55" s="293"/>
      <c r="BL55" s="293"/>
      <c r="BM55" s="293"/>
      <c r="BN55" s="293"/>
      <c r="BO55" s="337"/>
      <c r="BP55" s="79"/>
      <c r="BQ55" s="85"/>
      <c r="BR55" s="85"/>
      <c r="BT55" s="108"/>
    </row>
    <row r="56" spans="1:72" ht="5.25" customHeight="1">
      <c r="A56" s="113"/>
      <c r="B56" s="113"/>
      <c r="D56" s="931"/>
      <c r="E56" s="932"/>
      <c r="F56" s="1005"/>
      <c r="G56" s="1006"/>
      <c r="H56" s="1006"/>
      <c r="I56" s="1006"/>
      <c r="J56" s="1006"/>
      <c r="K56" s="1007"/>
      <c r="L56" s="948"/>
      <c r="M56" s="949"/>
      <c r="N56" s="950"/>
      <c r="O56" s="948"/>
      <c r="P56" s="949"/>
      <c r="Q56" s="949"/>
      <c r="R56" s="949"/>
      <c r="S56" s="949"/>
      <c r="T56" s="949"/>
      <c r="U56" s="949"/>
      <c r="V56" s="949"/>
      <c r="W56" s="1010"/>
      <c r="X56" s="84"/>
      <c r="Y56" s="136"/>
      <c r="Z56" s="285"/>
      <c r="AA56" s="285"/>
      <c r="AB56" s="285"/>
      <c r="AC56" s="286"/>
      <c r="AD56" s="135"/>
      <c r="AE56" s="134"/>
      <c r="AF56" s="134"/>
      <c r="AG56" s="134"/>
      <c r="AH56" s="134"/>
      <c r="AI56" s="134"/>
      <c r="AJ56" s="134"/>
      <c r="AK56" s="134"/>
      <c r="AL56" s="134"/>
      <c r="AM56" s="134"/>
      <c r="AN56" s="133"/>
      <c r="AO56" s="1031"/>
      <c r="AP56" s="1032"/>
      <c r="AQ56" s="1032"/>
      <c r="AR56" s="1032"/>
      <c r="AS56" s="1032"/>
      <c r="AT56" s="1032"/>
      <c r="AU56" s="1032"/>
      <c r="AV56" s="1032"/>
      <c r="AW56" s="1033"/>
      <c r="AX56" s="295"/>
      <c r="AY56" s="296"/>
      <c r="AZ56" s="296"/>
      <c r="BA56" s="296"/>
      <c r="BB56" s="296"/>
      <c r="BC56" s="296"/>
      <c r="BD56" s="296"/>
      <c r="BE56" s="296"/>
      <c r="BF56" s="297"/>
      <c r="BG56" s="295"/>
      <c r="BH56" s="296"/>
      <c r="BI56" s="296"/>
      <c r="BJ56" s="296"/>
      <c r="BK56" s="296"/>
      <c r="BL56" s="296"/>
      <c r="BM56" s="296"/>
      <c r="BN56" s="296"/>
      <c r="BO56" s="132"/>
      <c r="BP56" s="79"/>
      <c r="BQ56" s="85"/>
      <c r="BR56" s="85"/>
      <c r="BT56" s="108"/>
    </row>
    <row r="57" spans="1:72" ht="5.25" customHeight="1">
      <c r="A57" s="113"/>
      <c r="B57" s="113"/>
      <c r="D57" s="927">
        <v>12</v>
      </c>
      <c r="E57" s="928"/>
      <c r="F57" s="999"/>
      <c r="G57" s="1000"/>
      <c r="H57" s="1000"/>
      <c r="I57" s="1000"/>
      <c r="J57" s="1000"/>
      <c r="K57" s="1001"/>
      <c r="L57" s="942"/>
      <c r="M57" s="943"/>
      <c r="N57" s="944"/>
      <c r="O57" s="942"/>
      <c r="P57" s="943"/>
      <c r="Q57" s="943"/>
      <c r="R57" s="943"/>
      <c r="S57" s="943"/>
      <c r="T57" s="943"/>
      <c r="U57" s="943"/>
      <c r="V57" s="943"/>
      <c r="W57" s="1008"/>
      <c r="X57" s="84"/>
      <c r="Y57" s="131"/>
      <c r="Z57" s="281"/>
      <c r="AA57" s="281"/>
      <c r="AB57" s="281"/>
      <c r="AC57" s="281"/>
      <c r="AD57" s="130"/>
      <c r="AE57" s="129"/>
      <c r="AF57" s="129"/>
      <c r="AG57" s="129"/>
      <c r="AH57" s="129"/>
      <c r="AI57" s="129"/>
      <c r="AJ57" s="129"/>
      <c r="AK57" s="129"/>
      <c r="AL57" s="129"/>
      <c r="AM57" s="129"/>
      <c r="AN57" s="129"/>
      <c r="AO57" s="1025" t="s">
        <v>232</v>
      </c>
      <c r="AP57" s="1026"/>
      <c r="AQ57" s="1026"/>
      <c r="AR57" s="1026"/>
      <c r="AS57" s="1026"/>
      <c r="AT57" s="1026"/>
      <c r="AU57" s="1026"/>
      <c r="AV57" s="1026"/>
      <c r="AW57" s="1027"/>
      <c r="AX57" s="290"/>
      <c r="AY57" s="290"/>
      <c r="AZ57" s="290"/>
      <c r="BA57" s="290"/>
      <c r="BB57" s="290"/>
      <c r="BC57" s="290"/>
      <c r="BD57" s="290"/>
      <c r="BE57" s="290"/>
      <c r="BF57" s="291"/>
      <c r="BG57" s="290"/>
      <c r="BH57" s="290"/>
      <c r="BI57" s="290"/>
      <c r="BJ57" s="290"/>
      <c r="BK57" s="290"/>
      <c r="BL57" s="290"/>
      <c r="BM57" s="290"/>
      <c r="BN57" s="290"/>
      <c r="BO57" s="336"/>
      <c r="BP57" s="79"/>
      <c r="BQ57" s="85"/>
      <c r="BR57" s="85"/>
      <c r="BT57" s="108"/>
    </row>
    <row r="58" spans="1:72" ht="5.25" customHeight="1">
      <c r="A58" s="113"/>
      <c r="B58" s="113"/>
      <c r="D58" s="929"/>
      <c r="E58" s="930"/>
      <c r="F58" s="1002"/>
      <c r="G58" s="1003"/>
      <c r="H58" s="1003"/>
      <c r="I58" s="1003"/>
      <c r="J58" s="1003"/>
      <c r="K58" s="1004"/>
      <c r="L58" s="945"/>
      <c r="M58" s="946"/>
      <c r="N58" s="947"/>
      <c r="O58" s="945"/>
      <c r="P58" s="946"/>
      <c r="Q58" s="946"/>
      <c r="R58" s="946"/>
      <c r="S58" s="946"/>
      <c r="T58" s="946"/>
      <c r="U58" s="946"/>
      <c r="V58" s="946"/>
      <c r="W58" s="1009"/>
      <c r="X58" s="84"/>
      <c r="Y58" s="128"/>
      <c r="Z58" s="283"/>
      <c r="AA58" s="283"/>
      <c r="AB58" s="283"/>
      <c r="AC58" s="283"/>
      <c r="AD58" s="127"/>
      <c r="AE58" s="126"/>
      <c r="AF58" s="126"/>
      <c r="AG58" s="126"/>
      <c r="AH58" s="126"/>
      <c r="AI58" s="126"/>
      <c r="AJ58" s="126"/>
      <c r="AK58" s="126"/>
      <c r="AL58" s="126"/>
      <c r="AM58" s="126"/>
      <c r="AN58" s="126"/>
      <c r="AO58" s="1028"/>
      <c r="AP58" s="1029"/>
      <c r="AQ58" s="1029"/>
      <c r="AR58" s="1029"/>
      <c r="AS58" s="1029"/>
      <c r="AT58" s="1029"/>
      <c r="AU58" s="1029"/>
      <c r="AV58" s="1029"/>
      <c r="AW58" s="1030"/>
      <c r="AX58" s="293"/>
      <c r="AY58" s="293"/>
      <c r="AZ58" s="293"/>
      <c r="BA58" s="293"/>
      <c r="BB58" s="293"/>
      <c r="BC58" s="293"/>
      <c r="BD58" s="293"/>
      <c r="BE58" s="293"/>
      <c r="BF58" s="294"/>
      <c r="BG58" s="293"/>
      <c r="BH58" s="293"/>
      <c r="BI58" s="293"/>
      <c r="BJ58" s="293"/>
      <c r="BK58" s="293"/>
      <c r="BL58" s="293"/>
      <c r="BM58" s="293"/>
      <c r="BN58" s="293"/>
      <c r="BO58" s="337"/>
      <c r="BP58" s="79"/>
      <c r="BQ58" s="85"/>
      <c r="BR58" s="85"/>
      <c r="BT58" s="108"/>
    </row>
    <row r="59" spans="1:72" ht="5.25" customHeight="1">
      <c r="A59" s="113"/>
      <c r="B59" s="113"/>
      <c r="D59" s="929"/>
      <c r="E59" s="930"/>
      <c r="F59" s="1002"/>
      <c r="G59" s="1003"/>
      <c r="H59" s="1003"/>
      <c r="I59" s="1003"/>
      <c r="J59" s="1003"/>
      <c r="K59" s="1004"/>
      <c r="L59" s="945"/>
      <c r="M59" s="946"/>
      <c r="N59" s="947"/>
      <c r="O59" s="945"/>
      <c r="P59" s="946"/>
      <c r="Q59" s="946"/>
      <c r="R59" s="946"/>
      <c r="S59" s="946"/>
      <c r="T59" s="946"/>
      <c r="U59" s="946"/>
      <c r="V59" s="946"/>
      <c r="W59" s="1009"/>
      <c r="X59" s="84"/>
      <c r="Y59" s="128"/>
      <c r="Z59" s="283"/>
      <c r="AA59" s="283"/>
      <c r="AB59" s="283"/>
      <c r="AC59" s="283"/>
      <c r="AD59" s="127"/>
      <c r="AE59" s="126"/>
      <c r="AF59" s="126"/>
      <c r="AG59" s="126"/>
      <c r="AH59" s="126"/>
      <c r="AI59" s="126"/>
      <c r="AJ59" s="126"/>
      <c r="AK59" s="126"/>
      <c r="AL59" s="126"/>
      <c r="AM59" s="126"/>
      <c r="AN59" s="126"/>
      <c r="AO59" s="1028"/>
      <c r="AP59" s="1029"/>
      <c r="AQ59" s="1029"/>
      <c r="AR59" s="1029"/>
      <c r="AS59" s="1029"/>
      <c r="AT59" s="1029"/>
      <c r="AU59" s="1029"/>
      <c r="AV59" s="1029"/>
      <c r="AW59" s="1030"/>
      <c r="AX59" s="293"/>
      <c r="AY59" s="293"/>
      <c r="AZ59" s="293"/>
      <c r="BA59" s="293"/>
      <c r="BB59" s="293"/>
      <c r="BC59" s="293"/>
      <c r="BD59" s="293"/>
      <c r="BE59" s="293"/>
      <c r="BF59" s="294"/>
      <c r="BG59" s="293"/>
      <c r="BH59" s="293"/>
      <c r="BI59" s="293"/>
      <c r="BJ59" s="293"/>
      <c r="BK59" s="293"/>
      <c r="BL59" s="293"/>
      <c r="BM59" s="293"/>
      <c r="BN59" s="293"/>
      <c r="BO59" s="337"/>
      <c r="BP59" s="79"/>
      <c r="BQ59" s="85"/>
      <c r="BR59" s="85"/>
      <c r="BT59" s="108"/>
    </row>
    <row r="60" spans="1:72" ht="5.25" customHeight="1">
      <c r="A60" s="113"/>
      <c r="B60" s="113"/>
      <c r="D60" s="931"/>
      <c r="E60" s="932"/>
      <c r="F60" s="1005"/>
      <c r="G60" s="1006"/>
      <c r="H60" s="1006"/>
      <c r="I60" s="1006"/>
      <c r="J60" s="1006"/>
      <c r="K60" s="1007"/>
      <c r="L60" s="948"/>
      <c r="M60" s="949"/>
      <c r="N60" s="950"/>
      <c r="O60" s="948"/>
      <c r="P60" s="949"/>
      <c r="Q60" s="949"/>
      <c r="R60" s="949"/>
      <c r="S60" s="949"/>
      <c r="T60" s="949"/>
      <c r="U60" s="949"/>
      <c r="V60" s="949"/>
      <c r="W60" s="1010"/>
      <c r="X60" s="84"/>
      <c r="Y60" s="125"/>
      <c r="Z60" s="123"/>
      <c r="AA60" s="123"/>
      <c r="AB60" s="123"/>
      <c r="AC60" s="123"/>
      <c r="AD60" s="124"/>
      <c r="AE60" s="123"/>
      <c r="AF60" s="123"/>
      <c r="AG60" s="123"/>
      <c r="AH60" s="123"/>
      <c r="AI60" s="123"/>
      <c r="AJ60" s="123"/>
      <c r="AK60" s="123"/>
      <c r="AL60" s="123"/>
      <c r="AM60" s="123"/>
      <c r="AN60" s="123"/>
      <c r="AO60" s="1034"/>
      <c r="AP60" s="1035"/>
      <c r="AQ60" s="1035"/>
      <c r="AR60" s="1035"/>
      <c r="AS60" s="1035"/>
      <c r="AT60" s="1035"/>
      <c r="AU60" s="1035"/>
      <c r="AV60" s="1035"/>
      <c r="AW60" s="1036"/>
      <c r="AX60" s="122"/>
      <c r="AY60" s="120"/>
      <c r="AZ60" s="120"/>
      <c r="BA60" s="120"/>
      <c r="BB60" s="120"/>
      <c r="BC60" s="120"/>
      <c r="BD60" s="120"/>
      <c r="BE60" s="120"/>
      <c r="BF60" s="121"/>
      <c r="BG60" s="120"/>
      <c r="BH60" s="120"/>
      <c r="BI60" s="120"/>
      <c r="BJ60" s="120"/>
      <c r="BK60" s="120"/>
      <c r="BL60" s="120"/>
      <c r="BM60" s="120"/>
      <c r="BN60" s="120"/>
      <c r="BO60" s="119"/>
      <c r="BP60" s="79"/>
      <c r="BQ60" s="85"/>
      <c r="BR60" s="85"/>
      <c r="BT60" s="108"/>
    </row>
    <row r="61" spans="1:72" ht="5.25" customHeight="1">
      <c r="A61" s="113"/>
      <c r="B61" s="113"/>
      <c r="D61" s="1037" t="s">
        <v>231</v>
      </c>
      <c r="E61" s="1038"/>
      <c r="F61" s="1038"/>
      <c r="G61" s="1038"/>
      <c r="H61" s="1038"/>
      <c r="I61" s="1038"/>
      <c r="J61" s="1038"/>
      <c r="K61" s="1038"/>
      <c r="L61" s="1039"/>
      <c r="M61" s="933" t="s">
        <v>4</v>
      </c>
      <c r="N61" s="934"/>
      <c r="O61" s="934"/>
      <c r="P61" s="934"/>
      <c r="Q61" s="934"/>
      <c r="R61" s="934"/>
      <c r="S61" s="934"/>
      <c r="T61" s="934"/>
      <c r="U61" s="934"/>
      <c r="V61" s="934"/>
      <c r="W61" s="951"/>
      <c r="X61" s="84"/>
      <c r="AX61" s="1075" t="s">
        <v>230</v>
      </c>
      <c r="AY61" s="1076"/>
      <c r="AZ61" s="1076"/>
      <c r="BA61" s="1076"/>
      <c r="BB61" s="1076"/>
      <c r="BC61" s="1076"/>
      <c r="BD61" s="1076"/>
      <c r="BE61" s="1076"/>
      <c r="BF61" s="1077"/>
      <c r="BG61" s="108"/>
      <c r="BH61" s="108"/>
      <c r="BI61" s="108"/>
      <c r="BJ61" s="108"/>
      <c r="BK61" s="108"/>
      <c r="BL61" s="108"/>
      <c r="BM61" s="108"/>
      <c r="BN61" s="108"/>
      <c r="BO61" s="118"/>
      <c r="BP61" s="85"/>
      <c r="BQ61" s="85"/>
      <c r="BR61" s="85"/>
      <c r="BT61" s="108"/>
    </row>
    <row r="62" spans="1:72" ht="5.25" customHeight="1">
      <c r="A62" s="113"/>
      <c r="B62" s="113"/>
      <c r="D62" s="1040"/>
      <c r="E62" s="964"/>
      <c r="F62" s="964"/>
      <c r="G62" s="964"/>
      <c r="H62" s="964"/>
      <c r="I62" s="964"/>
      <c r="J62" s="964"/>
      <c r="K62" s="964"/>
      <c r="L62" s="965"/>
      <c r="M62" s="936"/>
      <c r="N62" s="937"/>
      <c r="O62" s="937"/>
      <c r="P62" s="937"/>
      <c r="Q62" s="937"/>
      <c r="R62" s="937"/>
      <c r="S62" s="937"/>
      <c r="T62" s="937"/>
      <c r="U62" s="937"/>
      <c r="V62" s="937"/>
      <c r="W62" s="952"/>
      <c r="X62" s="84"/>
      <c r="AX62" s="984"/>
      <c r="AY62" s="985"/>
      <c r="AZ62" s="985"/>
      <c r="BA62" s="985"/>
      <c r="BB62" s="985"/>
      <c r="BC62" s="985"/>
      <c r="BD62" s="985"/>
      <c r="BE62" s="985"/>
      <c r="BF62" s="986"/>
      <c r="BG62" s="108"/>
      <c r="BH62" s="108"/>
      <c r="BI62" s="108"/>
      <c r="BJ62" s="108"/>
      <c r="BK62" s="108"/>
      <c r="BL62" s="108"/>
      <c r="BM62" s="108"/>
      <c r="BN62" s="108"/>
      <c r="BO62" s="118"/>
      <c r="BP62" s="85"/>
      <c r="BQ62" s="85"/>
      <c r="BR62" s="85"/>
      <c r="BT62" s="108"/>
    </row>
    <row r="63" spans="1:72" ht="5.25" customHeight="1">
      <c r="A63" s="113"/>
      <c r="B63" s="113"/>
      <c r="D63" s="1040"/>
      <c r="E63" s="964"/>
      <c r="F63" s="964"/>
      <c r="G63" s="964"/>
      <c r="H63" s="964"/>
      <c r="I63" s="964"/>
      <c r="J63" s="964"/>
      <c r="K63" s="964"/>
      <c r="L63" s="965"/>
      <c r="M63" s="936"/>
      <c r="N63" s="937"/>
      <c r="O63" s="937"/>
      <c r="P63" s="937"/>
      <c r="Q63" s="937"/>
      <c r="R63" s="937"/>
      <c r="S63" s="937"/>
      <c r="T63" s="937"/>
      <c r="U63" s="937"/>
      <c r="V63" s="937"/>
      <c r="W63" s="952"/>
      <c r="X63" s="84"/>
      <c r="AX63" s="984"/>
      <c r="AY63" s="985"/>
      <c r="AZ63" s="985"/>
      <c r="BA63" s="985"/>
      <c r="BB63" s="985"/>
      <c r="BC63" s="985"/>
      <c r="BD63" s="985"/>
      <c r="BE63" s="985"/>
      <c r="BF63" s="986"/>
      <c r="BG63" s="108"/>
      <c r="BH63" s="108"/>
      <c r="BI63" s="108"/>
      <c r="BJ63" s="108"/>
      <c r="BK63" s="108"/>
      <c r="BL63" s="108"/>
      <c r="BM63" s="108"/>
      <c r="BN63" s="108"/>
      <c r="BO63" s="118"/>
      <c r="BP63" s="85"/>
      <c r="BQ63" s="85"/>
      <c r="BR63" s="85"/>
      <c r="BT63" s="108"/>
    </row>
    <row r="64" spans="1:72" ht="5.25" customHeight="1">
      <c r="A64" s="113"/>
      <c r="B64" s="113"/>
      <c r="D64" s="1040"/>
      <c r="E64" s="964"/>
      <c r="F64" s="964"/>
      <c r="G64" s="964"/>
      <c r="H64" s="964"/>
      <c r="I64" s="964"/>
      <c r="J64" s="964"/>
      <c r="K64" s="964"/>
      <c r="L64" s="965"/>
      <c r="M64" s="936"/>
      <c r="N64" s="937"/>
      <c r="O64" s="937"/>
      <c r="P64" s="937"/>
      <c r="Q64" s="937"/>
      <c r="R64" s="937"/>
      <c r="S64" s="937"/>
      <c r="T64" s="937"/>
      <c r="U64" s="937"/>
      <c r="V64" s="937"/>
      <c r="W64" s="952"/>
      <c r="X64" s="84"/>
      <c r="Y64" s="907" t="s">
        <v>229</v>
      </c>
      <c r="Z64" s="907"/>
      <c r="AA64" s="907"/>
      <c r="AB64" s="907"/>
      <c r="AC64" s="907"/>
      <c r="AD64" s="907"/>
      <c r="AE64" s="907"/>
      <c r="AF64" s="907"/>
      <c r="AG64" s="907"/>
      <c r="AH64" s="907"/>
      <c r="AI64" s="907"/>
      <c r="AJ64" s="907"/>
      <c r="AK64" s="907"/>
      <c r="AL64" s="907"/>
      <c r="AM64" s="907"/>
      <c r="AN64" s="907"/>
      <c r="AO64" s="907"/>
      <c r="AP64" s="907"/>
      <c r="AQ64" s="907"/>
      <c r="AR64" s="907"/>
      <c r="AS64" s="907"/>
      <c r="AT64" s="907"/>
      <c r="AU64" s="269"/>
      <c r="AV64" s="269"/>
      <c r="AW64" s="269"/>
      <c r="AX64" s="1078"/>
      <c r="AY64" s="1079"/>
      <c r="AZ64" s="1079"/>
      <c r="BA64" s="1079"/>
      <c r="BB64" s="1079"/>
      <c r="BC64" s="1079"/>
      <c r="BD64" s="1079"/>
      <c r="BE64" s="1079"/>
      <c r="BF64" s="1080"/>
      <c r="BG64" s="102"/>
      <c r="BH64" s="102"/>
      <c r="BI64" s="102"/>
      <c r="BJ64" s="108"/>
      <c r="BK64" s="108"/>
      <c r="BL64" s="108"/>
      <c r="BM64" s="108"/>
      <c r="BN64" s="108"/>
      <c r="BO64" s="118"/>
      <c r="BP64" s="85"/>
      <c r="BQ64" s="85"/>
      <c r="BR64" s="85"/>
      <c r="BT64" s="108"/>
    </row>
    <row r="65" spans="1:72" ht="5.25" customHeight="1">
      <c r="A65" s="113"/>
      <c r="B65" s="113"/>
      <c r="D65" s="1041"/>
      <c r="E65" s="967"/>
      <c r="F65" s="967"/>
      <c r="G65" s="967"/>
      <c r="H65" s="967"/>
      <c r="I65" s="967"/>
      <c r="J65" s="967"/>
      <c r="K65" s="967"/>
      <c r="L65" s="968"/>
      <c r="M65" s="939"/>
      <c r="N65" s="940"/>
      <c r="O65" s="940"/>
      <c r="P65" s="940"/>
      <c r="Q65" s="940"/>
      <c r="R65" s="940"/>
      <c r="S65" s="940"/>
      <c r="T65" s="940"/>
      <c r="U65" s="940"/>
      <c r="V65" s="940"/>
      <c r="W65" s="953"/>
      <c r="X65" s="84"/>
      <c r="Y65" s="907"/>
      <c r="Z65" s="907"/>
      <c r="AA65" s="907"/>
      <c r="AB65" s="907"/>
      <c r="AC65" s="907"/>
      <c r="AD65" s="907"/>
      <c r="AE65" s="907"/>
      <c r="AF65" s="907"/>
      <c r="AG65" s="907"/>
      <c r="AH65" s="907"/>
      <c r="AI65" s="907"/>
      <c r="AJ65" s="907"/>
      <c r="AK65" s="907"/>
      <c r="AL65" s="907"/>
      <c r="AM65" s="907"/>
      <c r="AN65" s="907"/>
      <c r="AO65" s="907"/>
      <c r="AP65" s="907"/>
      <c r="AQ65" s="907"/>
      <c r="AR65" s="907"/>
      <c r="AS65" s="907"/>
      <c r="AT65" s="907"/>
      <c r="AU65" s="269"/>
      <c r="AV65" s="269"/>
      <c r="AW65" s="269"/>
      <c r="AX65" s="117"/>
      <c r="AY65" s="117"/>
      <c r="AZ65" s="117"/>
      <c r="BA65" s="117"/>
      <c r="BB65" s="117"/>
      <c r="BC65" s="117"/>
      <c r="BD65" s="117"/>
      <c r="BE65" s="117"/>
      <c r="BF65" s="117"/>
      <c r="BG65" s="117"/>
      <c r="BH65" s="117"/>
      <c r="BI65" s="117"/>
      <c r="BJ65" s="104"/>
      <c r="BK65" s="104"/>
      <c r="BL65" s="104"/>
      <c r="BM65" s="104"/>
      <c r="BN65" s="104"/>
      <c r="BO65" s="104"/>
      <c r="BP65" s="85"/>
      <c r="BQ65" s="85"/>
      <c r="BR65" s="85"/>
      <c r="BT65" s="108"/>
    </row>
    <row r="66" spans="1:72" ht="5.25" customHeight="1">
      <c r="A66" s="113"/>
      <c r="B66" s="113"/>
      <c r="D66" s="1037" t="s">
        <v>228</v>
      </c>
      <c r="E66" s="1038"/>
      <c r="F66" s="1038"/>
      <c r="G66" s="1038"/>
      <c r="H66" s="1038"/>
      <c r="I66" s="1038"/>
      <c r="J66" s="1038"/>
      <c r="K66" s="1038"/>
      <c r="L66" s="1039"/>
      <c r="M66" s="1081"/>
      <c r="N66" s="1082"/>
      <c r="O66" s="1082"/>
      <c r="P66" s="1082"/>
      <c r="Q66" s="1082"/>
      <c r="R66" s="1082"/>
      <c r="S66" s="1082"/>
      <c r="T66" s="1082"/>
      <c r="U66" s="1082"/>
      <c r="V66" s="1082"/>
      <c r="W66" s="1083"/>
      <c r="X66" s="84"/>
      <c r="Y66" s="907"/>
      <c r="Z66" s="907"/>
      <c r="AA66" s="907"/>
      <c r="AB66" s="907"/>
      <c r="AC66" s="907"/>
      <c r="AD66" s="907"/>
      <c r="AE66" s="907"/>
      <c r="AF66" s="907"/>
      <c r="AG66" s="907"/>
      <c r="AH66" s="907"/>
      <c r="AI66" s="907"/>
      <c r="AJ66" s="907"/>
      <c r="AK66" s="907"/>
      <c r="AL66" s="907"/>
      <c r="AM66" s="907"/>
      <c r="AN66" s="907"/>
      <c r="AO66" s="907"/>
      <c r="AP66" s="907"/>
      <c r="AQ66" s="907"/>
      <c r="AR66" s="907"/>
      <c r="AS66" s="907"/>
      <c r="AT66" s="907"/>
      <c r="AU66" s="269"/>
      <c r="AV66" s="269"/>
      <c r="AW66" s="269"/>
      <c r="AX66" s="269"/>
      <c r="AY66" s="269"/>
      <c r="AZ66" s="269"/>
      <c r="BA66" s="269"/>
      <c r="BB66" s="269"/>
      <c r="BC66" s="269"/>
      <c r="BD66" s="269"/>
      <c r="BE66" s="269"/>
      <c r="BF66" s="269"/>
      <c r="BG66" s="269"/>
      <c r="BH66" s="269"/>
      <c r="BI66" s="269"/>
      <c r="BP66" s="85"/>
      <c r="BQ66" s="85"/>
      <c r="BR66" s="85"/>
      <c r="BS66" s="82"/>
      <c r="BT66" s="116"/>
    </row>
    <row r="67" spans="1:72" ht="5.25" customHeight="1">
      <c r="A67" s="113"/>
      <c r="B67" s="113"/>
      <c r="D67" s="1040"/>
      <c r="E67" s="964"/>
      <c r="F67" s="964"/>
      <c r="G67" s="964"/>
      <c r="H67" s="964"/>
      <c r="I67" s="964"/>
      <c r="J67" s="964"/>
      <c r="K67" s="964"/>
      <c r="L67" s="965"/>
      <c r="M67" s="1084"/>
      <c r="N67" s="1085"/>
      <c r="O67" s="1085"/>
      <c r="P67" s="1085"/>
      <c r="Q67" s="1085"/>
      <c r="R67" s="1085"/>
      <c r="S67" s="1085"/>
      <c r="T67" s="1085"/>
      <c r="U67" s="1085"/>
      <c r="V67" s="1085"/>
      <c r="W67" s="1086"/>
      <c r="X67" s="84"/>
      <c r="Y67" s="1090" t="s">
        <v>227</v>
      </c>
      <c r="Z67" s="1091"/>
      <c r="AA67" s="1091"/>
      <c r="AB67" s="1091"/>
      <c r="AC67" s="1091"/>
      <c r="AD67" s="1094" t="s">
        <v>226</v>
      </c>
      <c r="AE67" s="1094"/>
      <c r="AF67" s="1094"/>
      <c r="AG67" s="1094"/>
      <c r="AH67" s="1094"/>
      <c r="AI67" s="1094"/>
      <c r="AJ67" s="1094"/>
      <c r="AK67" s="1094"/>
      <c r="AL67" s="1094"/>
      <c r="AM67" s="1094"/>
      <c r="AN67" s="1094"/>
      <c r="AO67" s="1096" t="s">
        <v>261</v>
      </c>
      <c r="AP67" s="1096"/>
      <c r="AQ67" s="1096"/>
      <c r="AR67" s="1096"/>
      <c r="AS67" s="1096"/>
      <c r="AT67" s="1096"/>
      <c r="AU67" s="1096"/>
      <c r="AV67" s="1096"/>
      <c r="AW67" s="1096"/>
      <c r="AX67" s="1096"/>
      <c r="AY67" s="1096"/>
      <c r="AZ67" s="1096"/>
      <c r="BA67" s="1096"/>
      <c r="BB67" s="1096"/>
      <c r="BC67" s="1098" t="s">
        <v>220</v>
      </c>
      <c r="BD67" s="1098"/>
      <c r="BE67" s="1098"/>
      <c r="BF67" s="1098"/>
      <c r="BG67" s="1098"/>
      <c r="BH67" s="1098"/>
      <c r="BI67" s="1098"/>
      <c r="BJ67" s="1098"/>
      <c r="BK67" s="1098"/>
      <c r="BL67" s="1098"/>
      <c r="BM67" s="1098"/>
      <c r="BN67" s="1098"/>
      <c r="BO67" s="1099"/>
      <c r="BP67" s="85"/>
      <c r="BQ67" s="85"/>
      <c r="BR67" s="85"/>
      <c r="BS67" s="82"/>
      <c r="BT67" s="116"/>
    </row>
    <row r="68" spans="1:72" ht="5.25" customHeight="1">
      <c r="A68" s="113"/>
      <c r="B68" s="113"/>
      <c r="D68" s="1040"/>
      <c r="E68" s="964"/>
      <c r="F68" s="964"/>
      <c r="G68" s="964"/>
      <c r="H68" s="964"/>
      <c r="I68" s="964"/>
      <c r="J68" s="964"/>
      <c r="K68" s="964"/>
      <c r="L68" s="965"/>
      <c r="M68" s="1084"/>
      <c r="N68" s="1085"/>
      <c r="O68" s="1085"/>
      <c r="P68" s="1085"/>
      <c r="Q68" s="1085"/>
      <c r="R68" s="1085"/>
      <c r="S68" s="1085"/>
      <c r="T68" s="1085"/>
      <c r="U68" s="1085"/>
      <c r="V68" s="1085"/>
      <c r="W68" s="1086"/>
      <c r="X68" s="84"/>
      <c r="Y68" s="1092"/>
      <c r="Z68" s="1093"/>
      <c r="AA68" s="1093"/>
      <c r="AB68" s="1093"/>
      <c r="AC68" s="1093"/>
      <c r="AD68" s="1095"/>
      <c r="AE68" s="1095"/>
      <c r="AF68" s="1095"/>
      <c r="AG68" s="1095"/>
      <c r="AH68" s="1095"/>
      <c r="AI68" s="1095"/>
      <c r="AJ68" s="1095"/>
      <c r="AK68" s="1095"/>
      <c r="AL68" s="1095"/>
      <c r="AM68" s="1095"/>
      <c r="AN68" s="1095"/>
      <c r="AO68" s="1097"/>
      <c r="AP68" s="1097"/>
      <c r="AQ68" s="1097"/>
      <c r="AR68" s="1097"/>
      <c r="AS68" s="1097"/>
      <c r="AT68" s="1097"/>
      <c r="AU68" s="1097"/>
      <c r="AV68" s="1097"/>
      <c r="AW68" s="1097"/>
      <c r="AX68" s="1097"/>
      <c r="AY68" s="1097"/>
      <c r="AZ68" s="1097"/>
      <c r="BA68" s="1097"/>
      <c r="BB68" s="1097"/>
      <c r="BC68" s="1100"/>
      <c r="BD68" s="1100"/>
      <c r="BE68" s="1100"/>
      <c r="BF68" s="1100"/>
      <c r="BG68" s="1100"/>
      <c r="BH68" s="1100"/>
      <c r="BI68" s="1100"/>
      <c r="BJ68" s="1100"/>
      <c r="BK68" s="1100"/>
      <c r="BL68" s="1100"/>
      <c r="BM68" s="1100"/>
      <c r="BN68" s="1100"/>
      <c r="BO68" s="1101"/>
      <c r="BP68" s="85"/>
      <c r="BQ68" s="85"/>
      <c r="BR68" s="82"/>
      <c r="BS68" s="82"/>
      <c r="BT68" s="83"/>
    </row>
    <row r="69" spans="1:72" ht="5.25" customHeight="1">
      <c r="A69" s="113"/>
      <c r="B69" s="113"/>
      <c r="D69" s="1040"/>
      <c r="E69" s="964"/>
      <c r="F69" s="964"/>
      <c r="G69" s="964"/>
      <c r="H69" s="964"/>
      <c r="I69" s="964"/>
      <c r="J69" s="964"/>
      <c r="K69" s="964"/>
      <c r="L69" s="965"/>
      <c r="M69" s="1084"/>
      <c r="N69" s="1085"/>
      <c r="O69" s="1085"/>
      <c r="P69" s="1085"/>
      <c r="Q69" s="1085"/>
      <c r="R69" s="1085"/>
      <c r="S69" s="1085"/>
      <c r="T69" s="1085"/>
      <c r="U69" s="1085"/>
      <c r="V69" s="1085"/>
      <c r="W69" s="1086"/>
      <c r="X69" s="84"/>
      <c r="Y69" s="1092"/>
      <c r="Z69" s="1093"/>
      <c r="AA69" s="1093"/>
      <c r="AB69" s="1093"/>
      <c r="AC69" s="1093"/>
      <c r="AD69" s="1095"/>
      <c r="AE69" s="1095"/>
      <c r="AF69" s="1095"/>
      <c r="AG69" s="1095"/>
      <c r="AH69" s="1095"/>
      <c r="AI69" s="1095"/>
      <c r="AJ69" s="1095"/>
      <c r="AK69" s="1095"/>
      <c r="AL69" s="1095"/>
      <c r="AM69" s="1095"/>
      <c r="AN69" s="1095"/>
      <c r="AO69" s="1097"/>
      <c r="AP69" s="1097"/>
      <c r="AQ69" s="1097"/>
      <c r="AR69" s="1097"/>
      <c r="AS69" s="1097"/>
      <c r="AT69" s="1097"/>
      <c r="AU69" s="1097"/>
      <c r="AV69" s="1097"/>
      <c r="AW69" s="1097"/>
      <c r="AX69" s="1097"/>
      <c r="AY69" s="1097"/>
      <c r="AZ69" s="1097"/>
      <c r="BA69" s="1097"/>
      <c r="BB69" s="1097"/>
      <c r="BC69" s="1100"/>
      <c r="BD69" s="1100"/>
      <c r="BE69" s="1100"/>
      <c r="BF69" s="1100"/>
      <c r="BG69" s="1100"/>
      <c r="BH69" s="1100"/>
      <c r="BI69" s="1100"/>
      <c r="BJ69" s="1100"/>
      <c r="BK69" s="1100"/>
      <c r="BL69" s="1100"/>
      <c r="BM69" s="1100"/>
      <c r="BN69" s="1100"/>
      <c r="BO69" s="1101"/>
      <c r="BP69" s="85">
        <v>0</v>
      </c>
      <c r="BQ69" s="85"/>
      <c r="BR69" s="82"/>
      <c r="BS69" s="82"/>
      <c r="BT69" s="83"/>
    </row>
    <row r="70" spans="1:72" ht="5.25" customHeight="1">
      <c r="A70" s="113"/>
      <c r="B70" s="113"/>
      <c r="D70" s="1041"/>
      <c r="E70" s="967"/>
      <c r="F70" s="967"/>
      <c r="G70" s="967"/>
      <c r="H70" s="967"/>
      <c r="I70" s="967"/>
      <c r="J70" s="967"/>
      <c r="K70" s="967"/>
      <c r="L70" s="968"/>
      <c r="M70" s="1087"/>
      <c r="N70" s="1088"/>
      <c r="O70" s="1088"/>
      <c r="P70" s="1088"/>
      <c r="Q70" s="1088"/>
      <c r="R70" s="1088"/>
      <c r="S70" s="1088"/>
      <c r="T70" s="1088"/>
      <c r="U70" s="1088"/>
      <c r="V70" s="1088"/>
      <c r="W70" s="1089"/>
      <c r="X70" s="84"/>
      <c r="Y70" s="1092"/>
      <c r="Z70" s="1093"/>
      <c r="AA70" s="1093"/>
      <c r="AB70" s="1093"/>
      <c r="AC70" s="1093"/>
      <c r="AD70" s="1095"/>
      <c r="AE70" s="1095"/>
      <c r="AF70" s="1095"/>
      <c r="AG70" s="1095"/>
      <c r="AH70" s="1095"/>
      <c r="AI70" s="1095"/>
      <c r="AJ70" s="1095"/>
      <c r="AK70" s="1095"/>
      <c r="AL70" s="1095"/>
      <c r="AM70" s="1095"/>
      <c r="AN70" s="1095"/>
      <c r="AO70" s="1097"/>
      <c r="AP70" s="1097"/>
      <c r="AQ70" s="1097"/>
      <c r="AR70" s="1097"/>
      <c r="AS70" s="1097"/>
      <c r="AT70" s="1097"/>
      <c r="AU70" s="1097"/>
      <c r="AV70" s="1097"/>
      <c r="AW70" s="1097"/>
      <c r="AX70" s="1097"/>
      <c r="AY70" s="1097"/>
      <c r="AZ70" s="1097"/>
      <c r="BA70" s="1097"/>
      <c r="BB70" s="1097"/>
      <c r="BC70" s="1100"/>
      <c r="BD70" s="1100"/>
      <c r="BE70" s="1100"/>
      <c r="BF70" s="1100"/>
      <c r="BG70" s="1100"/>
      <c r="BH70" s="1100"/>
      <c r="BI70" s="1100"/>
      <c r="BJ70" s="1100"/>
      <c r="BK70" s="1100"/>
      <c r="BL70" s="1100"/>
      <c r="BM70" s="1100"/>
      <c r="BN70" s="1100"/>
      <c r="BO70" s="1101"/>
      <c r="BP70" s="85"/>
      <c r="BQ70" s="85"/>
      <c r="BR70" s="82"/>
      <c r="BS70" s="82"/>
      <c r="BT70" s="83"/>
    </row>
    <row r="71" spans="1:72" ht="5.25" customHeight="1">
      <c r="A71" s="113"/>
      <c r="B71" s="113"/>
      <c r="D71" s="1042" t="s">
        <v>225</v>
      </c>
      <c r="E71" s="1043"/>
      <c r="F71" s="1043"/>
      <c r="G71" s="1043"/>
      <c r="H71" s="1043"/>
      <c r="I71" s="1043"/>
      <c r="J71" s="1044"/>
      <c r="K71" s="1051"/>
      <c r="L71" s="1052"/>
      <c r="M71" s="1052"/>
      <c r="N71" s="1052"/>
      <c r="O71" s="1052"/>
      <c r="P71" s="1052"/>
      <c r="Q71" s="1052"/>
      <c r="R71" s="1052"/>
      <c r="S71" s="1052"/>
      <c r="T71" s="1052"/>
      <c r="U71" s="1052"/>
      <c r="V71" s="1052"/>
      <c r="W71" s="1053"/>
      <c r="X71" s="84"/>
      <c r="Y71" s="1060"/>
      <c r="Z71" s="1061"/>
      <c r="AA71" s="1061"/>
      <c r="AB71" s="1061"/>
      <c r="AC71" s="1062"/>
      <c r="AD71" s="1069"/>
      <c r="AE71" s="1061"/>
      <c r="AF71" s="1061"/>
      <c r="AG71" s="1061"/>
      <c r="AH71" s="1061"/>
      <c r="AI71" s="1061"/>
      <c r="AJ71" s="1061"/>
      <c r="AK71" s="1061"/>
      <c r="AL71" s="1061"/>
      <c r="AM71" s="1061"/>
      <c r="AN71" s="1062"/>
      <c r="AO71" s="933" t="s">
        <v>4</v>
      </c>
      <c r="AP71" s="934"/>
      <c r="AQ71" s="934"/>
      <c r="AR71" s="934"/>
      <c r="AS71" s="934"/>
      <c r="AT71" s="934"/>
      <c r="AU71" s="934"/>
      <c r="AV71" s="934"/>
      <c r="AW71" s="934"/>
      <c r="AX71" s="934"/>
      <c r="AY71" s="934"/>
      <c r="AZ71" s="934"/>
      <c r="BA71" s="934"/>
      <c r="BB71" s="935"/>
      <c r="BC71" s="933" t="s">
        <v>4</v>
      </c>
      <c r="BD71" s="1061"/>
      <c r="BE71" s="1061"/>
      <c r="BF71" s="1061"/>
      <c r="BG71" s="1061"/>
      <c r="BH71" s="1061"/>
      <c r="BI71" s="1061"/>
      <c r="BJ71" s="1061"/>
      <c r="BK71" s="1061"/>
      <c r="BL71" s="1061"/>
      <c r="BM71" s="1061"/>
      <c r="BN71" s="1061"/>
      <c r="BO71" s="1072"/>
      <c r="BP71" s="85"/>
      <c r="BQ71" s="85"/>
      <c r="BR71" s="82"/>
      <c r="BS71" s="82"/>
      <c r="BT71" s="116"/>
    </row>
    <row r="72" spans="1:72" ht="5.25" customHeight="1">
      <c r="A72" s="113"/>
      <c r="B72" s="113"/>
      <c r="D72" s="1045"/>
      <c r="E72" s="1046"/>
      <c r="F72" s="1046"/>
      <c r="G72" s="1046"/>
      <c r="H72" s="1046"/>
      <c r="I72" s="1046"/>
      <c r="J72" s="1047"/>
      <c r="K72" s="1054"/>
      <c r="L72" s="1055"/>
      <c r="M72" s="1055"/>
      <c r="N72" s="1055"/>
      <c r="O72" s="1055"/>
      <c r="P72" s="1055"/>
      <c r="Q72" s="1055"/>
      <c r="R72" s="1055"/>
      <c r="S72" s="1055"/>
      <c r="T72" s="1055"/>
      <c r="U72" s="1055"/>
      <c r="V72" s="1055"/>
      <c r="W72" s="1056"/>
      <c r="X72" s="84"/>
      <c r="Y72" s="1063"/>
      <c r="Z72" s="1064"/>
      <c r="AA72" s="1064"/>
      <c r="AB72" s="1064"/>
      <c r="AC72" s="1065"/>
      <c r="AD72" s="1070"/>
      <c r="AE72" s="1064"/>
      <c r="AF72" s="1064"/>
      <c r="AG72" s="1064"/>
      <c r="AH72" s="1064"/>
      <c r="AI72" s="1064"/>
      <c r="AJ72" s="1064"/>
      <c r="AK72" s="1064"/>
      <c r="AL72" s="1064"/>
      <c r="AM72" s="1064"/>
      <c r="AN72" s="1065"/>
      <c r="AO72" s="936"/>
      <c r="AP72" s="937"/>
      <c r="AQ72" s="937"/>
      <c r="AR72" s="937"/>
      <c r="AS72" s="937"/>
      <c r="AT72" s="937"/>
      <c r="AU72" s="937"/>
      <c r="AV72" s="937"/>
      <c r="AW72" s="937"/>
      <c r="AX72" s="937"/>
      <c r="AY72" s="937"/>
      <c r="AZ72" s="937"/>
      <c r="BA72" s="937"/>
      <c r="BB72" s="938"/>
      <c r="BC72" s="1070"/>
      <c r="BD72" s="1064"/>
      <c r="BE72" s="1064"/>
      <c r="BF72" s="1064"/>
      <c r="BG72" s="1064"/>
      <c r="BH72" s="1064"/>
      <c r="BI72" s="1064"/>
      <c r="BJ72" s="1064"/>
      <c r="BK72" s="1064"/>
      <c r="BL72" s="1064"/>
      <c r="BM72" s="1064"/>
      <c r="BN72" s="1064"/>
      <c r="BO72" s="1073"/>
      <c r="BP72" s="85"/>
      <c r="BQ72" s="85"/>
      <c r="BR72" s="79"/>
      <c r="BS72" s="79"/>
      <c r="BT72" s="81"/>
    </row>
    <row r="73" spans="1:72" ht="5.25" customHeight="1">
      <c r="A73" s="113"/>
      <c r="B73" s="113"/>
      <c r="D73" s="1045"/>
      <c r="E73" s="1046"/>
      <c r="F73" s="1046"/>
      <c r="G73" s="1046"/>
      <c r="H73" s="1046"/>
      <c r="I73" s="1046"/>
      <c r="J73" s="1047"/>
      <c r="K73" s="1054"/>
      <c r="L73" s="1055"/>
      <c r="M73" s="1055"/>
      <c r="N73" s="1055"/>
      <c r="O73" s="1055"/>
      <c r="P73" s="1055"/>
      <c r="Q73" s="1055"/>
      <c r="R73" s="1055"/>
      <c r="S73" s="1055"/>
      <c r="T73" s="1055"/>
      <c r="U73" s="1055"/>
      <c r="V73" s="1055"/>
      <c r="W73" s="1056"/>
      <c r="X73" s="84"/>
      <c r="Y73" s="1063"/>
      <c r="Z73" s="1064"/>
      <c r="AA73" s="1064"/>
      <c r="AB73" s="1064"/>
      <c r="AC73" s="1065"/>
      <c r="AD73" s="1070"/>
      <c r="AE73" s="1064"/>
      <c r="AF73" s="1064"/>
      <c r="AG73" s="1064"/>
      <c r="AH73" s="1064"/>
      <c r="AI73" s="1064"/>
      <c r="AJ73" s="1064"/>
      <c r="AK73" s="1064"/>
      <c r="AL73" s="1064"/>
      <c r="AM73" s="1064"/>
      <c r="AN73" s="1065"/>
      <c r="AO73" s="936"/>
      <c r="AP73" s="937"/>
      <c r="AQ73" s="937"/>
      <c r="AR73" s="937"/>
      <c r="AS73" s="937"/>
      <c r="AT73" s="937"/>
      <c r="AU73" s="937"/>
      <c r="AV73" s="937"/>
      <c r="AW73" s="937"/>
      <c r="AX73" s="937"/>
      <c r="AY73" s="937"/>
      <c r="AZ73" s="937"/>
      <c r="BA73" s="937"/>
      <c r="BB73" s="938"/>
      <c r="BC73" s="1070"/>
      <c r="BD73" s="1064"/>
      <c r="BE73" s="1064"/>
      <c r="BF73" s="1064"/>
      <c r="BG73" s="1064"/>
      <c r="BH73" s="1064"/>
      <c r="BI73" s="1064"/>
      <c r="BJ73" s="1064"/>
      <c r="BK73" s="1064"/>
      <c r="BL73" s="1064"/>
      <c r="BM73" s="1064"/>
      <c r="BN73" s="1064"/>
      <c r="BO73" s="1073"/>
      <c r="BP73" s="85"/>
      <c r="BQ73" s="85"/>
      <c r="BR73" s="79"/>
      <c r="BS73" s="79"/>
      <c r="BT73" s="81"/>
    </row>
    <row r="74" spans="1:72" ht="5.25" customHeight="1">
      <c r="A74" s="113"/>
      <c r="B74" s="113"/>
      <c r="D74" s="1045"/>
      <c r="E74" s="1046"/>
      <c r="F74" s="1046"/>
      <c r="G74" s="1046"/>
      <c r="H74" s="1046"/>
      <c r="I74" s="1046"/>
      <c r="J74" s="1047"/>
      <c r="K74" s="1054"/>
      <c r="L74" s="1055"/>
      <c r="M74" s="1055"/>
      <c r="N74" s="1055"/>
      <c r="O74" s="1055"/>
      <c r="P74" s="1055"/>
      <c r="Q74" s="1055"/>
      <c r="R74" s="1055"/>
      <c r="S74" s="1055"/>
      <c r="T74" s="1055"/>
      <c r="U74" s="1055"/>
      <c r="V74" s="1055"/>
      <c r="W74" s="1056"/>
      <c r="X74" s="84"/>
      <c r="Y74" s="1063"/>
      <c r="Z74" s="1064"/>
      <c r="AA74" s="1064"/>
      <c r="AB74" s="1064"/>
      <c r="AC74" s="1065"/>
      <c r="AD74" s="1070"/>
      <c r="AE74" s="1064"/>
      <c r="AF74" s="1064"/>
      <c r="AG74" s="1064"/>
      <c r="AH74" s="1064"/>
      <c r="AI74" s="1064"/>
      <c r="AJ74" s="1064"/>
      <c r="AK74" s="1064"/>
      <c r="AL74" s="1064"/>
      <c r="AM74" s="1064"/>
      <c r="AN74" s="1065"/>
      <c r="AO74" s="936"/>
      <c r="AP74" s="937"/>
      <c r="AQ74" s="937"/>
      <c r="AR74" s="937"/>
      <c r="AS74" s="937"/>
      <c r="AT74" s="937"/>
      <c r="AU74" s="937"/>
      <c r="AV74" s="937"/>
      <c r="AW74" s="937"/>
      <c r="AX74" s="937"/>
      <c r="AY74" s="937"/>
      <c r="AZ74" s="937"/>
      <c r="BA74" s="937"/>
      <c r="BB74" s="938"/>
      <c r="BC74" s="1070"/>
      <c r="BD74" s="1064"/>
      <c r="BE74" s="1064"/>
      <c r="BF74" s="1064"/>
      <c r="BG74" s="1064"/>
      <c r="BH74" s="1064"/>
      <c r="BI74" s="1064"/>
      <c r="BJ74" s="1064"/>
      <c r="BK74" s="1064"/>
      <c r="BL74" s="1064"/>
      <c r="BM74" s="1064"/>
      <c r="BN74" s="1064"/>
      <c r="BO74" s="1073"/>
      <c r="BP74" s="85"/>
      <c r="BQ74" s="85"/>
      <c r="BR74" s="79"/>
      <c r="BS74" s="79"/>
      <c r="BT74" s="81"/>
    </row>
    <row r="75" spans="1:72" ht="5.25" customHeight="1">
      <c r="A75" s="113"/>
      <c r="B75" s="113"/>
      <c r="D75" s="1048"/>
      <c r="E75" s="1049"/>
      <c r="F75" s="1049"/>
      <c r="G75" s="1049"/>
      <c r="H75" s="1049"/>
      <c r="I75" s="1049"/>
      <c r="J75" s="1050"/>
      <c r="K75" s="1057"/>
      <c r="L75" s="1058"/>
      <c r="M75" s="1058"/>
      <c r="N75" s="1058"/>
      <c r="O75" s="1058"/>
      <c r="P75" s="1058"/>
      <c r="Q75" s="1058"/>
      <c r="R75" s="1058"/>
      <c r="S75" s="1058"/>
      <c r="T75" s="1058"/>
      <c r="U75" s="1058"/>
      <c r="V75" s="1058"/>
      <c r="W75" s="1059"/>
      <c r="X75" s="84"/>
      <c r="Y75" s="1066"/>
      <c r="Z75" s="1067"/>
      <c r="AA75" s="1067"/>
      <c r="AB75" s="1067"/>
      <c r="AC75" s="1068"/>
      <c r="AD75" s="1071"/>
      <c r="AE75" s="1067"/>
      <c r="AF75" s="1067"/>
      <c r="AG75" s="1067"/>
      <c r="AH75" s="1067"/>
      <c r="AI75" s="1067"/>
      <c r="AJ75" s="1067"/>
      <c r="AK75" s="1067"/>
      <c r="AL75" s="1067"/>
      <c r="AM75" s="1067"/>
      <c r="AN75" s="1068"/>
      <c r="AO75" s="939"/>
      <c r="AP75" s="940"/>
      <c r="AQ75" s="940"/>
      <c r="AR75" s="940"/>
      <c r="AS75" s="940"/>
      <c r="AT75" s="940"/>
      <c r="AU75" s="940"/>
      <c r="AV75" s="940"/>
      <c r="AW75" s="940"/>
      <c r="AX75" s="940"/>
      <c r="AY75" s="940"/>
      <c r="AZ75" s="940"/>
      <c r="BA75" s="940"/>
      <c r="BB75" s="941"/>
      <c r="BC75" s="1071"/>
      <c r="BD75" s="1067"/>
      <c r="BE75" s="1067"/>
      <c r="BF75" s="1067"/>
      <c r="BG75" s="1067"/>
      <c r="BH75" s="1067"/>
      <c r="BI75" s="1067"/>
      <c r="BJ75" s="1067"/>
      <c r="BK75" s="1067"/>
      <c r="BL75" s="1067"/>
      <c r="BM75" s="1067"/>
      <c r="BN75" s="1067"/>
      <c r="BO75" s="1074"/>
      <c r="BP75" s="85"/>
      <c r="BQ75" s="85"/>
      <c r="BR75" s="79"/>
      <c r="BS75" s="79"/>
      <c r="BT75" s="81"/>
    </row>
    <row r="76" spans="1:72" ht="5.25" customHeight="1">
      <c r="A76" s="113"/>
      <c r="B76" s="113"/>
      <c r="D76" s="1037" t="s">
        <v>224</v>
      </c>
      <c r="E76" s="1038"/>
      <c r="F76" s="1038"/>
      <c r="G76" s="1038"/>
      <c r="H76" s="1038"/>
      <c r="I76" s="1038"/>
      <c r="J76" s="1039"/>
      <c r="K76" s="1051"/>
      <c r="L76" s="1052"/>
      <c r="M76" s="1052"/>
      <c r="N76" s="1052"/>
      <c r="O76" s="1052"/>
      <c r="P76" s="1052"/>
      <c r="Q76" s="1052"/>
      <c r="R76" s="1052"/>
      <c r="S76" s="1052"/>
      <c r="T76" s="1052"/>
      <c r="U76" s="1052"/>
      <c r="V76" s="1052"/>
      <c r="W76" s="1053"/>
      <c r="X76" s="84"/>
      <c r="Y76" s="1060"/>
      <c r="Z76" s="1061"/>
      <c r="AA76" s="1061"/>
      <c r="AB76" s="1061"/>
      <c r="AC76" s="1062"/>
      <c r="AD76" s="1069"/>
      <c r="AE76" s="1061"/>
      <c r="AF76" s="1061"/>
      <c r="AG76" s="1061"/>
      <c r="AH76" s="1061"/>
      <c r="AI76" s="1061"/>
      <c r="AJ76" s="1061"/>
      <c r="AK76" s="1061"/>
      <c r="AL76" s="1061"/>
      <c r="AM76" s="1061"/>
      <c r="AN76" s="1062"/>
      <c r="AO76" s="1025"/>
      <c r="AP76" s="1026"/>
      <c r="AQ76" s="1026"/>
      <c r="AR76" s="1026"/>
      <c r="AS76" s="1026"/>
      <c r="AT76" s="1026"/>
      <c r="AU76" s="1026"/>
      <c r="AV76" s="1026"/>
      <c r="AW76" s="1026"/>
      <c r="AX76" s="1026"/>
      <c r="AY76" s="1026"/>
      <c r="AZ76" s="1026"/>
      <c r="BA76" s="1026"/>
      <c r="BB76" s="1027"/>
      <c r="BC76" s="1025"/>
      <c r="BD76" s="1061"/>
      <c r="BE76" s="1061"/>
      <c r="BF76" s="1061"/>
      <c r="BG76" s="1061"/>
      <c r="BH76" s="1061"/>
      <c r="BI76" s="1061"/>
      <c r="BJ76" s="1061"/>
      <c r="BK76" s="1061"/>
      <c r="BL76" s="1061"/>
      <c r="BM76" s="1061"/>
      <c r="BN76" s="1061"/>
      <c r="BO76" s="1072"/>
      <c r="BP76" s="85"/>
      <c r="BQ76" s="85"/>
      <c r="BR76" s="79"/>
      <c r="BS76" s="79"/>
      <c r="BT76" s="81"/>
    </row>
    <row r="77" spans="1:72" ht="5.25" customHeight="1">
      <c r="A77" s="113"/>
      <c r="B77" s="113"/>
      <c r="D77" s="1040"/>
      <c r="E77" s="964"/>
      <c r="F77" s="964"/>
      <c r="G77" s="964"/>
      <c r="H77" s="964"/>
      <c r="I77" s="964"/>
      <c r="J77" s="965"/>
      <c r="K77" s="1054"/>
      <c r="L77" s="1055"/>
      <c r="M77" s="1055"/>
      <c r="N77" s="1055"/>
      <c r="O77" s="1055"/>
      <c r="P77" s="1055"/>
      <c r="Q77" s="1055"/>
      <c r="R77" s="1055"/>
      <c r="S77" s="1055"/>
      <c r="T77" s="1055"/>
      <c r="U77" s="1055"/>
      <c r="V77" s="1055"/>
      <c r="W77" s="1056"/>
      <c r="X77" s="84"/>
      <c r="Y77" s="1063"/>
      <c r="Z77" s="1064"/>
      <c r="AA77" s="1064"/>
      <c r="AB77" s="1064"/>
      <c r="AC77" s="1065"/>
      <c r="AD77" s="1070"/>
      <c r="AE77" s="1064"/>
      <c r="AF77" s="1064"/>
      <c r="AG77" s="1064"/>
      <c r="AH77" s="1064"/>
      <c r="AI77" s="1064"/>
      <c r="AJ77" s="1064"/>
      <c r="AK77" s="1064"/>
      <c r="AL77" s="1064"/>
      <c r="AM77" s="1064"/>
      <c r="AN77" s="1065"/>
      <c r="AO77" s="1028"/>
      <c r="AP77" s="1029"/>
      <c r="AQ77" s="1029"/>
      <c r="AR77" s="1029"/>
      <c r="AS77" s="1029"/>
      <c r="AT77" s="1029"/>
      <c r="AU77" s="1029"/>
      <c r="AV77" s="1029"/>
      <c r="AW77" s="1029"/>
      <c r="AX77" s="1029"/>
      <c r="AY77" s="1029"/>
      <c r="AZ77" s="1029"/>
      <c r="BA77" s="1029"/>
      <c r="BB77" s="1030"/>
      <c r="BC77" s="1070"/>
      <c r="BD77" s="1064"/>
      <c r="BE77" s="1064"/>
      <c r="BF77" s="1064"/>
      <c r="BG77" s="1064"/>
      <c r="BH77" s="1064"/>
      <c r="BI77" s="1064"/>
      <c r="BJ77" s="1064"/>
      <c r="BK77" s="1064"/>
      <c r="BL77" s="1064"/>
      <c r="BM77" s="1064"/>
      <c r="BN77" s="1064"/>
      <c r="BO77" s="1073"/>
      <c r="BP77" s="85"/>
      <c r="BQ77" s="85"/>
      <c r="BR77" s="79"/>
      <c r="BS77" s="79"/>
      <c r="BT77" s="81"/>
    </row>
    <row r="78" spans="1:72" ht="5.25" customHeight="1">
      <c r="A78" s="113"/>
      <c r="B78" s="113"/>
      <c r="D78" s="1040"/>
      <c r="E78" s="964"/>
      <c r="F78" s="964"/>
      <c r="G78" s="964"/>
      <c r="H78" s="964"/>
      <c r="I78" s="964"/>
      <c r="J78" s="965"/>
      <c r="K78" s="1054"/>
      <c r="L78" s="1055"/>
      <c r="M78" s="1055"/>
      <c r="N78" s="1055"/>
      <c r="O78" s="1055"/>
      <c r="P78" s="1055"/>
      <c r="Q78" s="1055"/>
      <c r="R78" s="1055"/>
      <c r="S78" s="1055"/>
      <c r="T78" s="1055"/>
      <c r="U78" s="1055"/>
      <c r="V78" s="1055"/>
      <c r="W78" s="1056"/>
      <c r="X78" s="84"/>
      <c r="Y78" s="1063"/>
      <c r="Z78" s="1064"/>
      <c r="AA78" s="1064"/>
      <c r="AB78" s="1064"/>
      <c r="AC78" s="1065"/>
      <c r="AD78" s="1070"/>
      <c r="AE78" s="1064"/>
      <c r="AF78" s="1064"/>
      <c r="AG78" s="1064"/>
      <c r="AH78" s="1064"/>
      <c r="AI78" s="1064"/>
      <c r="AJ78" s="1064"/>
      <c r="AK78" s="1064"/>
      <c r="AL78" s="1064"/>
      <c r="AM78" s="1064"/>
      <c r="AN78" s="1065"/>
      <c r="AO78" s="1028"/>
      <c r="AP78" s="1029"/>
      <c r="AQ78" s="1029"/>
      <c r="AR78" s="1029"/>
      <c r="AS78" s="1029"/>
      <c r="AT78" s="1029"/>
      <c r="AU78" s="1029"/>
      <c r="AV78" s="1029"/>
      <c r="AW78" s="1029"/>
      <c r="AX78" s="1029"/>
      <c r="AY78" s="1029"/>
      <c r="AZ78" s="1029"/>
      <c r="BA78" s="1029"/>
      <c r="BB78" s="1030"/>
      <c r="BC78" s="1070"/>
      <c r="BD78" s="1064"/>
      <c r="BE78" s="1064"/>
      <c r="BF78" s="1064"/>
      <c r="BG78" s="1064"/>
      <c r="BH78" s="1064"/>
      <c r="BI78" s="1064"/>
      <c r="BJ78" s="1064"/>
      <c r="BK78" s="1064"/>
      <c r="BL78" s="1064"/>
      <c r="BM78" s="1064"/>
      <c r="BN78" s="1064"/>
      <c r="BO78" s="1073"/>
      <c r="BP78" s="85"/>
      <c r="BQ78" s="85"/>
      <c r="BR78" s="79"/>
      <c r="BS78" s="79"/>
      <c r="BT78" s="81"/>
    </row>
    <row r="79" spans="1:72" ht="5.25" customHeight="1">
      <c r="A79" s="113"/>
      <c r="B79" s="113"/>
      <c r="D79" s="1040"/>
      <c r="E79" s="964"/>
      <c r="F79" s="964"/>
      <c r="G79" s="964"/>
      <c r="H79" s="964"/>
      <c r="I79" s="964"/>
      <c r="J79" s="965"/>
      <c r="K79" s="1054"/>
      <c r="L79" s="1055"/>
      <c r="M79" s="1055"/>
      <c r="N79" s="1055"/>
      <c r="O79" s="1055"/>
      <c r="P79" s="1055"/>
      <c r="Q79" s="1055"/>
      <c r="R79" s="1055"/>
      <c r="S79" s="1055"/>
      <c r="T79" s="1055"/>
      <c r="U79" s="1055"/>
      <c r="V79" s="1055"/>
      <c r="W79" s="1056"/>
      <c r="X79" s="84"/>
      <c r="Y79" s="1063"/>
      <c r="Z79" s="1064"/>
      <c r="AA79" s="1064"/>
      <c r="AB79" s="1064"/>
      <c r="AC79" s="1065"/>
      <c r="AD79" s="1070"/>
      <c r="AE79" s="1064"/>
      <c r="AF79" s="1064"/>
      <c r="AG79" s="1064"/>
      <c r="AH79" s="1064"/>
      <c r="AI79" s="1064"/>
      <c r="AJ79" s="1064"/>
      <c r="AK79" s="1064"/>
      <c r="AL79" s="1064"/>
      <c r="AM79" s="1064"/>
      <c r="AN79" s="1065"/>
      <c r="AO79" s="1028"/>
      <c r="AP79" s="1029"/>
      <c r="AQ79" s="1029"/>
      <c r="AR79" s="1029"/>
      <c r="AS79" s="1029"/>
      <c r="AT79" s="1029"/>
      <c r="AU79" s="1029"/>
      <c r="AV79" s="1029"/>
      <c r="AW79" s="1029"/>
      <c r="AX79" s="1029"/>
      <c r="AY79" s="1029"/>
      <c r="AZ79" s="1029"/>
      <c r="BA79" s="1029"/>
      <c r="BB79" s="1030"/>
      <c r="BC79" s="1070"/>
      <c r="BD79" s="1064"/>
      <c r="BE79" s="1064"/>
      <c r="BF79" s="1064"/>
      <c r="BG79" s="1064"/>
      <c r="BH79" s="1064"/>
      <c r="BI79" s="1064"/>
      <c r="BJ79" s="1064"/>
      <c r="BK79" s="1064"/>
      <c r="BL79" s="1064"/>
      <c r="BM79" s="1064"/>
      <c r="BN79" s="1064"/>
      <c r="BO79" s="1073"/>
      <c r="BP79" s="85"/>
      <c r="BQ79" s="85"/>
      <c r="BR79" s="79"/>
      <c r="BS79" s="79"/>
      <c r="BT79" s="81"/>
    </row>
    <row r="80" spans="1:72" ht="5.25" customHeight="1">
      <c r="A80" s="113"/>
      <c r="B80" s="113"/>
      <c r="D80" s="1041"/>
      <c r="E80" s="967"/>
      <c r="F80" s="967"/>
      <c r="G80" s="967"/>
      <c r="H80" s="967"/>
      <c r="I80" s="967"/>
      <c r="J80" s="968"/>
      <c r="K80" s="1057"/>
      <c r="L80" s="1058"/>
      <c r="M80" s="1058"/>
      <c r="N80" s="1058"/>
      <c r="O80" s="1058"/>
      <c r="P80" s="1058"/>
      <c r="Q80" s="1058"/>
      <c r="R80" s="1058"/>
      <c r="S80" s="1058"/>
      <c r="T80" s="1058"/>
      <c r="U80" s="1058"/>
      <c r="V80" s="1058"/>
      <c r="W80" s="1059"/>
      <c r="X80" s="84"/>
      <c r="Y80" s="1066"/>
      <c r="Z80" s="1067"/>
      <c r="AA80" s="1067"/>
      <c r="AB80" s="1067"/>
      <c r="AC80" s="1068"/>
      <c r="AD80" s="1071"/>
      <c r="AE80" s="1067"/>
      <c r="AF80" s="1067"/>
      <c r="AG80" s="1067"/>
      <c r="AH80" s="1067"/>
      <c r="AI80" s="1067"/>
      <c r="AJ80" s="1067"/>
      <c r="AK80" s="1067"/>
      <c r="AL80" s="1067"/>
      <c r="AM80" s="1067"/>
      <c r="AN80" s="1068"/>
      <c r="AO80" s="1031"/>
      <c r="AP80" s="1032"/>
      <c r="AQ80" s="1032"/>
      <c r="AR80" s="1032"/>
      <c r="AS80" s="1032"/>
      <c r="AT80" s="1032"/>
      <c r="AU80" s="1032"/>
      <c r="AV80" s="1032"/>
      <c r="AW80" s="1032"/>
      <c r="AX80" s="1032"/>
      <c r="AY80" s="1032"/>
      <c r="AZ80" s="1032"/>
      <c r="BA80" s="1032"/>
      <c r="BB80" s="1033"/>
      <c r="BC80" s="1071"/>
      <c r="BD80" s="1067"/>
      <c r="BE80" s="1067"/>
      <c r="BF80" s="1067"/>
      <c r="BG80" s="1067"/>
      <c r="BH80" s="1067"/>
      <c r="BI80" s="1067"/>
      <c r="BJ80" s="1067"/>
      <c r="BK80" s="1067"/>
      <c r="BL80" s="1067"/>
      <c r="BM80" s="1067"/>
      <c r="BN80" s="1067"/>
      <c r="BO80" s="1074"/>
      <c r="BP80" s="85"/>
      <c r="BQ80" s="85"/>
      <c r="BR80" s="79"/>
      <c r="BS80" s="79"/>
      <c r="BT80" s="81"/>
    </row>
    <row r="81" spans="1:72" s="79" customFormat="1" ht="5.25" customHeight="1">
      <c r="A81" s="113"/>
      <c r="B81" s="113"/>
      <c r="D81" s="1037" t="s">
        <v>12</v>
      </c>
      <c r="E81" s="1038"/>
      <c r="F81" s="1038"/>
      <c r="G81" s="1038"/>
      <c r="H81" s="1038"/>
      <c r="I81" s="1038"/>
      <c r="J81" s="1039"/>
      <c r="K81" s="1105"/>
      <c r="L81" s="1106"/>
      <c r="M81" s="1106"/>
      <c r="N81" s="1106"/>
      <c r="O81" s="1106"/>
      <c r="P81" s="1106"/>
      <c r="Q81" s="1106"/>
      <c r="R81" s="1106"/>
      <c r="S81" s="1106"/>
      <c r="T81" s="1106"/>
      <c r="U81" s="1106"/>
      <c r="V81" s="1106"/>
      <c r="W81" s="1107"/>
      <c r="X81" s="84"/>
      <c r="Y81" s="1060"/>
      <c r="Z81" s="1061"/>
      <c r="AA81" s="1061"/>
      <c r="AB81" s="1061"/>
      <c r="AC81" s="1062"/>
      <c r="AD81" s="1069"/>
      <c r="AE81" s="1061"/>
      <c r="AF81" s="1061"/>
      <c r="AG81" s="1061"/>
      <c r="AH81" s="1061"/>
      <c r="AI81" s="1061"/>
      <c r="AJ81" s="1061"/>
      <c r="AK81" s="1061"/>
      <c r="AL81" s="1061"/>
      <c r="AM81" s="1061"/>
      <c r="AN81" s="1062"/>
      <c r="AO81" s="1025"/>
      <c r="AP81" s="1061"/>
      <c r="AQ81" s="1061"/>
      <c r="AR81" s="1061"/>
      <c r="AS81" s="1061"/>
      <c r="AT81" s="1061"/>
      <c r="AU81" s="1061"/>
      <c r="AV81" s="1061"/>
      <c r="AW81" s="1061"/>
      <c r="AX81" s="1061"/>
      <c r="AY81" s="1061"/>
      <c r="AZ81" s="1061"/>
      <c r="BA81" s="1061"/>
      <c r="BB81" s="1062"/>
      <c r="BC81" s="1025"/>
      <c r="BD81" s="1061"/>
      <c r="BE81" s="1061"/>
      <c r="BF81" s="1061"/>
      <c r="BG81" s="1061"/>
      <c r="BH81" s="1061"/>
      <c r="BI81" s="1061"/>
      <c r="BJ81" s="1061"/>
      <c r="BK81" s="1061"/>
      <c r="BL81" s="1061"/>
      <c r="BM81" s="1061"/>
      <c r="BN81" s="1061"/>
      <c r="BO81" s="1072"/>
      <c r="BP81" s="85"/>
      <c r="BQ81" s="85"/>
      <c r="BT81" s="108"/>
    </row>
    <row r="82" spans="1:72" s="79" customFormat="1" ht="5.25" customHeight="1">
      <c r="A82" s="113"/>
      <c r="B82" s="113"/>
      <c r="D82" s="1040"/>
      <c r="E82" s="964"/>
      <c r="F82" s="964"/>
      <c r="G82" s="964"/>
      <c r="H82" s="964"/>
      <c r="I82" s="964"/>
      <c r="J82" s="965"/>
      <c r="K82" s="1108"/>
      <c r="L82" s="1109"/>
      <c r="M82" s="1109"/>
      <c r="N82" s="1109"/>
      <c r="O82" s="1109"/>
      <c r="P82" s="1109"/>
      <c r="Q82" s="1109"/>
      <c r="R82" s="1109"/>
      <c r="S82" s="1109"/>
      <c r="T82" s="1109"/>
      <c r="U82" s="1109"/>
      <c r="V82" s="1109"/>
      <c r="W82" s="1110"/>
      <c r="X82" s="84"/>
      <c r="Y82" s="1063"/>
      <c r="Z82" s="1064"/>
      <c r="AA82" s="1064"/>
      <c r="AB82" s="1064"/>
      <c r="AC82" s="1065"/>
      <c r="AD82" s="1070"/>
      <c r="AE82" s="1064"/>
      <c r="AF82" s="1064"/>
      <c r="AG82" s="1064"/>
      <c r="AH82" s="1064"/>
      <c r="AI82" s="1064"/>
      <c r="AJ82" s="1064"/>
      <c r="AK82" s="1064"/>
      <c r="AL82" s="1064"/>
      <c r="AM82" s="1064"/>
      <c r="AN82" s="1065"/>
      <c r="AO82" s="1070"/>
      <c r="AP82" s="1064"/>
      <c r="AQ82" s="1064"/>
      <c r="AR82" s="1064"/>
      <c r="AS82" s="1064"/>
      <c r="AT82" s="1064"/>
      <c r="AU82" s="1064"/>
      <c r="AV82" s="1064"/>
      <c r="AW82" s="1064"/>
      <c r="AX82" s="1064"/>
      <c r="AY82" s="1064"/>
      <c r="AZ82" s="1064"/>
      <c r="BA82" s="1064"/>
      <c r="BB82" s="1065"/>
      <c r="BC82" s="1070"/>
      <c r="BD82" s="1064"/>
      <c r="BE82" s="1064"/>
      <c r="BF82" s="1064"/>
      <c r="BG82" s="1064"/>
      <c r="BH82" s="1064"/>
      <c r="BI82" s="1064"/>
      <c r="BJ82" s="1064"/>
      <c r="BK82" s="1064"/>
      <c r="BL82" s="1064"/>
      <c r="BM82" s="1064"/>
      <c r="BN82" s="1064"/>
      <c r="BO82" s="1073"/>
      <c r="BP82" s="85"/>
      <c r="BQ82" s="85"/>
      <c r="BT82" s="108"/>
    </row>
    <row r="83" spans="1:72" s="79" customFormat="1" ht="5.25" customHeight="1">
      <c r="A83" s="113"/>
      <c r="B83" s="113"/>
      <c r="D83" s="1040"/>
      <c r="E83" s="964"/>
      <c r="F83" s="964"/>
      <c r="G83" s="964"/>
      <c r="H83" s="964"/>
      <c r="I83" s="964"/>
      <c r="J83" s="965"/>
      <c r="K83" s="1108"/>
      <c r="L83" s="1109"/>
      <c r="M83" s="1109"/>
      <c r="N83" s="1109"/>
      <c r="O83" s="1109"/>
      <c r="P83" s="1109"/>
      <c r="Q83" s="1109"/>
      <c r="R83" s="1109"/>
      <c r="S83" s="1109"/>
      <c r="T83" s="1109"/>
      <c r="U83" s="1109"/>
      <c r="V83" s="1109"/>
      <c r="W83" s="1110"/>
      <c r="X83" s="84"/>
      <c r="Y83" s="1063"/>
      <c r="Z83" s="1064"/>
      <c r="AA83" s="1064"/>
      <c r="AB83" s="1064"/>
      <c r="AC83" s="1065"/>
      <c r="AD83" s="1070"/>
      <c r="AE83" s="1064"/>
      <c r="AF83" s="1064"/>
      <c r="AG83" s="1064"/>
      <c r="AH83" s="1064"/>
      <c r="AI83" s="1064"/>
      <c r="AJ83" s="1064"/>
      <c r="AK83" s="1064"/>
      <c r="AL83" s="1064"/>
      <c r="AM83" s="1064"/>
      <c r="AN83" s="1065"/>
      <c r="AO83" s="1070"/>
      <c r="AP83" s="1064"/>
      <c r="AQ83" s="1064"/>
      <c r="AR83" s="1064"/>
      <c r="AS83" s="1064"/>
      <c r="AT83" s="1064"/>
      <c r="AU83" s="1064"/>
      <c r="AV83" s="1064"/>
      <c r="AW83" s="1064"/>
      <c r="AX83" s="1064"/>
      <c r="AY83" s="1064"/>
      <c r="AZ83" s="1064"/>
      <c r="BA83" s="1064"/>
      <c r="BB83" s="1065"/>
      <c r="BC83" s="1070"/>
      <c r="BD83" s="1064"/>
      <c r="BE83" s="1064"/>
      <c r="BF83" s="1064"/>
      <c r="BG83" s="1064"/>
      <c r="BH83" s="1064"/>
      <c r="BI83" s="1064"/>
      <c r="BJ83" s="1064"/>
      <c r="BK83" s="1064"/>
      <c r="BL83" s="1064"/>
      <c r="BM83" s="1064"/>
      <c r="BN83" s="1064"/>
      <c r="BO83" s="1073"/>
      <c r="BP83" s="85"/>
      <c r="BQ83" s="85"/>
      <c r="BT83" s="108"/>
    </row>
    <row r="84" spans="1:72" s="79" customFormat="1" ht="5.25" customHeight="1">
      <c r="A84" s="113"/>
      <c r="B84" s="113"/>
      <c r="D84" s="1040"/>
      <c r="E84" s="964"/>
      <c r="F84" s="964"/>
      <c r="G84" s="964"/>
      <c r="H84" s="964"/>
      <c r="I84" s="964"/>
      <c r="J84" s="965"/>
      <c r="K84" s="1108"/>
      <c r="L84" s="1109"/>
      <c r="M84" s="1109"/>
      <c r="N84" s="1109"/>
      <c r="O84" s="1109"/>
      <c r="P84" s="1109"/>
      <c r="Q84" s="1109"/>
      <c r="R84" s="1109"/>
      <c r="S84" s="1109"/>
      <c r="T84" s="1109"/>
      <c r="U84" s="1109"/>
      <c r="V84" s="1109"/>
      <c r="W84" s="1110"/>
      <c r="X84" s="84"/>
      <c r="Y84" s="1063"/>
      <c r="Z84" s="1064"/>
      <c r="AA84" s="1064"/>
      <c r="AB84" s="1064"/>
      <c r="AC84" s="1065"/>
      <c r="AD84" s="1070"/>
      <c r="AE84" s="1064"/>
      <c r="AF84" s="1064"/>
      <c r="AG84" s="1064"/>
      <c r="AH84" s="1064"/>
      <c r="AI84" s="1064"/>
      <c r="AJ84" s="1064"/>
      <c r="AK84" s="1064"/>
      <c r="AL84" s="1064"/>
      <c r="AM84" s="1064"/>
      <c r="AN84" s="1065"/>
      <c r="AO84" s="1070"/>
      <c r="AP84" s="1064"/>
      <c r="AQ84" s="1064"/>
      <c r="AR84" s="1064"/>
      <c r="AS84" s="1064"/>
      <c r="AT84" s="1064"/>
      <c r="AU84" s="1064"/>
      <c r="AV84" s="1064"/>
      <c r="AW84" s="1064"/>
      <c r="AX84" s="1064"/>
      <c r="AY84" s="1064"/>
      <c r="AZ84" s="1064"/>
      <c r="BA84" s="1064"/>
      <c r="BB84" s="1065"/>
      <c r="BC84" s="1070"/>
      <c r="BD84" s="1064"/>
      <c r="BE84" s="1064"/>
      <c r="BF84" s="1064"/>
      <c r="BG84" s="1064"/>
      <c r="BH84" s="1064"/>
      <c r="BI84" s="1064"/>
      <c r="BJ84" s="1064"/>
      <c r="BK84" s="1064"/>
      <c r="BL84" s="1064"/>
      <c r="BM84" s="1064"/>
      <c r="BN84" s="1064"/>
      <c r="BO84" s="1073"/>
      <c r="BP84" s="85"/>
      <c r="BQ84" s="85"/>
      <c r="BT84" s="108"/>
    </row>
    <row r="85" spans="1:72" s="79" customFormat="1" ht="5.25" customHeight="1">
      <c r="A85" s="113"/>
      <c r="B85" s="113"/>
      <c r="D85" s="1102"/>
      <c r="E85" s="1103"/>
      <c r="F85" s="1103"/>
      <c r="G85" s="1103"/>
      <c r="H85" s="1103"/>
      <c r="I85" s="1103"/>
      <c r="J85" s="1104"/>
      <c r="K85" s="1111"/>
      <c r="L85" s="1112"/>
      <c r="M85" s="1112"/>
      <c r="N85" s="1112"/>
      <c r="O85" s="1112"/>
      <c r="P85" s="1112"/>
      <c r="Q85" s="1112"/>
      <c r="R85" s="1112"/>
      <c r="S85" s="1112"/>
      <c r="T85" s="1112"/>
      <c r="U85" s="1112"/>
      <c r="V85" s="1112"/>
      <c r="W85" s="1113"/>
      <c r="X85" s="84"/>
      <c r="Y85" s="1114"/>
      <c r="Z85" s="1115"/>
      <c r="AA85" s="1115"/>
      <c r="AB85" s="1115"/>
      <c r="AC85" s="1116"/>
      <c r="AD85" s="1117"/>
      <c r="AE85" s="1115"/>
      <c r="AF85" s="1115"/>
      <c r="AG85" s="1115"/>
      <c r="AH85" s="1115"/>
      <c r="AI85" s="1115"/>
      <c r="AJ85" s="1115"/>
      <c r="AK85" s="1115"/>
      <c r="AL85" s="1115"/>
      <c r="AM85" s="1115"/>
      <c r="AN85" s="1116"/>
      <c r="AO85" s="1117"/>
      <c r="AP85" s="1115"/>
      <c r="AQ85" s="1115"/>
      <c r="AR85" s="1115"/>
      <c r="AS85" s="1115"/>
      <c r="AT85" s="1115"/>
      <c r="AU85" s="1115"/>
      <c r="AV85" s="1115"/>
      <c r="AW85" s="1115"/>
      <c r="AX85" s="1115"/>
      <c r="AY85" s="1115"/>
      <c r="AZ85" s="1115"/>
      <c r="BA85" s="1115"/>
      <c r="BB85" s="1116"/>
      <c r="BC85" s="1117"/>
      <c r="BD85" s="1115"/>
      <c r="BE85" s="1115"/>
      <c r="BF85" s="1115"/>
      <c r="BG85" s="1115"/>
      <c r="BH85" s="1115"/>
      <c r="BI85" s="1115"/>
      <c r="BJ85" s="1115"/>
      <c r="BK85" s="1115"/>
      <c r="BL85" s="1115"/>
      <c r="BM85" s="1115"/>
      <c r="BN85" s="1115"/>
      <c r="BO85" s="1118"/>
      <c r="BP85" s="85"/>
      <c r="BQ85" s="85"/>
      <c r="BT85" s="108"/>
    </row>
    <row r="86" spans="1:72" s="79" customFormat="1" ht="5.25" customHeight="1">
      <c r="A86" s="113"/>
      <c r="B86" s="113"/>
      <c r="BT86" s="108"/>
    </row>
    <row r="87" spans="1:72" s="79" customFormat="1" ht="5.25" customHeight="1">
      <c r="A87" s="113"/>
      <c r="B87" s="113"/>
      <c r="D87" s="907" t="s">
        <v>223</v>
      </c>
      <c r="E87" s="907"/>
      <c r="F87" s="907"/>
      <c r="G87" s="907"/>
      <c r="H87" s="907"/>
      <c r="I87" s="907"/>
      <c r="J87" s="907"/>
      <c r="K87" s="907"/>
      <c r="L87" s="907"/>
      <c r="M87" s="907"/>
      <c r="N87" s="907"/>
      <c r="O87" s="907"/>
      <c r="P87" s="907"/>
      <c r="Q87" s="907"/>
      <c r="R87" s="907"/>
      <c r="S87" s="907"/>
      <c r="T87" s="907"/>
      <c r="U87" s="907"/>
      <c r="V87" s="907"/>
      <c r="W87" s="907"/>
      <c r="X87" s="907"/>
      <c r="Y87" s="907"/>
      <c r="Z87" s="907"/>
      <c r="AA87" s="907"/>
      <c r="AB87" s="907"/>
      <c r="AC87" s="907"/>
      <c r="AD87" s="907"/>
      <c r="AE87" s="907"/>
      <c r="AF87" s="907"/>
      <c r="AG87" s="907"/>
      <c r="AH87" s="907"/>
      <c r="AI87" s="907"/>
      <c r="AJ87" s="907"/>
      <c r="AK87" s="907"/>
      <c r="AL87" s="907"/>
      <c r="AM87" s="907"/>
      <c r="AN87" s="907"/>
      <c r="AO87" s="907"/>
      <c r="AP87" s="907"/>
      <c r="AQ87" s="907"/>
      <c r="AR87" s="84"/>
      <c r="AS87" s="84"/>
      <c r="AT87" s="84"/>
      <c r="AU87" s="84"/>
      <c r="AV87" s="84"/>
      <c r="AW87" s="84"/>
      <c r="AX87" s="84"/>
      <c r="AY87" s="84"/>
      <c r="AZ87" s="84"/>
      <c r="BA87" s="84"/>
      <c r="BB87" s="84"/>
      <c r="BC87" s="84"/>
      <c r="BT87" s="108"/>
    </row>
    <row r="88" spans="1:72" s="79" customFormat="1" ht="5.25" customHeight="1">
      <c r="A88" s="113"/>
      <c r="B88" s="113"/>
      <c r="D88" s="907"/>
      <c r="E88" s="907"/>
      <c r="F88" s="907"/>
      <c r="G88" s="907"/>
      <c r="H88" s="907"/>
      <c r="I88" s="907"/>
      <c r="J88" s="907"/>
      <c r="K88" s="907"/>
      <c r="L88" s="907"/>
      <c r="M88" s="907"/>
      <c r="N88" s="907"/>
      <c r="O88" s="907"/>
      <c r="P88" s="907"/>
      <c r="Q88" s="907"/>
      <c r="R88" s="907"/>
      <c r="S88" s="907"/>
      <c r="T88" s="907"/>
      <c r="U88" s="907"/>
      <c r="V88" s="907"/>
      <c r="W88" s="907"/>
      <c r="X88" s="907"/>
      <c r="Y88" s="907"/>
      <c r="Z88" s="907"/>
      <c r="AA88" s="907"/>
      <c r="AB88" s="907"/>
      <c r="AC88" s="907"/>
      <c r="AD88" s="907"/>
      <c r="AE88" s="907"/>
      <c r="AF88" s="907"/>
      <c r="AG88" s="907"/>
      <c r="AH88" s="907"/>
      <c r="AI88" s="907"/>
      <c r="AJ88" s="907"/>
      <c r="AK88" s="907"/>
      <c r="AL88" s="907"/>
      <c r="AM88" s="907"/>
      <c r="AN88" s="907"/>
      <c r="AO88" s="907"/>
      <c r="AP88" s="907"/>
      <c r="AQ88" s="907"/>
      <c r="AR88" s="84"/>
      <c r="AS88" s="84"/>
      <c r="AT88" s="84"/>
      <c r="AU88" s="84"/>
      <c r="AV88" s="84"/>
      <c r="AW88" s="84"/>
      <c r="AX88" s="84"/>
      <c r="AY88" s="84"/>
      <c r="AZ88" s="84"/>
      <c r="BA88" s="84"/>
      <c r="BB88" s="84"/>
      <c r="BC88" s="84"/>
      <c r="BD88" s="84"/>
      <c r="BE88" s="84"/>
      <c r="BF88" s="84"/>
      <c r="BG88" s="84"/>
      <c r="BH88" s="84"/>
      <c r="BI88" s="84"/>
      <c r="BJ88" s="84"/>
      <c r="BK88" s="84"/>
      <c r="BL88" s="84"/>
      <c r="BM88" s="84"/>
      <c r="BN88" s="84" t="s">
        <v>222</v>
      </c>
      <c r="BO88" s="84"/>
      <c r="BT88" s="108"/>
    </row>
    <row r="89" spans="1:72" s="79" customFormat="1" ht="5.25" customHeight="1">
      <c r="A89" s="113"/>
      <c r="B89" s="113"/>
      <c r="D89" s="908"/>
      <c r="E89" s="908"/>
      <c r="F89" s="908"/>
      <c r="G89" s="908"/>
      <c r="H89" s="908"/>
      <c r="I89" s="908"/>
      <c r="J89" s="908"/>
      <c r="K89" s="908"/>
      <c r="L89" s="908"/>
      <c r="M89" s="908"/>
      <c r="N89" s="908"/>
      <c r="O89" s="908"/>
      <c r="P89" s="908"/>
      <c r="Q89" s="908"/>
      <c r="R89" s="908"/>
      <c r="S89" s="908"/>
      <c r="T89" s="908"/>
      <c r="U89" s="908"/>
      <c r="V89" s="908"/>
      <c r="W89" s="908"/>
      <c r="X89" s="908"/>
      <c r="Y89" s="908"/>
      <c r="Z89" s="908"/>
      <c r="AA89" s="908"/>
      <c r="AB89" s="908"/>
      <c r="AC89" s="908"/>
      <c r="AD89" s="908"/>
      <c r="AE89" s="908"/>
      <c r="AF89" s="908"/>
      <c r="AG89" s="908"/>
      <c r="AH89" s="908"/>
      <c r="AI89" s="908"/>
      <c r="AJ89" s="908"/>
      <c r="AK89" s="908"/>
      <c r="AL89" s="908"/>
      <c r="AM89" s="908"/>
      <c r="AN89" s="908"/>
      <c r="AO89" s="908"/>
      <c r="AP89" s="908"/>
      <c r="AQ89" s="908"/>
      <c r="AR89" s="84"/>
      <c r="AS89" s="84"/>
      <c r="AT89" s="84"/>
      <c r="AU89" s="84"/>
      <c r="AV89" s="84"/>
      <c r="AW89" s="84"/>
      <c r="AX89" s="84"/>
      <c r="AY89" s="84"/>
      <c r="AZ89" s="84"/>
      <c r="BA89" s="84"/>
      <c r="BB89" s="84"/>
      <c r="BC89" s="84"/>
      <c r="BD89" s="84"/>
      <c r="BE89" s="84"/>
      <c r="BF89" s="84"/>
      <c r="BG89" s="84"/>
      <c r="BH89" s="84"/>
      <c r="BI89" s="84"/>
      <c r="BJ89" s="84"/>
      <c r="BK89" s="84"/>
      <c r="BL89" s="84"/>
      <c r="BM89" s="84"/>
      <c r="BN89" s="84"/>
      <c r="BO89" s="84"/>
      <c r="BP89" s="84"/>
      <c r="BQ89" s="84"/>
      <c r="BR89" s="84"/>
      <c r="BS89" s="84"/>
      <c r="BT89" s="108"/>
    </row>
    <row r="90" spans="1:72" s="79" customFormat="1" ht="5.25" customHeight="1">
      <c r="A90" s="113"/>
      <c r="B90" s="113"/>
      <c r="D90" s="1125"/>
      <c r="E90" s="1126"/>
      <c r="F90" s="1126"/>
      <c r="G90" s="1126"/>
      <c r="H90" s="1126"/>
      <c r="I90" s="1126"/>
      <c r="J90" s="1126"/>
      <c r="K90" s="1126"/>
      <c r="L90" s="1126"/>
      <c r="M90" s="1126"/>
      <c r="N90" s="1129" t="s">
        <v>261</v>
      </c>
      <c r="O90" s="1129"/>
      <c r="P90" s="1129"/>
      <c r="Q90" s="1129"/>
      <c r="R90" s="1129"/>
      <c r="S90" s="1129"/>
      <c r="T90" s="1129"/>
      <c r="U90" s="1129"/>
      <c r="V90" s="1129"/>
      <c r="W90" s="1129"/>
      <c r="X90" s="1129"/>
      <c r="Y90" s="1131" t="s">
        <v>220</v>
      </c>
      <c r="Z90" s="1132"/>
      <c r="AA90" s="1132"/>
      <c r="AB90" s="1132"/>
      <c r="AC90" s="1132"/>
      <c r="AD90" s="1132"/>
      <c r="AE90" s="1132"/>
      <c r="AF90" s="1132"/>
      <c r="AG90" s="1132"/>
      <c r="AH90" s="1133"/>
      <c r="AI90" s="909" t="s">
        <v>219</v>
      </c>
      <c r="AJ90" s="910"/>
      <c r="AK90" s="910"/>
      <c r="AL90" s="910"/>
      <c r="AM90" s="910"/>
      <c r="AN90" s="910"/>
      <c r="AO90" s="910"/>
      <c r="AP90" s="910"/>
      <c r="AQ90" s="910"/>
      <c r="AR90" s="910"/>
      <c r="AS90" s="911"/>
      <c r="AT90" s="1140" t="s">
        <v>262</v>
      </c>
      <c r="AU90" s="1140"/>
      <c r="AV90" s="1140"/>
      <c r="AW90" s="1140"/>
      <c r="AX90" s="1140"/>
      <c r="AY90" s="1140"/>
      <c r="AZ90" s="1140"/>
      <c r="BA90" s="1140"/>
      <c r="BB90" s="1140"/>
      <c r="BC90" s="1140"/>
      <c r="BD90" s="909" t="s">
        <v>217</v>
      </c>
      <c r="BE90" s="910"/>
      <c r="BF90" s="910"/>
      <c r="BG90" s="910"/>
      <c r="BH90" s="910"/>
      <c r="BI90" s="910"/>
      <c r="BJ90" s="910"/>
      <c r="BK90" s="910"/>
      <c r="BL90" s="910"/>
      <c r="BM90" s="910"/>
      <c r="BN90" s="910"/>
      <c r="BO90" s="1023"/>
      <c r="BP90" s="84"/>
      <c r="BQ90" s="84"/>
      <c r="BR90" s="84"/>
      <c r="BS90" s="84"/>
      <c r="BT90" s="108"/>
    </row>
    <row r="91" spans="1:72" s="79" customFormat="1" ht="5.25" customHeight="1">
      <c r="A91" s="113"/>
      <c r="B91" s="113"/>
      <c r="D91" s="1127"/>
      <c r="E91" s="1128"/>
      <c r="F91" s="1128"/>
      <c r="G91" s="1128"/>
      <c r="H91" s="1128"/>
      <c r="I91" s="1128"/>
      <c r="J91" s="1128"/>
      <c r="K91" s="1128"/>
      <c r="L91" s="1128"/>
      <c r="M91" s="1128"/>
      <c r="N91" s="1130"/>
      <c r="O91" s="1130"/>
      <c r="P91" s="1130"/>
      <c r="Q91" s="1130"/>
      <c r="R91" s="1130"/>
      <c r="S91" s="1130"/>
      <c r="T91" s="1130"/>
      <c r="U91" s="1130"/>
      <c r="V91" s="1130"/>
      <c r="W91" s="1130"/>
      <c r="X91" s="1130"/>
      <c r="Y91" s="1134"/>
      <c r="Z91" s="1135"/>
      <c r="AA91" s="1135"/>
      <c r="AB91" s="1135"/>
      <c r="AC91" s="1135"/>
      <c r="AD91" s="1135"/>
      <c r="AE91" s="1135"/>
      <c r="AF91" s="1135"/>
      <c r="AG91" s="1135"/>
      <c r="AH91" s="1136"/>
      <c r="AI91" s="912"/>
      <c r="AJ91" s="913"/>
      <c r="AK91" s="913"/>
      <c r="AL91" s="913"/>
      <c r="AM91" s="913"/>
      <c r="AN91" s="913"/>
      <c r="AO91" s="913"/>
      <c r="AP91" s="913"/>
      <c r="AQ91" s="913"/>
      <c r="AR91" s="913"/>
      <c r="AS91" s="914"/>
      <c r="AT91" s="1141"/>
      <c r="AU91" s="1141"/>
      <c r="AV91" s="1141"/>
      <c r="AW91" s="1141"/>
      <c r="AX91" s="1141"/>
      <c r="AY91" s="1141"/>
      <c r="AZ91" s="1141"/>
      <c r="BA91" s="1141"/>
      <c r="BB91" s="1141"/>
      <c r="BC91" s="1141"/>
      <c r="BD91" s="912"/>
      <c r="BE91" s="913"/>
      <c r="BF91" s="913"/>
      <c r="BG91" s="913"/>
      <c r="BH91" s="913"/>
      <c r="BI91" s="913"/>
      <c r="BJ91" s="913"/>
      <c r="BK91" s="913"/>
      <c r="BL91" s="913"/>
      <c r="BM91" s="913"/>
      <c r="BN91" s="913"/>
      <c r="BO91" s="1024"/>
      <c r="BP91" s="84"/>
      <c r="BQ91" s="84"/>
      <c r="BR91" s="84"/>
      <c r="BS91" s="84"/>
      <c r="BT91" s="108"/>
    </row>
    <row r="92" spans="1:72" s="79" customFormat="1" ht="5.25" customHeight="1">
      <c r="A92" s="113"/>
      <c r="B92" s="113"/>
      <c r="D92" s="1127"/>
      <c r="E92" s="1128"/>
      <c r="F92" s="1128"/>
      <c r="G92" s="1128"/>
      <c r="H92" s="1128"/>
      <c r="I92" s="1128"/>
      <c r="J92" s="1128"/>
      <c r="K92" s="1128"/>
      <c r="L92" s="1128"/>
      <c r="M92" s="1128"/>
      <c r="N92" s="1130"/>
      <c r="O92" s="1130"/>
      <c r="P92" s="1130"/>
      <c r="Q92" s="1130"/>
      <c r="R92" s="1130"/>
      <c r="S92" s="1130"/>
      <c r="T92" s="1130"/>
      <c r="U92" s="1130"/>
      <c r="V92" s="1130"/>
      <c r="W92" s="1130"/>
      <c r="X92" s="1130"/>
      <c r="Y92" s="1134"/>
      <c r="Z92" s="1135"/>
      <c r="AA92" s="1135"/>
      <c r="AB92" s="1135"/>
      <c r="AC92" s="1135"/>
      <c r="AD92" s="1135"/>
      <c r="AE92" s="1135"/>
      <c r="AF92" s="1135"/>
      <c r="AG92" s="1135"/>
      <c r="AH92" s="1136"/>
      <c r="AI92" s="1157" t="s">
        <v>216</v>
      </c>
      <c r="AJ92" s="985"/>
      <c r="AK92" s="985"/>
      <c r="AL92" s="985"/>
      <c r="AM92" s="985"/>
      <c r="AN92" s="985"/>
      <c r="AO92" s="985"/>
      <c r="AP92" s="985"/>
      <c r="AQ92" s="985"/>
      <c r="AR92" s="985"/>
      <c r="AS92" s="986"/>
      <c r="AT92" s="1141"/>
      <c r="AU92" s="1141"/>
      <c r="AV92" s="1141"/>
      <c r="AW92" s="1141"/>
      <c r="AX92" s="1141"/>
      <c r="AY92" s="1141"/>
      <c r="AZ92" s="1141"/>
      <c r="BA92" s="1141"/>
      <c r="BB92" s="1141"/>
      <c r="BC92" s="1141"/>
      <c r="BD92" s="1157" t="s">
        <v>215</v>
      </c>
      <c r="BE92" s="985"/>
      <c r="BF92" s="985"/>
      <c r="BG92" s="985"/>
      <c r="BH92" s="985"/>
      <c r="BI92" s="985"/>
      <c r="BJ92" s="985"/>
      <c r="BK92" s="985"/>
      <c r="BL92" s="985"/>
      <c r="BM92" s="985"/>
      <c r="BN92" s="985"/>
      <c r="BO92" s="1159"/>
      <c r="BP92" s="84"/>
      <c r="BQ92" s="84"/>
      <c r="BR92" s="84"/>
      <c r="BS92" s="84"/>
      <c r="BT92" s="108"/>
    </row>
    <row r="93" spans="1:72" s="79" customFormat="1" ht="5.25" customHeight="1">
      <c r="A93" s="113"/>
      <c r="B93" s="113"/>
      <c r="D93" s="1127"/>
      <c r="E93" s="1128"/>
      <c r="F93" s="1128"/>
      <c r="G93" s="1128"/>
      <c r="H93" s="1128"/>
      <c r="I93" s="1128"/>
      <c r="J93" s="1128"/>
      <c r="K93" s="1128"/>
      <c r="L93" s="1128"/>
      <c r="M93" s="1128"/>
      <c r="N93" s="1130"/>
      <c r="O93" s="1130"/>
      <c r="P93" s="1130"/>
      <c r="Q93" s="1130"/>
      <c r="R93" s="1130"/>
      <c r="S93" s="1130"/>
      <c r="T93" s="1130"/>
      <c r="U93" s="1130"/>
      <c r="V93" s="1130"/>
      <c r="W93" s="1130"/>
      <c r="X93" s="1130"/>
      <c r="Y93" s="1137"/>
      <c r="Z93" s="1138"/>
      <c r="AA93" s="1138"/>
      <c r="AB93" s="1138"/>
      <c r="AC93" s="1138"/>
      <c r="AD93" s="1138"/>
      <c r="AE93" s="1138"/>
      <c r="AF93" s="1138"/>
      <c r="AG93" s="1138"/>
      <c r="AH93" s="1139"/>
      <c r="AI93" s="1158"/>
      <c r="AJ93" s="988"/>
      <c r="AK93" s="988"/>
      <c r="AL93" s="988"/>
      <c r="AM93" s="988"/>
      <c r="AN93" s="988"/>
      <c r="AO93" s="988"/>
      <c r="AP93" s="988"/>
      <c r="AQ93" s="988"/>
      <c r="AR93" s="988"/>
      <c r="AS93" s="989"/>
      <c r="AT93" s="1142"/>
      <c r="AU93" s="1142"/>
      <c r="AV93" s="1142"/>
      <c r="AW93" s="1142"/>
      <c r="AX93" s="1142"/>
      <c r="AY93" s="1142"/>
      <c r="AZ93" s="1142"/>
      <c r="BA93" s="1142"/>
      <c r="BB93" s="1142"/>
      <c r="BC93" s="1142"/>
      <c r="BD93" s="1158"/>
      <c r="BE93" s="988"/>
      <c r="BF93" s="988"/>
      <c r="BG93" s="988"/>
      <c r="BH93" s="988"/>
      <c r="BI93" s="988"/>
      <c r="BJ93" s="988"/>
      <c r="BK93" s="988"/>
      <c r="BL93" s="988"/>
      <c r="BM93" s="988"/>
      <c r="BN93" s="988"/>
      <c r="BO93" s="1160"/>
      <c r="BP93" s="84"/>
      <c r="BQ93" s="84"/>
      <c r="BR93" s="84"/>
      <c r="BS93" s="84"/>
      <c r="BT93" s="108"/>
    </row>
    <row r="94" spans="1:72" s="79" customFormat="1" ht="5.25" customHeight="1">
      <c r="A94" s="113"/>
      <c r="B94" s="113"/>
      <c r="D94" s="1119" t="s">
        <v>214</v>
      </c>
      <c r="E94" s="1120"/>
      <c r="F94" s="1120"/>
      <c r="G94" s="1120"/>
      <c r="H94" s="1120"/>
      <c r="I94" s="1121" t="s">
        <v>213</v>
      </c>
      <c r="J94" s="1121"/>
      <c r="K94" s="1121"/>
      <c r="L94" s="1121"/>
      <c r="M94" s="1121"/>
      <c r="N94" s="1122" t="s">
        <v>4</v>
      </c>
      <c r="O94" s="1122"/>
      <c r="P94" s="1122"/>
      <c r="Q94" s="1122"/>
      <c r="R94" s="1122"/>
      <c r="S94" s="1122"/>
      <c r="T94" s="1122"/>
      <c r="U94" s="1122"/>
      <c r="V94" s="1122"/>
      <c r="W94" s="1122"/>
      <c r="X94" s="1122"/>
      <c r="Y94" s="933" t="s">
        <v>4</v>
      </c>
      <c r="Z94" s="934"/>
      <c r="AA94" s="934"/>
      <c r="AB94" s="934"/>
      <c r="AC94" s="934"/>
      <c r="AD94" s="934"/>
      <c r="AE94" s="934"/>
      <c r="AF94" s="934"/>
      <c r="AG94" s="934"/>
      <c r="AH94" s="935"/>
      <c r="AI94" s="1122" t="s">
        <v>4</v>
      </c>
      <c r="AJ94" s="1122"/>
      <c r="AK94" s="1122"/>
      <c r="AL94" s="1122"/>
      <c r="AM94" s="1122"/>
      <c r="AN94" s="1122"/>
      <c r="AO94" s="1122"/>
      <c r="AP94" s="1122"/>
      <c r="AQ94" s="1122"/>
      <c r="AR94" s="1122"/>
      <c r="AS94" s="1122"/>
      <c r="AT94" s="933" t="s">
        <v>4</v>
      </c>
      <c r="AU94" s="934"/>
      <c r="AV94" s="934"/>
      <c r="AW94" s="934"/>
      <c r="AX94" s="934"/>
      <c r="AY94" s="934"/>
      <c r="AZ94" s="934"/>
      <c r="BA94" s="934"/>
      <c r="BB94" s="934"/>
      <c r="BC94" s="935"/>
      <c r="BD94" s="1123" t="s">
        <v>212</v>
      </c>
      <c r="BE94" s="1124"/>
      <c r="BF94" s="1124"/>
      <c r="BG94" s="1124"/>
      <c r="BH94" s="1124"/>
      <c r="BI94" s="1124"/>
      <c r="BJ94" s="1124"/>
      <c r="BK94" s="1143" t="s">
        <v>4</v>
      </c>
      <c r="BL94" s="1143"/>
      <c r="BM94" s="1143"/>
      <c r="BN94" s="1143"/>
      <c r="BO94" s="1144"/>
      <c r="BP94" s="84"/>
      <c r="BQ94" s="84"/>
      <c r="BR94" s="84"/>
      <c r="BS94" s="84"/>
      <c r="BT94" s="108"/>
    </row>
    <row r="95" spans="1:72" s="79" customFormat="1" ht="5.25" customHeight="1">
      <c r="A95" s="113"/>
      <c r="B95" s="113"/>
      <c r="D95" s="1119"/>
      <c r="E95" s="1120"/>
      <c r="F95" s="1120"/>
      <c r="G95" s="1120"/>
      <c r="H95" s="1120"/>
      <c r="I95" s="1121"/>
      <c r="J95" s="1121"/>
      <c r="K95" s="1121"/>
      <c r="L95" s="1121"/>
      <c r="M95" s="1121"/>
      <c r="N95" s="1122"/>
      <c r="O95" s="1122"/>
      <c r="P95" s="1122"/>
      <c r="Q95" s="1122"/>
      <c r="R95" s="1122"/>
      <c r="S95" s="1122"/>
      <c r="T95" s="1122"/>
      <c r="U95" s="1122"/>
      <c r="V95" s="1122"/>
      <c r="W95" s="1122"/>
      <c r="X95" s="1122"/>
      <c r="Y95" s="936"/>
      <c r="Z95" s="937"/>
      <c r="AA95" s="937"/>
      <c r="AB95" s="937"/>
      <c r="AC95" s="937"/>
      <c r="AD95" s="937"/>
      <c r="AE95" s="937"/>
      <c r="AF95" s="937"/>
      <c r="AG95" s="937"/>
      <c r="AH95" s="938"/>
      <c r="AI95" s="1122"/>
      <c r="AJ95" s="1122"/>
      <c r="AK95" s="1122"/>
      <c r="AL95" s="1122"/>
      <c r="AM95" s="1122"/>
      <c r="AN95" s="1122"/>
      <c r="AO95" s="1122"/>
      <c r="AP95" s="1122"/>
      <c r="AQ95" s="1122"/>
      <c r="AR95" s="1122"/>
      <c r="AS95" s="1122"/>
      <c r="AT95" s="936"/>
      <c r="AU95" s="937"/>
      <c r="AV95" s="937"/>
      <c r="AW95" s="937"/>
      <c r="AX95" s="937"/>
      <c r="AY95" s="937"/>
      <c r="AZ95" s="937"/>
      <c r="BA95" s="937"/>
      <c r="BB95" s="937"/>
      <c r="BC95" s="938"/>
      <c r="BD95" s="1123"/>
      <c r="BE95" s="1124"/>
      <c r="BF95" s="1124"/>
      <c r="BG95" s="1124"/>
      <c r="BH95" s="1124"/>
      <c r="BI95" s="1124"/>
      <c r="BJ95" s="1124"/>
      <c r="BK95" s="1143"/>
      <c r="BL95" s="1143"/>
      <c r="BM95" s="1143"/>
      <c r="BN95" s="1143"/>
      <c r="BO95" s="1144"/>
      <c r="BP95" s="84"/>
      <c r="BQ95" s="84"/>
      <c r="BR95" s="84"/>
      <c r="BS95" s="84"/>
      <c r="BT95" s="108"/>
    </row>
    <row r="96" spans="1:72" s="79" customFormat="1" ht="5.25" customHeight="1">
      <c r="A96" s="113"/>
      <c r="B96" s="113"/>
      <c r="D96" s="1119"/>
      <c r="E96" s="1120"/>
      <c r="F96" s="1120"/>
      <c r="G96" s="1120"/>
      <c r="H96" s="1120"/>
      <c r="I96" s="1121"/>
      <c r="J96" s="1121"/>
      <c r="K96" s="1121"/>
      <c r="L96" s="1121"/>
      <c r="M96" s="1121"/>
      <c r="N96" s="1122"/>
      <c r="O96" s="1122"/>
      <c r="P96" s="1122"/>
      <c r="Q96" s="1122"/>
      <c r="R96" s="1122"/>
      <c r="S96" s="1122"/>
      <c r="T96" s="1122"/>
      <c r="U96" s="1122"/>
      <c r="V96" s="1122"/>
      <c r="W96" s="1122"/>
      <c r="X96" s="1122"/>
      <c r="Y96" s="936"/>
      <c r="Z96" s="937"/>
      <c r="AA96" s="937"/>
      <c r="AB96" s="937"/>
      <c r="AC96" s="937"/>
      <c r="AD96" s="937"/>
      <c r="AE96" s="937"/>
      <c r="AF96" s="937"/>
      <c r="AG96" s="937"/>
      <c r="AH96" s="938"/>
      <c r="AI96" s="1122"/>
      <c r="AJ96" s="1122"/>
      <c r="AK96" s="1122"/>
      <c r="AL96" s="1122"/>
      <c r="AM96" s="1122"/>
      <c r="AN96" s="1122"/>
      <c r="AO96" s="1122"/>
      <c r="AP96" s="1122"/>
      <c r="AQ96" s="1122"/>
      <c r="AR96" s="1122"/>
      <c r="AS96" s="1122"/>
      <c r="AT96" s="936"/>
      <c r="AU96" s="937"/>
      <c r="AV96" s="937"/>
      <c r="AW96" s="937"/>
      <c r="AX96" s="937"/>
      <c r="AY96" s="937"/>
      <c r="AZ96" s="937"/>
      <c r="BA96" s="937"/>
      <c r="BB96" s="937"/>
      <c r="BC96" s="938"/>
      <c r="BD96" s="1123"/>
      <c r="BE96" s="1124"/>
      <c r="BF96" s="1124"/>
      <c r="BG96" s="1124"/>
      <c r="BH96" s="1124"/>
      <c r="BI96" s="1124"/>
      <c r="BJ96" s="1124"/>
      <c r="BK96" s="1143"/>
      <c r="BL96" s="1143"/>
      <c r="BM96" s="1143"/>
      <c r="BN96" s="1143"/>
      <c r="BO96" s="1144"/>
      <c r="BP96" s="335"/>
      <c r="BQ96" s="335"/>
      <c r="BR96" s="321"/>
      <c r="BS96" s="84"/>
      <c r="BT96" s="108"/>
    </row>
    <row r="97" spans="1:72" s="79" customFormat="1" ht="5.25" customHeight="1">
      <c r="A97" s="113"/>
      <c r="B97" s="113"/>
      <c r="D97" s="1119"/>
      <c r="E97" s="1120"/>
      <c r="F97" s="1120"/>
      <c r="G97" s="1120"/>
      <c r="H97" s="1120"/>
      <c r="I97" s="1121"/>
      <c r="J97" s="1121"/>
      <c r="K97" s="1121"/>
      <c r="L97" s="1121"/>
      <c r="M97" s="1121"/>
      <c r="N97" s="1122"/>
      <c r="O97" s="1122"/>
      <c r="P97" s="1122"/>
      <c r="Q97" s="1122"/>
      <c r="R97" s="1122"/>
      <c r="S97" s="1122"/>
      <c r="T97" s="1122"/>
      <c r="U97" s="1122"/>
      <c r="V97" s="1122"/>
      <c r="W97" s="1122"/>
      <c r="X97" s="1122"/>
      <c r="Y97" s="939"/>
      <c r="Z97" s="940"/>
      <c r="AA97" s="940"/>
      <c r="AB97" s="940"/>
      <c r="AC97" s="940"/>
      <c r="AD97" s="940"/>
      <c r="AE97" s="940"/>
      <c r="AF97" s="940"/>
      <c r="AG97" s="940"/>
      <c r="AH97" s="941"/>
      <c r="AI97" s="1122"/>
      <c r="AJ97" s="1122"/>
      <c r="AK97" s="1122"/>
      <c r="AL97" s="1122"/>
      <c r="AM97" s="1122"/>
      <c r="AN97" s="1122"/>
      <c r="AO97" s="1122"/>
      <c r="AP97" s="1122"/>
      <c r="AQ97" s="1122"/>
      <c r="AR97" s="1122"/>
      <c r="AS97" s="1122"/>
      <c r="AT97" s="936"/>
      <c r="AU97" s="937"/>
      <c r="AV97" s="937"/>
      <c r="AW97" s="937"/>
      <c r="AX97" s="937"/>
      <c r="AY97" s="937"/>
      <c r="AZ97" s="937"/>
      <c r="BA97" s="937"/>
      <c r="BB97" s="937"/>
      <c r="BC97" s="938"/>
      <c r="BD97" s="1123"/>
      <c r="BE97" s="1124"/>
      <c r="BF97" s="1124"/>
      <c r="BG97" s="1124"/>
      <c r="BH97" s="1124"/>
      <c r="BI97" s="1124"/>
      <c r="BJ97" s="1124"/>
      <c r="BK97" s="1143"/>
      <c r="BL97" s="1143"/>
      <c r="BM97" s="1143"/>
      <c r="BN97" s="1143"/>
      <c r="BO97" s="1144"/>
      <c r="BP97" s="335"/>
      <c r="BT97" s="108"/>
    </row>
    <row r="98" spans="1:72" s="79" customFormat="1" ht="5.25" customHeight="1">
      <c r="A98" s="113"/>
      <c r="B98" s="113"/>
      <c r="D98" s="1119"/>
      <c r="E98" s="1120"/>
      <c r="F98" s="1120"/>
      <c r="G98" s="1120"/>
      <c r="H98" s="1120"/>
      <c r="I98" s="1121" t="s">
        <v>211</v>
      </c>
      <c r="J98" s="1121"/>
      <c r="K98" s="1121"/>
      <c r="L98" s="1121"/>
      <c r="M98" s="1121"/>
      <c r="N98" s="1093"/>
      <c r="O98" s="1093"/>
      <c r="P98" s="1093"/>
      <c r="Q98" s="1093"/>
      <c r="R98" s="1093"/>
      <c r="S98" s="1093"/>
      <c r="T98" s="1093"/>
      <c r="U98" s="1093"/>
      <c r="V98" s="1093"/>
      <c r="W98" s="1093"/>
      <c r="X98" s="1093"/>
      <c r="Y98" s="1145"/>
      <c r="Z98" s="1146"/>
      <c r="AA98" s="1146"/>
      <c r="AB98" s="1146"/>
      <c r="AC98" s="1146"/>
      <c r="AD98" s="1146"/>
      <c r="AE98" s="1146"/>
      <c r="AF98" s="1146"/>
      <c r="AG98" s="1146"/>
      <c r="AH98" s="1147"/>
      <c r="AI98" s="1154"/>
      <c r="AJ98" s="1154"/>
      <c r="AK98" s="1154"/>
      <c r="AL98" s="1154"/>
      <c r="AM98" s="1154"/>
      <c r="AN98" s="1154"/>
      <c r="AO98" s="1154"/>
      <c r="AP98" s="1154"/>
      <c r="AQ98" s="1154"/>
      <c r="AR98" s="1154"/>
      <c r="AS98" s="1154"/>
      <c r="AT98" s="936"/>
      <c r="AU98" s="937"/>
      <c r="AV98" s="937"/>
      <c r="AW98" s="937"/>
      <c r="AX98" s="937"/>
      <c r="AY98" s="937"/>
      <c r="AZ98" s="937"/>
      <c r="BA98" s="937"/>
      <c r="BB98" s="937"/>
      <c r="BC98" s="938"/>
      <c r="BD98" s="1123" t="s">
        <v>210</v>
      </c>
      <c r="BE98" s="1124"/>
      <c r="BF98" s="1124"/>
      <c r="BG98" s="1124"/>
      <c r="BH98" s="1124"/>
      <c r="BI98" s="1124"/>
      <c r="BJ98" s="1124"/>
      <c r="BK98" s="1155" t="s">
        <v>11</v>
      </c>
      <c r="BL98" s="1155"/>
      <c r="BM98" s="1155"/>
      <c r="BN98" s="1155"/>
      <c r="BO98" s="1156"/>
      <c r="BP98" s="335"/>
    </row>
    <row r="99" spans="1:72" s="79" customFormat="1" ht="5.25" customHeight="1">
      <c r="A99" s="113"/>
      <c r="B99" s="113"/>
      <c r="D99" s="1119"/>
      <c r="E99" s="1120"/>
      <c r="F99" s="1120"/>
      <c r="G99" s="1120"/>
      <c r="H99" s="1120"/>
      <c r="I99" s="1121"/>
      <c r="J99" s="1121"/>
      <c r="K99" s="1121"/>
      <c r="L99" s="1121"/>
      <c r="M99" s="1121"/>
      <c r="N99" s="1093"/>
      <c r="O99" s="1093"/>
      <c r="P99" s="1093"/>
      <c r="Q99" s="1093"/>
      <c r="R99" s="1093"/>
      <c r="S99" s="1093"/>
      <c r="T99" s="1093"/>
      <c r="U99" s="1093"/>
      <c r="V99" s="1093"/>
      <c r="W99" s="1093"/>
      <c r="X99" s="1093"/>
      <c r="Y99" s="1148"/>
      <c r="Z99" s="1149"/>
      <c r="AA99" s="1149"/>
      <c r="AB99" s="1149"/>
      <c r="AC99" s="1149"/>
      <c r="AD99" s="1149"/>
      <c r="AE99" s="1149"/>
      <c r="AF99" s="1149"/>
      <c r="AG99" s="1149"/>
      <c r="AH99" s="1150"/>
      <c r="AI99" s="1154"/>
      <c r="AJ99" s="1154"/>
      <c r="AK99" s="1154"/>
      <c r="AL99" s="1154"/>
      <c r="AM99" s="1154"/>
      <c r="AN99" s="1154"/>
      <c r="AO99" s="1154"/>
      <c r="AP99" s="1154"/>
      <c r="AQ99" s="1154"/>
      <c r="AR99" s="1154"/>
      <c r="AS99" s="1154"/>
      <c r="AT99" s="936"/>
      <c r="AU99" s="937"/>
      <c r="AV99" s="937"/>
      <c r="AW99" s="937"/>
      <c r="AX99" s="937"/>
      <c r="AY99" s="937"/>
      <c r="AZ99" s="937"/>
      <c r="BA99" s="937"/>
      <c r="BB99" s="937"/>
      <c r="BC99" s="938"/>
      <c r="BD99" s="1123"/>
      <c r="BE99" s="1124"/>
      <c r="BF99" s="1124"/>
      <c r="BG99" s="1124"/>
      <c r="BH99" s="1124"/>
      <c r="BI99" s="1124"/>
      <c r="BJ99" s="1124"/>
      <c r="BK99" s="1155"/>
      <c r="BL99" s="1155"/>
      <c r="BM99" s="1155"/>
      <c r="BN99" s="1155"/>
      <c r="BO99" s="1156"/>
      <c r="BP99" s="115"/>
    </row>
    <row r="100" spans="1:72" s="79" customFormat="1" ht="5.25" customHeight="1">
      <c r="A100" s="113"/>
      <c r="B100" s="113"/>
      <c r="D100" s="1119"/>
      <c r="E100" s="1120"/>
      <c r="F100" s="1120"/>
      <c r="G100" s="1120"/>
      <c r="H100" s="1120"/>
      <c r="I100" s="1121"/>
      <c r="J100" s="1121"/>
      <c r="K100" s="1121"/>
      <c r="L100" s="1121"/>
      <c r="M100" s="1121"/>
      <c r="N100" s="1093"/>
      <c r="O100" s="1093"/>
      <c r="P100" s="1093"/>
      <c r="Q100" s="1093"/>
      <c r="R100" s="1093"/>
      <c r="S100" s="1093"/>
      <c r="T100" s="1093"/>
      <c r="U100" s="1093"/>
      <c r="V100" s="1093"/>
      <c r="W100" s="1093"/>
      <c r="X100" s="1093"/>
      <c r="Y100" s="1148"/>
      <c r="Z100" s="1149"/>
      <c r="AA100" s="1149"/>
      <c r="AB100" s="1149"/>
      <c r="AC100" s="1149"/>
      <c r="AD100" s="1149"/>
      <c r="AE100" s="1149"/>
      <c r="AF100" s="1149"/>
      <c r="AG100" s="1149"/>
      <c r="AH100" s="1150"/>
      <c r="AI100" s="1154"/>
      <c r="AJ100" s="1154"/>
      <c r="AK100" s="1154"/>
      <c r="AL100" s="1154"/>
      <c r="AM100" s="1154"/>
      <c r="AN100" s="1154"/>
      <c r="AO100" s="1154"/>
      <c r="AP100" s="1154"/>
      <c r="AQ100" s="1154"/>
      <c r="AR100" s="1154"/>
      <c r="AS100" s="1154"/>
      <c r="AT100" s="936"/>
      <c r="AU100" s="937"/>
      <c r="AV100" s="937"/>
      <c r="AW100" s="937"/>
      <c r="AX100" s="937"/>
      <c r="AY100" s="937"/>
      <c r="AZ100" s="937"/>
      <c r="BA100" s="937"/>
      <c r="BB100" s="937"/>
      <c r="BC100" s="938"/>
      <c r="BD100" s="1123"/>
      <c r="BE100" s="1124"/>
      <c r="BF100" s="1124"/>
      <c r="BG100" s="1124"/>
      <c r="BH100" s="1124"/>
      <c r="BI100" s="1124"/>
      <c r="BJ100" s="1124"/>
      <c r="BK100" s="1155"/>
      <c r="BL100" s="1155"/>
      <c r="BM100" s="1155"/>
      <c r="BN100" s="1155"/>
      <c r="BO100" s="1156"/>
      <c r="BP100" s="115"/>
    </row>
    <row r="101" spans="1:72" s="79" customFormat="1" ht="5.25" customHeight="1">
      <c r="A101" s="113"/>
      <c r="B101" s="113"/>
      <c r="D101" s="1119"/>
      <c r="E101" s="1120"/>
      <c r="F101" s="1120"/>
      <c r="G101" s="1120"/>
      <c r="H101" s="1120"/>
      <c r="I101" s="1121"/>
      <c r="J101" s="1121"/>
      <c r="K101" s="1121"/>
      <c r="L101" s="1121"/>
      <c r="M101" s="1121"/>
      <c r="N101" s="1093"/>
      <c r="O101" s="1093"/>
      <c r="P101" s="1093"/>
      <c r="Q101" s="1093"/>
      <c r="R101" s="1093"/>
      <c r="S101" s="1093"/>
      <c r="T101" s="1093"/>
      <c r="U101" s="1093"/>
      <c r="V101" s="1093"/>
      <c r="W101" s="1093"/>
      <c r="X101" s="1093"/>
      <c r="Y101" s="1151"/>
      <c r="Z101" s="1152"/>
      <c r="AA101" s="1152"/>
      <c r="AB101" s="1152"/>
      <c r="AC101" s="1152"/>
      <c r="AD101" s="1152"/>
      <c r="AE101" s="1152"/>
      <c r="AF101" s="1152"/>
      <c r="AG101" s="1152"/>
      <c r="AH101" s="1153"/>
      <c r="AI101" s="1154"/>
      <c r="AJ101" s="1154"/>
      <c r="AK101" s="1154"/>
      <c r="AL101" s="1154"/>
      <c r="AM101" s="1154"/>
      <c r="AN101" s="1154"/>
      <c r="AO101" s="1154"/>
      <c r="AP101" s="1154"/>
      <c r="AQ101" s="1154"/>
      <c r="AR101" s="1154"/>
      <c r="AS101" s="1154"/>
      <c r="AT101" s="939"/>
      <c r="AU101" s="940"/>
      <c r="AV101" s="940"/>
      <c r="AW101" s="940"/>
      <c r="AX101" s="940"/>
      <c r="AY101" s="940"/>
      <c r="AZ101" s="940"/>
      <c r="BA101" s="940"/>
      <c r="BB101" s="940"/>
      <c r="BC101" s="941"/>
      <c r="BD101" s="1123"/>
      <c r="BE101" s="1124"/>
      <c r="BF101" s="1124"/>
      <c r="BG101" s="1124"/>
      <c r="BH101" s="1124"/>
      <c r="BI101" s="1124"/>
      <c r="BJ101" s="1124"/>
      <c r="BK101" s="1155"/>
      <c r="BL101" s="1155"/>
      <c r="BM101" s="1155"/>
      <c r="BN101" s="1155"/>
      <c r="BO101" s="1156"/>
    </row>
    <row r="102" spans="1:72" s="79" customFormat="1" ht="5.25" customHeight="1">
      <c r="A102" s="113"/>
      <c r="B102" s="113"/>
      <c r="D102" s="1173" t="s">
        <v>209</v>
      </c>
      <c r="E102" s="1121"/>
      <c r="F102" s="1121"/>
      <c r="G102" s="1121"/>
      <c r="H102" s="1121"/>
      <c r="I102" s="1121"/>
      <c r="J102" s="1121"/>
      <c r="K102" s="1121"/>
      <c r="L102" s="1121"/>
      <c r="M102" s="1121"/>
      <c r="N102" s="1176"/>
      <c r="O102" s="1176"/>
      <c r="P102" s="1176"/>
      <c r="Q102" s="1176"/>
      <c r="R102" s="1176"/>
      <c r="S102" s="1176"/>
      <c r="T102" s="1176"/>
      <c r="U102" s="1176"/>
      <c r="V102" s="1176"/>
      <c r="W102" s="1176"/>
      <c r="X102" s="1176"/>
      <c r="Y102" s="1145"/>
      <c r="Z102" s="1146"/>
      <c r="AA102" s="1146"/>
      <c r="AB102" s="1146"/>
      <c r="AC102" s="1146"/>
      <c r="AD102" s="1146"/>
      <c r="AE102" s="1146"/>
      <c r="AF102" s="1146"/>
      <c r="AG102" s="1146"/>
      <c r="AH102" s="1147"/>
      <c r="AI102" s="1145"/>
      <c r="AJ102" s="1146"/>
      <c r="AK102" s="1146"/>
      <c r="AL102" s="1146"/>
      <c r="AM102" s="1146"/>
      <c r="AN102" s="1146"/>
      <c r="AO102" s="1146"/>
      <c r="AP102" s="1146"/>
      <c r="AQ102" s="1146"/>
      <c r="AR102" s="1146"/>
      <c r="AS102" s="1147"/>
      <c r="AT102" s="1154"/>
      <c r="AU102" s="1154"/>
      <c r="AV102" s="1154"/>
      <c r="AW102" s="1154"/>
      <c r="AX102" s="1154"/>
      <c r="AY102" s="1154"/>
      <c r="AZ102" s="1154"/>
      <c r="BA102" s="1154"/>
      <c r="BB102" s="1154"/>
      <c r="BC102" s="1154"/>
      <c r="BD102" s="1123" t="s">
        <v>208</v>
      </c>
      <c r="BE102" s="1124"/>
      <c r="BF102" s="1124"/>
      <c r="BG102" s="1124"/>
      <c r="BH102" s="1124"/>
      <c r="BI102" s="1124"/>
      <c r="BJ102" s="1124"/>
      <c r="BK102" s="1155" t="s">
        <v>11</v>
      </c>
      <c r="BL102" s="1155"/>
      <c r="BM102" s="1155"/>
      <c r="BN102" s="1155"/>
      <c r="BO102" s="1156"/>
    </row>
    <row r="103" spans="1:72" s="79" customFormat="1" ht="5.25" customHeight="1">
      <c r="A103" s="113"/>
      <c r="B103" s="113"/>
      <c r="D103" s="1173"/>
      <c r="E103" s="1121"/>
      <c r="F103" s="1121"/>
      <c r="G103" s="1121"/>
      <c r="H103" s="1121"/>
      <c r="I103" s="1121"/>
      <c r="J103" s="1121"/>
      <c r="K103" s="1121"/>
      <c r="L103" s="1121"/>
      <c r="M103" s="1121"/>
      <c r="N103" s="1176"/>
      <c r="O103" s="1176"/>
      <c r="P103" s="1176"/>
      <c r="Q103" s="1176"/>
      <c r="R103" s="1176"/>
      <c r="S103" s="1176"/>
      <c r="T103" s="1176"/>
      <c r="U103" s="1176"/>
      <c r="V103" s="1176"/>
      <c r="W103" s="1176"/>
      <c r="X103" s="1176"/>
      <c r="Y103" s="1148"/>
      <c r="Z103" s="1149"/>
      <c r="AA103" s="1149"/>
      <c r="AB103" s="1149"/>
      <c r="AC103" s="1149"/>
      <c r="AD103" s="1149"/>
      <c r="AE103" s="1149"/>
      <c r="AF103" s="1149"/>
      <c r="AG103" s="1149"/>
      <c r="AH103" s="1150"/>
      <c r="AI103" s="1148"/>
      <c r="AJ103" s="1149"/>
      <c r="AK103" s="1149"/>
      <c r="AL103" s="1149"/>
      <c r="AM103" s="1149"/>
      <c r="AN103" s="1149"/>
      <c r="AO103" s="1149"/>
      <c r="AP103" s="1149"/>
      <c r="AQ103" s="1149"/>
      <c r="AR103" s="1149"/>
      <c r="AS103" s="1150"/>
      <c r="AT103" s="1154"/>
      <c r="AU103" s="1154"/>
      <c r="AV103" s="1154"/>
      <c r="AW103" s="1154"/>
      <c r="AX103" s="1154"/>
      <c r="AY103" s="1154"/>
      <c r="AZ103" s="1154"/>
      <c r="BA103" s="1154"/>
      <c r="BB103" s="1154"/>
      <c r="BC103" s="1154"/>
      <c r="BD103" s="1123"/>
      <c r="BE103" s="1124"/>
      <c r="BF103" s="1124"/>
      <c r="BG103" s="1124"/>
      <c r="BH103" s="1124"/>
      <c r="BI103" s="1124"/>
      <c r="BJ103" s="1124"/>
      <c r="BK103" s="1155"/>
      <c r="BL103" s="1155"/>
      <c r="BM103" s="1155"/>
      <c r="BN103" s="1155"/>
      <c r="BO103" s="1156"/>
    </row>
    <row r="104" spans="1:72" s="79" customFormat="1" ht="5.25" customHeight="1">
      <c r="A104" s="113"/>
      <c r="B104" s="113"/>
      <c r="D104" s="1173"/>
      <c r="E104" s="1121"/>
      <c r="F104" s="1121"/>
      <c r="G104" s="1121"/>
      <c r="H104" s="1121"/>
      <c r="I104" s="1121"/>
      <c r="J104" s="1121"/>
      <c r="K104" s="1121"/>
      <c r="L104" s="1121"/>
      <c r="M104" s="1121"/>
      <c r="N104" s="1176"/>
      <c r="O104" s="1176"/>
      <c r="P104" s="1176"/>
      <c r="Q104" s="1176"/>
      <c r="R104" s="1176"/>
      <c r="S104" s="1176"/>
      <c r="T104" s="1176"/>
      <c r="U104" s="1176"/>
      <c r="V104" s="1176"/>
      <c r="W104" s="1176"/>
      <c r="X104" s="1176"/>
      <c r="Y104" s="1148"/>
      <c r="Z104" s="1149"/>
      <c r="AA104" s="1149"/>
      <c r="AB104" s="1149"/>
      <c r="AC104" s="1149"/>
      <c r="AD104" s="1149"/>
      <c r="AE104" s="1149"/>
      <c r="AF104" s="1149"/>
      <c r="AG104" s="1149"/>
      <c r="AH104" s="1150"/>
      <c r="AI104" s="1148"/>
      <c r="AJ104" s="1149"/>
      <c r="AK104" s="1149"/>
      <c r="AL104" s="1149"/>
      <c r="AM104" s="1149"/>
      <c r="AN104" s="1149"/>
      <c r="AO104" s="1149"/>
      <c r="AP104" s="1149"/>
      <c r="AQ104" s="1149"/>
      <c r="AR104" s="1149"/>
      <c r="AS104" s="1150"/>
      <c r="AT104" s="1154"/>
      <c r="AU104" s="1154"/>
      <c r="AV104" s="1154"/>
      <c r="AW104" s="1154"/>
      <c r="AX104" s="1154"/>
      <c r="AY104" s="1154"/>
      <c r="AZ104" s="1154"/>
      <c r="BA104" s="1154"/>
      <c r="BB104" s="1154"/>
      <c r="BC104" s="1154"/>
      <c r="BD104" s="1123"/>
      <c r="BE104" s="1124"/>
      <c r="BF104" s="1124"/>
      <c r="BG104" s="1124"/>
      <c r="BH104" s="1124"/>
      <c r="BI104" s="1124"/>
      <c r="BJ104" s="1124"/>
      <c r="BK104" s="1155"/>
      <c r="BL104" s="1155"/>
      <c r="BM104" s="1155"/>
      <c r="BN104" s="1155"/>
      <c r="BO104" s="1156"/>
    </row>
    <row r="105" spans="1:72" s="79" customFormat="1" ht="5.25" customHeight="1">
      <c r="A105" s="113"/>
      <c r="B105" s="113"/>
      <c r="D105" s="1174"/>
      <c r="E105" s="1175"/>
      <c r="F105" s="1175"/>
      <c r="G105" s="1175"/>
      <c r="H105" s="1175"/>
      <c r="I105" s="1175"/>
      <c r="J105" s="1175"/>
      <c r="K105" s="1175"/>
      <c r="L105" s="1175"/>
      <c r="M105" s="1175"/>
      <c r="N105" s="1177"/>
      <c r="O105" s="1177"/>
      <c r="P105" s="1177"/>
      <c r="Q105" s="1177"/>
      <c r="R105" s="1177"/>
      <c r="S105" s="1177"/>
      <c r="T105" s="1177"/>
      <c r="U105" s="1177"/>
      <c r="V105" s="1177"/>
      <c r="W105" s="1177"/>
      <c r="X105" s="1177"/>
      <c r="Y105" s="1178"/>
      <c r="Z105" s="1179"/>
      <c r="AA105" s="1179"/>
      <c r="AB105" s="1179"/>
      <c r="AC105" s="1179"/>
      <c r="AD105" s="1179"/>
      <c r="AE105" s="1179"/>
      <c r="AF105" s="1179"/>
      <c r="AG105" s="1179"/>
      <c r="AH105" s="1180"/>
      <c r="AI105" s="1178"/>
      <c r="AJ105" s="1179"/>
      <c r="AK105" s="1179"/>
      <c r="AL105" s="1179"/>
      <c r="AM105" s="1179"/>
      <c r="AN105" s="1179"/>
      <c r="AO105" s="1179"/>
      <c r="AP105" s="1179"/>
      <c r="AQ105" s="1152"/>
      <c r="AR105" s="1152"/>
      <c r="AS105" s="1153"/>
      <c r="AT105" s="1154"/>
      <c r="AU105" s="1154"/>
      <c r="AV105" s="1154"/>
      <c r="AW105" s="1154"/>
      <c r="AX105" s="1154"/>
      <c r="AY105" s="1154"/>
      <c r="AZ105" s="1154"/>
      <c r="BA105" s="1154"/>
      <c r="BB105" s="1154"/>
      <c r="BC105" s="1154"/>
      <c r="BD105" s="1123"/>
      <c r="BE105" s="1124"/>
      <c r="BF105" s="1124"/>
      <c r="BG105" s="1124"/>
      <c r="BH105" s="1124"/>
      <c r="BI105" s="1124"/>
      <c r="BJ105" s="1124"/>
      <c r="BK105" s="1155"/>
      <c r="BL105" s="1155"/>
      <c r="BM105" s="1155"/>
      <c r="BN105" s="1155"/>
      <c r="BO105" s="1156"/>
    </row>
    <row r="106" spans="1:72" s="79" customFormat="1" ht="5.25" customHeight="1">
      <c r="A106" s="113"/>
      <c r="B106" s="113"/>
      <c r="D106" s="1161" t="s">
        <v>207</v>
      </c>
      <c r="E106" s="1161"/>
      <c r="F106" s="1161"/>
      <c r="G106" s="1161"/>
      <c r="H106" s="1161"/>
      <c r="I106" s="1161"/>
      <c r="J106" s="1161"/>
      <c r="K106" s="1161"/>
      <c r="L106" s="1161"/>
      <c r="M106" s="1161"/>
      <c r="N106" s="1161"/>
      <c r="O106" s="1161"/>
      <c r="P106" s="1161"/>
      <c r="Q106" s="1161"/>
      <c r="R106" s="1161"/>
      <c r="S106" s="1161"/>
      <c r="T106" s="1161"/>
      <c r="U106" s="1161"/>
      <c r="V106" s="1161"/>
      <c r="W106" s="1161"/>
      <c r="X106" s="1161"/>
      <c r="Y106" s="1161"/>
      <c r="Z106" s="1161"/>
      <c r="AA106" s="1161"/>
      <c r="AB106" s="1161"/>
      <c r="AC106" s="1161"/>
      <c r="AD106" s="1161"/>
      <c r="AE106" s="1161"/>
      <c r="AF106" s="1161"/>
      <c r="AG106" s="1161"/>
      <c r="AH106" s="1161"/>
      <c r="AI106" s="1161"/>
      <c r="AJ106" s="1161"/>
      <c r="AK106" s="1161"/>
      <c r="AL106" s="1161"/>
      <c r="AM106" s="1161"/>
      <c r="AN106" s="1161"/>
      <c r="AO106" s="1161"/>
      <c r="AP106" s="1162"/>
      <c r="AQ106" s="1165" t="s">
        <v>206</v>
      </c>
      <c r="AR106" s="922"/>
      <c r="AS106" s="922"/>
      <c r="AT106" s="922"/>
      <c r="AU106" s="922"/>
      <c r="AV106" s="922"/>
      <c r="AW106" s="922"/>
      <c r="AX106" s="922"/>
      <c r="AY106" s="922"/>
      <c r="AZ106" s="922"/>
      <c r="BA106" s="922"/>
      <c r="BB106" s="922"/>
      <c r="BC106" s="1166"/>
      <c r="BD106" s="1085"/>
      <c r="BE106" s="1085"/>
      <c r="BF106" s="1085"/>
      <c r="BG106" s="1085"/>
      <c r="BH106" s="1085"/>
      <c r="BI106" s="1085"/>
      <c r="BJ106" s="1085"/>
      <c r="BK106" s="1085"/>
      <c r="BL106" s="1085"/>
      <c r="BM106" s="1085"/>
      <c r="BN106" s="1085"/>
      <c r="BO106" s="1086"/>
    </row>
    <row r="107" spans="1:72" s="79" customFormat="1" ht="5.25" customHeight="1">
      <c r="A107" s="113"/>
      <c r="B107" s="113"/>
      <c r="D107" s="1163"/>
      <c r="E107" s="1163"/>
      <c r="F107" s="1163"/>
      <c r="G107" s="1163"/>
      <c r="H107" s="1163"/>
      <c r="I107" s="1163"/>
      <c r="J107" s="1163"/>
      <c r="K107" s="1163"/>
      <c r="L107" s="1163"/>
      <c r="M107" s="1163"/>
      <c r="N107" s="1163"/>
      <c r="O107" s="1163"/>
      <c r="P107" s="1163"/>
      <c r="Q107" s="1163"/>
      <c r="R107" s="1163"/>
      <c r="S107" s="1163"/>
      <c r="T107" s="1163"/>
      <c r="U107" s="1163"/>
      <c r="V107" s="1163"/>
      <c r="W107" s="1163"/>
      <c r="X107" s="1163"/>
      <c r="Y107" s="1163"/>
      <c r="Z107" s="1163"/>
      <c r="AA107" s="1163"/>
      <c r="AB107" s="1163"/>
      <c r="AC107" s="1163"/>
      <c r="AD107" s="1163"/>
      <c r="AE107" s="1163"/>
      <c r="AF107" s="1163"/>
      <c r="AG107" s="1163"/>
      <c r="AH107" s="1163"/>
      <c r="AI107" s="1163"/>
      <c r="AJ107" s="1163"/>
      <c r="AK107" s="1163"/>
      <c r="AL107" s="1163"/>
      <c r="AM107" s="1163"/>
      <c r="AN107" s="1163"/>
      <c r="AO107" s="1163"/>
      <c r="AP107" s="1164"/>
      <c r="AQ107" s="1165"/>
      <c r="AR107" s="922"/>
      <c r="AS107" s="922"/>
      <c r="AT107" s="922"/>
      <c r="AU107" s="922"/>
      <c r="AV107" s="922"/>
      <c r="AW107" s="922"/>
      <c r="AX107" s="922"/>
      <c r="AY107" s="922"/>
      <c r="AZ107" s="922"/>
      <c r="BA107" s="922"/>
      <c r="BB107" s="922"/>
      <c r="BC107" s="1166"/>
      <c r="BD107" s="1085"/>
      <c r="BE107" s="1085"/>
      <c r="BF107" s="1085"/>
      <c r="BG107" s="1085"/>
      <c r="BH107" s="1085"/>
      <c r="BI107" s="1085"/>
      <c r="BJ107" s="1085"/>
      <c r="BK107" s="1085"/>
      <c r="BL107" s="1085"/>
      <c r="BM107" s="1085"/>
      <c r="BN107" s="1085"/>
      <c r="BO107" s="1086"/>
    </row>
    <row r="108" spans="1:72" s="79" customFormat="1" ht="5.25" customHeight="1">
      <c r="A108" s="113"/>
      <c r="B108" s="113"/>
      <c r="D108" s="1172" t="s">
        <v>205</v>
      </c>
      <c r="E108" s="1172"/>
      <c r="F108" s="1172"/>
      <c r="G108" s="1172"/>
      <c r="H108" s="1172"/>
      <c r="I108" s="1172"/>
      <c r="J108" s="1172"/>
      <c r="K108" s="1172"/>
      <c r="L108" s="1172"/>
      <c r="M108" s="1172"/>
      <c r="N108" s="1172"/>
      <c r="O108" s="1172"/>
      <c r="P108" s="1172"/>
      <c r="Q108" s="1172"/>
      <c r="R108" s="1172"/>
      <c r="S108" s="1172"/>
      <c r="T108" s="1172"/>
      <c r="U108" s="1172"/>
      <c r="V108" s="1172"/>
      <c r="W108" s="1172"/>
      <c r="X108" s="1172"/>
      <c r="Y108" s="1172"/>
      <c r="Z108" s="1172"/>
      <c r="AA108" s="1172"/>
      <c r="AB108" s="1172"/>
      <c r="AC108" s="1172"/>
      <c r="AD108" s="1172"/>
      <c r="AE108" s="1172"/>
      <c r="AF108" s="1172"/>
      <c r="AG108" s="1172"/>
      <c r="AH108" s="1172"/>
      <c r="AI108" s="1172"/>
      <c r="AJ108" s="1172"/>
      <c r="AK108" s="1172"/>
      <c r="AL108" s="318"/>
      <c r="AM108" s="318"/>
      <c r="AN108" s="318"/>
      <c r="AO108" s="318"/>
      <c r="AP108" s="114"/>
      <c r="AQ108" s="1165"/>
      <c r="AR108" s="922"/>
      <c r="AS108" s="922"/>
      <c r="AT108" s="922"/>
      <c r="AU108" s="922"/>
      <c r="AV108" s="922"/>
      <c r="AW108" s="922"/>
      <c r="AX108" s="922"/>
      <c r="AY108" s="922"/>
      <c r="AZ108" s="922"/>
      <c r="BA108" s="922"/>
      <c r="BB108" s="922"/>
      <c r="BC108" s="1166"/>
      <c r="BD108" s="1085"/>
      <c r="BE108" s="1085"/>
      <c r="BF108" s="1085"/>
      <c r="BG108" s="1085"/>
      <c r="BH108" s="1085"/>
      <c r="BI108" s="1085"/>
      <c r="BJ108" s="1085"/>
      <c r="BK108" s="1085"/>
      <c r="BL108" s="1085"/>
      <c r="BM108" s="1085"/>
      <c r="BN108" s="1085"/>
      <c r="BO108" s="1086"/>
    </row>
    <row r="109" spans="1:72" s="79" customFormat="1" ht="5.25" customHeight="1">
      <c r="A109" s="113"/>
      <c r="B109" s="113"/>
      <c r="D109" s="1172"/>
      <c r="E109" s="1172"/>
      <c r="F109" s="1172"/>
      <c r="G109" s="1172"/>
      <c r="H109" s="1172"/>
      <c r="I109" s="1172"/>
      <c r="J109" s="1172"/>
      <c r="K109" s="1172"/>
      <c r="L109" s="1172"/>
      <c r="M109" s="1172"/>
      <c r="N109" s="1172"/>
      <c r="O109" s="1172"/>
      <c r="P109" s="1172"/>
      <c r="Q109" s="1172"/>
      <c r="R109" s="1172"/>
      <c r="S109" s="1172"/>
      <c r="T109" s="1172"/>
      <c r="U109" s="1172"/>
      <c r="V109" s="1172"/>
      <c r="W109" s="1172"/>
      <c r="X109" s="1172"/>
      <c r="Y109" s="1172"/>
      <c r="Z109" s="1172"/>
      <c r="AA109" s="1172"/>
      <c r="AB109" s="1172"/>
      <c r="AC109" s="1172"/>
      <c r="AD109" s="1172"/>
      <c r="AE109" s="1172"/>
      <c r="AF109" s="1172"/>
      <c r="AG109" s="1172"/>
      <c r="AH109" s="1172"/>
      <c r="AI109" s="1172"/>
      <c r="AJ109" s="1172"/>
      <c r="AK109" s="1172"/>
      <c r="AL109" s="318"/>
      <c r="AM109" s="318"/>
      <c r="AN109" s="318"/>
      <c r="AO109" s="318"/>
      <c r="AP109" s="114"/>
      <c r="AQ109" s="1167"/>
      <c r="AR109" s="1168"/>
      <c r="AS109" s="1168"/>
      <c r="AT109" s="1168"/>
      <c r="AU109" s="1168"/>
      <c r="AV109" s="1168"/>
      <c r="AW109" s="1168"/>
      <c r="AX109" s="1168"/>
      <c r="AY109" s="1168"/>
      <c r="AZ109" s="1168"/>
      <c r="BA109" s="1168"/>
      <c r="BB109" s="1168"/>
      <c r="BC109" s="1169"/>
      <c r="BD109" s="1170"/>
      <c r="BE109" s="1170"/>
      <c r="BF109" s="1170"/>
      <c r="BG109" s="1170"/>
      <c r="BH109" s="1170"/>
      <c r="BI109" s="1170"/>
      <c r="BJ109" s="1170"/>
      <c r="BK109" s="1170"/>
      <c r="BL109" s="1170"/>
      <c r="BM109" s="1170"/>
      <c r="BN109" s="1170"/>
      <c r="BO109" s="1171"/>
    </row>
    <row r="110" spans="1:72" s="79" customFormat="1" ht="5.25" customHeight="1">
      <c r="A110" s="113"/>
      <c r="B110" s="113"/>
      <c r="D110" s="318"/>
      <c r="E110" s="318"/>
      <c r="F110" s="318"/>
      <c r="G110" s="318"/>
      <c r="H110" s="318"/>
      <c r="I110" s="318"/>
      <c r="J110" s="318"/>
      <c r="K110" s="318"/>
      <c r="L110" s="318"/>
      <c r="M110" s="318"/>
      <c r="N110" s="318"/>
      <c r="O110" s="318"/>
      <c r="P110" s="318"/>
      <c r="Q110" s="318"/>
      <c r="R110" s="318"/>
      <c r="S110" s="318"/>
      <c r="T110" s="318"/>
      <c r="U110" s="318"/>
      <c r="V110" s="318"/>
      <c r="W110" s="318"/>
      <c r="X110" s="318"/>
      <c r="Y110" s="318"/>
      <c r="Z110" s="318"/>
      <c r="AA110" s="318"/>
      <c r="AB110" s="318"/>
      <c r="AC110" s="318"/>
      <c r="AD110" s="318"/>
      <c r="AE110" s="318"/>
      <c r="AF110" s="318"/>
      <c r="AG110" s="318"/>
      <c r="AH110" s="318"/>
      <c r="AI110" s="318"/>
      <c r="AJ110" s="318"/>
      <c r="AK110" s="318"/>
      <c r="AL110" s="318"/>
      <c r="AM110" s="318"/>
      <c r="AN110" s="318"/>
      <c r="AO110" s="318"/>
      <c r="AP110" s="318"/>
      <c r="AQ110" s="274"/>
      <c r="AR110" s="274"/>
      <c r="AS110" s="274"/>
      <c r="AT110" s="274"/>
      <c r="AU110" s="274"/>
      <c r="AV110" s="274"/>
      <c r="AW110" s="274"/>
      <c r="AX110" s="274"/>
      <c r="AY110" s="274"/>
      <c r="AZ110" s="274"/>
      <c r="BA110" s="274"/>
      <c r="BB110" s="274"/>
      <c r="BC110" s="274"/>
      <c r="BD110" s="306"/>
      <c r="BE110" s="306"/>
      <c r="BF110" s="306"/>
      <c r="BG110" s="306"/>
      <c r="BH110" s="306"/>
      <c r="BI110" s="306"/>
      <c r="BJ110" s="306"/>
      <c r="BK110" s="306"/>
      <c r="BL110" s="306"/>
      <c r="BM110" s="306"/>
      <c r="BN110" s="306"/>
      <c r="BO110" s="306"/>
    </row>
    <row r="111" spans="1:72" s="79" customFormat="1" ht="5.25" customHeight="1">
      <c r="A111" s="84"/>
      <c r="B111" s="103"/>
      <c r="C111" s="103"/>
    </row>
    <row r="112" spans="1:72" s="79" customFormat="1" ht="5.25" customHeight="1">
      <c r="A112" s="84"/>
      <c r="B112" s="335"/>
      <c r="C112" s="335"/>
      <c r="D112" s="907" t="s">
        <v>204</v>
      </c>
      <c r="E112" s="907"/>
      <c r="F112" s="907"/>
      <c r="G112" s="907"/>
      <c r="H112" s="907"/>
      <c r="I112" s="907"/>
      <c r="J112" s="907"/>
      <c r="K112" s="907"/>
      <c r="L112" s="907"/>
      <c r="M112" s="907"/>
      <c r="N112" s="907"/>
      <c r="O112" s="907"/>
      <c r="P112" s="907"/>
      <c r="Q112" s="907"/>
      <c r="R112" s="907"/>
      <c r="S112" s="907"/>
      <c r="T112" s="907"/>
      <c r="U112" s="907"/>
      <c r="V112" s="112"/>
      <c r="W112" s="112"/>
      <c r="X112" s="329"/>
      <c r="Y112" s="329"/>
      <c r="Z112" s="329"/>
      <c r="AA112" s="329"/>
      <c r="AB112" s="329"/>
      <c r="AI112" s="110"/>
      <c r="AJ112" s="110"/>
      <c r="AK112" s="110"/>
      <c r="AL112" s="110"/>
      <c r="AM112" s="110"/>
      <c r="AN112" s="110"/>
      <c r="AO112" s="907" t="s">
        <v>203</v>
      </c>
      <c r="AP112" s="907"/>
      <c r="AQ112" s="907"/>
      <c r="AR112" s="907"/>
      <c r="AS112" s="907"/>
      <c r="AT112" s="907"/>
      <c r="AU112" s="907"/>
      <c r="AV112" s="907"/>
      <c r="AW112" s="907"/>
      <c r="AX112" s="907"/>
      <c r="AY112" s="907"/>
      <c r="AZ112" s="907"/>
      <c r="BA112" s="907"/>
      <c r="BB112" s="907"/>
      <c r="BC112" s="907"/>
      <c r="BD112" s="907"/>
      <c r="BE112" s="907"/>
      <c r="BF112" s="907"/>
      <c r="BG112" s="907"/>
      <c r="BH112" s="907"/>
      <c r="BI112" s="907"/>
      <c r="BJ112" s="907"/>
      <c r="BK112" s="907"/>
      <c r="BL112" s="907"/>
      <c r="BM112" s="907"/>
      <c r="BN112" s="907"/>
      <c r="BO112" s="907"/>
    </row>
    <row r="113" spans="1:71" s="79" customFormat="1" ht="5.25" customHeight="1">
      <c r="A113" s="84"/>
      <c r="B113" s="335"/>
      <c r="C113" s="335"/>
      <c r="D113" s="907"/>
      <c r="E113" s="907"/>
      <c r="F113" s="907"/>
      <c r="G113" s="907"/>
      <c r="H113" s="907"/>
      <c r="I113" s="907"/>
      <c r="J113" s="907"/>
      <c r="K113" s="907"/>
      <c r="L113" s="907"/>
      <c r="M113" s="907"/>
      <c r="N113" s="907"/>
      <c r="O113" s="907"/>
      <c r="P113" s="907"/>
      <c r="Q113" s="907"/>
      <c r="R113" s="907"/>
      <c r="S113" s="907"/>
      <c r="T113" s="907"/>
      <c r="U113" s="907"/>
      <c r="V113" s="112"/>
      <c r="W113" s="112"/>
      <c r="X113" s="84"/>
      <c r="Y113" s="84"/>
      <c r="Z113" s="84"/>
      <c r="AA113" s="84"/>
      <c r="AB113" s="84"/>
      <c r="AI113" s="110"/>
      <c r="AJ113" s="110"/>
      <c r="AK113" s="110"/>
      <c r="AL113" s="110"/>
      <c r="AM113" s="110"/>
      <c r="AN113" s="110"/>
      <c r="AO113" s="907"/>
      <c r="AP113" s="907"/>
      <c r="AQ113" s="907"/>
      <c r="AR113" s="907"/>
      <c r="AS113" s="907"/>
      <c r="AT113" s="907"/>
      <c r="AU113" s="907"/>
      <c r="AV113" s="907"/>
      <c r="AW113" s="907"/>
      <c r="AX113" s="907"/>
      <c r="AY113" s="907"/>
      <c r="AZ113" s="907"/>
      <c r="BA113" s="907"/>
      <c r="BB113" s="907"/>
      <c r="BC113" s="907"/>
      <c r="BD113" s="907"/>
      <c r="BE113" s="907"/>
      <c r="BF113" s="907"/>
      <c r="BG113" s="907"/>
      <c r="BH113" s="907"/>
      <c r="BI113" s="907"/>
      <c r="BJ113" s="907"/>
      <c r="BK113" s="907"/>
      <c r="BL113" s="907"/>
      <c r="BM113" s="907"/>
      <c r="BN113" s="907"/>
      <c r="BO113" s="907"/>
      <c r="BS113" s="84"/>
    </row>
    <row r="114" spans="1:71" s="79" customFormat="1" ht="5.25" customHeight="1">
      <c r="A114" s="84"/>
      <c r="B114" s="335"/>
      <c r="C114" s="335"/>
      <c r="D114" s="908"/>
      <c r="E114" s="908"/>
      <c r="F114" s="908"/>
      <c r="G114" s="908"/>
      <c r="H114" s="908"/>
      <c r="I114" s="908"/>
      <c r="J114" s="908"/>
      <c r="K114" s="908"/>
      <c r="L114" s="908"/>
      <c r="M114" s="908"/>
      <c r="N114" s="908"/>
      <c r="O114" s="908"/>
      <c r="P114" s="908"/>
      <c r="Q114" s="908"/>
      <c r="R114" s="908"/>
      <c r="S114" s="908"/>
      <c r="T114" s="908"/>
      <c r="U114" s="908"/>
      <c r="V114" s="111"/>
      <c r="W114" s="111"/>
      <c r="X114" s="84"/>
      <c r="Y114" s="84"/>
      <c r="Z114" s="84"/>
      <c r="AA114" s="84"/>
      <c r="AB114" s="84"/>
      <c r="AI114" s="110"/>
      <c r="AJ114" s="110"/>
      <c r="AK114" s="110"/>
      <c r="AL114" s="110"/>
      <c r="AM114" s="110"/>
      <c r="AN114" s="110"/>
      <c r="AO114" s="907"/>
      <c r="AP114" s="907"/>
      <c r="AQ114" s="907"/>
      <c r="AR114" s="907"/>
      <c r="AS114" s="907"/>
      <c r="AT114" s="907"/>
      <c r="AU114" s="907"/>
      <c r="AV114" s="907"/>
      <c r="AW114" s="907"/>
      <c r="AX114" s="907"/>
      <c r="AY114" s="907"/>
      <c r="AZ114" s="907"/>
      <c r="BA114" s="907"/>
      <c r="BB114" s="907"/>
      <c r="BC114" s="907"/>
      <c r="BD114" s="907"/>
      <c r="BE114" s="907"/>
      <c r="BF114" s="907"/>
      <c r="BG114" s="907"/>
      <c r="BH114" s="907"/>
      <c r="BI114" s="907"/>
      <c r="BJ114" s="907"/>
      <c r="BK114" s="907"/>
      <c r="BL114" s="907"/>
      <c r="BM114" s="907"/>
      <c r="BN114" s="907"/>
      <c r="BO114" s="907"/>
    </row>
    <row r="115" spans="1:71" s="79" customFormat="1" ht="5.25" customHeight="1">
      <c r="A115" s="84"/>
      <c r="B115" s="103"/>
      <c r="C115" s="103"/>
      <c r="D115" s="1181" t="s">
        <v>263</v>
      </c>
      <c r="E115" s="1182"/>
      <c r="F115" s="1182"/>
      <c r="G115" s="1182"/>
      <c r="H115" s="1182"/>
      <c r="I115" s="1182"/>
      <c r="J115" s="1182"/>
      <c r="K115" s="1182"/>
      <c r="L115" s="1182"/>
      <c r="M115" s="909" t="s">
        <v>65</v>
      </c>
      <c r="N115" s="910"/>
      <c r="O115" s="910"/>
      <c r="P115" s="911"/>
      <c r="Q115" s="909" t="s">
        <v>67</v>
      </c>
      <c r="R115" s="910"/>
      <c r="S115" s="910"/>
      <c r="T115" s="910"/>
      <c r="U115" s="910"/>
      <c r="V115" s="910"/>
      <c r="W115" s="910"/>
      <c r="X115" s="910"/>
      <c r="Y115" s="911"/>
      <c r="Z115" s="1131" t="s">
        <v>202</v>
      </c>
      <c r="AA115" s="1132"/>
      <c r="AB115" s="1132"/>
      <c r="AC115" s="1133"/>
      <c r="AD115" s="918" t="s">
        <v>201</v>
      </c>
      <c r="AE115" s="919"/>
      <c r="AF115" s="919"/>
      <c r="AG115" s="919"/>
      <c r="AH115" s="919"/>
      <c r="AI115" s="919"/>
      <c r="AJ115" s="919"/>
      <c r="AK115" s="919"/>
      <c r="AL115" s="919"/>
      <c r="AM115" s="920"/>
      <c r="AO115" s="1187" t="s">
        <v>200</v>
      </c>
      <c r="AP115" s="1187"/>
      <c r="AQ115" s="1187"/>
      <c r="AR115" s="1187"/>
      <c r="AS115" s="1187"/>
      <c r="AT115" s="1187"/>
      <c r="AU115" s="1187"/>
      <c r="AV115" s="1187"/>
      <c r="AW115" s="1187"/>
      <c r="AX115" s="1187"/>
      <c r="AY115" s="1187"/>
      <c r="AZ115" s="1187"/>
      <c r="BA115" s="1189" t="s">
        <v>2</v>
      </c>
      <c r="BB115" s="1189"/>
      <c r="BC115" s="1189"/>
      <c r="BD115" s="1189"/>
      <c r="BE115" s="1189"/>
      <c r="BF115" s="1189"/>
      <c r="BG115" s="1189"/>
      <c r="BH115" s="1189"/>
      <c r="BI115" s="1189"/>
      <c r="BJ115" s="1189"/>
      <c r="BK115" s="1189"/>
      <c r="BL115" s="1189"/>
      <c r="BM115" s="1189"/>
      <c r="BN115" s="1189"/>
      <c r="BO115" s="1189"/>
    </row>
    <row r="116" spans="1:71" s="79" customFormat="1" ht="5.25" customHeight="1">
      <c r="A116" s="84"/>
      <c r="B116" s="103"/>
      <c r="C116" s="103"/>
      <c r="D116" s="1183"/>
      <c r="E116" s="1184"/>
      <c r="F116" s="1184"/>
      <c r="G116" s="1184"/>
      <c r="H116" s="1184"/>
      <c r="I116" s="1184"/>
      <c r="J116" s="1184"/>
      <c r="K116" s="1184"/>
      <c r="L116" s="1184"/>
      <c r="M116" s="912"/>
      <c r="N116" s="913"/>
      <c r="O116" s="913"/>
      <c r="P116" s="914"/>
      <c r="Q116" s="912"/>
      <c r="R116" s="913"/>
      <c r="S116" s="913"/>
      <c r="T116" s="913"/>
      <c r="U116" s="913"/>
      <c r="V116" s="913"/>
      <c r="W116" s="913"/>
      <c r="X116" s="913"/>
      <c r="Y116" s="914"/>
      <c r="Z116" s="1134"/>
      <c r="AA116" s="1135"/>
      <c r="AB116" s="1135"/>
      <c r="AC116" s="1136"/>
      <c r="AD116" s="921"/>
      <c r="AE116" s="922"/>
      <c r="AF116" s="922"/>
      <c r="AG116" s="922"/>
      <c r="AH116" s="922"/>
      <c r="AI116" s="922"/>
      <c r="AJ116" s="922"/>
      <c r="AK116" s="922"/>
      <c r="AL116" s="922"/>
      <c r="AM116" s="923"/>
      <c r="AO116" s="1188"/>
      <c r="AP116" s="1188"/>
      <c r="AQ116" s="1188"/>
      <c r="AR116" s="1188"/>
      <c r="AS116" s="1188"/>
      <c r="AT116" s="1188"/>
      <c r="AU116" s="1188"/>
      <c r="AV116" s="1188"/>
      <c r="AW116" s="1188"/>
      <c r="AX116" s="1188"/>
      <c r="AY116" s="1188"/>
      <c r="AZ116" s="1188"/>
      <c r="BA116" s="1190"/>
      <c r="BB116" s="1190"/>
      <c r="BC116" s="1190"/>
      <c r="BD116" s="1190"/>
      <c r="BE116" s="1190"/>
      <c r="BF116" s="1190"/>
      <c r="BG116" s="1190"/>
      <c r="BH116" s="1190"/>
      <c r="BI116" s="1190"/>
      <c r="BJ116" s="1190"/>
      <c r="BK116" s="1190"/>
      <c r="BL116" s="1190"/>
      <c r="BM116" s="1190"/>
      <c r="BN116" s="1190"/>
      <c r="BO116" s="1190"/>
    </row>
    <row r="117" spans="1:71" s="79" customFormat="1" ht="5.25" customHeight="1">
      <c r="A117" s="84"/>
      <c r="B117" s="103"/>
      <c r="C117" s="103"/>
      <c r="D117" s="1183"/>
      <c r="E117" s="1184"/>
      <c r="F117" s="1184"/>
      <c r="G117" s="1184"/>
      <c r="H117" s="1184"/>
      <c r="I117" s="1184"/>
      <c r="J117" s="1184"/>
      <c r="K117" s="1184"/>
      <c r="L117" s="1184"/>
      <c r="M117" s="912"/>
      <c r="N117" s="913"/>
      <c r="O117" s="913"/>
      <c r="P117" s="914"/>
      <c r="Q117" s="912"/>
      <c r="R117" s="913"/>
      <c r="S117" s="913"/>
      <c r="T117" s="913"/>
      <c r="U117" s="913"/>
      <c r="V117" s="913"/>
      <c r="W117" s="913"/>
      <c r="X117" s="913"/>
      <c r="Y117" s="914"/>
      <c r="Z117" s="1134"/>
      <c r="AA117" s="1135"/>
      <c r="AB117" s="1135"/>
      <c r="AC117" s="1136"/>
      <c r="AD117" s="921"/>
      <c r="AE117" s="922"/>
      <c r="AF117" s="922"/>
      <c r="AG117" s="922"/>
      <c r="AH117" s="922"/>
      <c r="AI117" s="922"/>
      <c r="AJ117" s="922"/>
      <c r="AK117" s="922"/>
      <c r="AL117" s="922"/>
      <c r="AM117" s="923"/>
      <c r="AO117" s="1188"/>
      <c r="AP117" s="1188"/>
      <c r="AQ117" s="1188"/>
      <c r="AR117" s="1188"/>
      <c r="AS117" s="1188"/>
      <c r="AT117" s="1188"/>
      <c r="AU117" s="1188"/>
      <c r="AV117" s="1188"/>
      <c r="AW117" s="1188"/>
      <c r="AX117" s="1188"/>
      <c r="AY117" s="1188"/>
      <c r="AZ117" s="1188"/>
      <c r="BA117" s="1190"/>
      <c r="BB117" s="1190"/>
      <c r="BC117" s="1190"/>
      <c r="BD117" s="1190"/>
      <c r="BE117" s="1190"/>
      <c r="BF117" s="1190"/>
      <c r="BG117" s="1190"/>
      <c r="BH117" s="1190"/>
      <c r="BI117" s="1190"/>
      <c r="BJ117" s="1190"/>
      <c r="BK117" s="1190"/>
      <c r="BL117" s="1190"/>
      <c r="BM117" s="1190"/>
      <c r="BN117" s="1190"/>
      <c r="BO117" s="1190"/>
    </row>
    <row r="118" spans="1:71" s="79" customFormat="1" ht="5.25" customHeight="1">
      <c r="A118" s="84"/>
      <c r="B118" s="103"/>
      <c r="C118" s="103"/>
      <c r="D118" s="1185"/>
      <c r="E118" s="1186"/>
      <c r="F118" s="1186"/>
      <c r="G118" s="1186"/>
      <c r="H118" s="1186"/>
      <c r="I118" s="1186"/>
      <c r="J118" s="1186"/>
      <c r="K118" s="1186"/>
      <c r="L118" s="1186"/>
      <c r="M118" s="915"/>
      <c r="N118" s="916"/>
      <c r="O118" s="916"/>
      <c r="P118" s="917"/>
      <c r="Q118" s="915"/>
      <c r="R118" s="916"/>
      <c r="S118" s="916"/>
      <c r="T118" s="916"/>
      <c r="U118" s="916"/>
      <c r="V118" s="916"/>
      <c r="W118" s="916"/>
      <c r="X118" s="916"/>
      <c r="Y118" s="917"/>
      <c r="Z118" s="1137"/>
      <c r="AA118" s="1138"/>
      <c r="AB118" s="1138"/>
      <c r="AC118" s="1139"/>
      <c r="AD118" s="924"/>
      <c r="AE118" s="925"/>
      <c r="AF118" s="925"/>
      <c r="AG118" s="925"/>
      <c r="AH118" s="925"/>
      <c r="AI118" s="925"/>
      <c r="AJ118" s="925"/>
      <c r="AK118" s="925"/>
      <c r="AL118" s="925"/>
      <c r="AM118" s="926"/>
      <c r="AO118" s="1188"/>
      <c r="AP118" s="1188"/>
      <c r="AQ118" s="1188"/>
      <c r="AR118" s="1188"/>
      <c r="AS118" s="1188"/>
      <c r="AT118" s="1188"/>
      <c r="AU118" s="1188"/>
      <c r="AV118" s="1188"/>
      <c r="AW118" s="1188"/>
      <c r="AX118" s="1188"/>
      <c r="AY118" s="1188"/>
      <c r="AZ118" s="1188"/>
      <c r="BA118" s="1190"/>
      <c r="BB118" s="1190"/>
      <c r="BC118" s="1190"/>
      <c r="BD118" s="1190"/>
      <c r="BE118" s="1190"/>
      <c r="BF118" s="1190"/>
      <c r="BG118" s="1190"/>
      <c r="BH118" s="1190"/>
      <c r="BI118" s="1190"/>
      <c r="BJ118" s="1190"/>
      <c r="BK118" s="1190"/>
      <c r="BL118" s="1190"/>
      <c r="BM118" s="1190"/>
      <c r="BN118" s="1190"/>
      <c r="BO118" s="1190"/>
    </row>
    <row r="119" spans="1:71" s="79" customFormat="1" ht="5.25" customHeight="1">
      <c r="A119" s="84"/>
      <c r="B119" s="103"/>
      <c r="C119" s="103"/>
      <c r="D119" s="927"/>
      <c r="E119" s="1191"/>
      <c r="F119" s="1191"/>
      <c r="G119" s="1191"/>
      <c r="H119" s="1191"/>
      <c r="I119" s="1191"/>
      <c r="J119" s="1191"/>
      <c r="K119" s="1191"/>
      <c r="L119" s="1191"/>
      <c r="M119" s="1194"/>
      <c r="N119" s="1195"/>
      <c r="O119" s="1195"/>
      <c r="P119" s="928"/>
      <c r="Q119" s="1200" t="s">
        <v>42</v>
      </c>
      <c r="R119" s="1201"/>
      <c r="S119" s="1201"/>
      <c r="T119" s="1199" t="s">
        <v>196</v>
      </c>
      <c r="U119" s="1199"/>
      <c r="V119" s="1199"/>
      <c r="W119" s="1199"/>
      <c r="X119" s="1199"/>
      <c r="Y119" s="1202"/>
      <c r="Z119" s="303"/>
      <c r="AA119" s="304"/>
      <c r="AB119" s="304"/>
      <c r="AC119" s="107"/>
      <c r="AD119" s="933" t="s">
        <v>4</v>
      </c>
      <c r="AE119" s="1206"/>
      <c r="AF119" s="1206"/>
      <c r="AG119" s="1206"/>
      <c r="AH119" s="1206"/>
      <c r="AI119" s="1206"/>
      <c r="AJ119" s="1206"/>
      <c r="AK119" s="1206"/>
      <c r="AL119" s="1206"/>
      <c r="AM119" s="1207"/>
      <c r="AO119" s="1222" t="s">
        <v>199</v>
      </c>
      <c r="AP119" s="1222"/>
      <c r="AQ119" s="1222"/>
      <c r="AR119" s="1222"/>
      <c r="AS119" s="1222"/>
      <c r="AT119" s="1222"/>
      <c r="AU119" s="1222"/>
      <c r="AV119" s="1222"/>
      <c r="AW119" s="1222"/>
      <c r="AX119" s="1222"/>
      <c r="AY119" s="1222"/>
      <c r="AZ119" s="1222"/>
      <c r="BA119" s="1214"/>
      <c r="BB119" s="1214"/>
      <c r="BC119" s="1214"/>
      <c r="BD119" s="1214"/>
      <c r="BE119" s="1214"/>
      <c r="BF119" s="1214"/>
      <c r="BG119" s="1214"/>
      <c r="BH119" s="1214"/>
      <c r="BI119" s="1214"/>
      <c r="BJ119" s="1214"/>
      <c r="BK119" s="1214"/>
      <c r="BL119" s="1214"/>
      <c r="BM119" s="1214"/>
      <c r="BN119" s="1214"/>
      <c r="BO119" s="1214"/>
    </row>
    <row r="120" spans="1:71" s="79" customFormat="1" ht="5.25" customHeight="1">
      <c r="A120" s="84"/>
      <c r="B120" s="103"/>
      <c r="C120" s="103"/>
      <c r="D120" s="1183"/>
      <c r="E120" s="1184"/>
      <c r="F120" s="1184"/>
      <c r="G120" s="1184"/>
      <c r="H120" s="1184"/>
      <c r="I120" s="1184"/>
      <c r="J120" s="1184"/>
      <c r="K120" s="1184"/>
      <c r="L120" s="1184"/>
      <c r="M120" s="1196"/>
      <c r="N120" s="1197"/>
      <c r="O120" s="1197"/>
      <c r="P120" s="930"/>
      <c r="Q120" s="1200"/>
      <c r="R120" s="1201"/>
      <c r="S120" s="1201"/>
      <c r="T120" s="1201"/>
      <c r="U120" s="1201"/>
      <c r="V120" s="1201"/>
      <c r="W120" s="1201"/>
      <c r="X120" s="1201"/>
      <c r="Y120" s="1203"/>
      <c r="Z120" s="305"/>
      <c r="AA120" s="306"/>
      <c r="AB120" s="306"/>
      <c r="AC120" s="106"/>
      <c r="AD120" s="1208"/>
      <c r="AE120" s="1209"/>
      <c r="AF120" s="1209"/>
      <c r="AG120" s="1209"/>
      <c r="AH120" s="1209"/>
      <c r="AI120" s="1209"/>
      <c r="AJ120" s="1209"/>
      <c r="AK120" s="1209"/>
      <c r="AL120" s="1209"/>
      <c r="AM120" s="1210"/>
      <c r="AO120" s="1222"/>
      <c r="AP120" s="1222"/>
      <c r="AQ120" s="1222"/>
      <c r="AR120" s="1222"/>
      <c r="AS120" s="1222"/>
      <c r="AT120" s="1222"/>
      <c r="AU120" s="1222"/>
      <c r="AV120" s="1222"/>
      <c r="AW120" s="1222"/>
      <c r="AX120" s="1222"/>
      <c r="AY120" s="1222"/>
      <c r="AZ120" s="1222"/>
      <c r="BA120" s="1214"/>
      <c r="BB120" s="1214"/>
      <c r="BC120" s="1214"/>
      <c r="BD120" s="1214"/>
      <c r="BE120" s="1214"/>
      <c r="BF120" s="1214"/>
      <c r="BG120" s="1214"/>
      <c r="BH120" s="1214"/>
      <c r="BI120" s="1214"/>
      <c r="BJ120" s="1214"/>
      <c r="BK120" s="1214"/>
      <c r="BL120" s="1214"/>
      <c r="BM120" s="1214"/>
      <c r="BN120" s="1214"/>
      <c r="BO120" s="1214"/>
    </row>
    <row r="121" spans="1:71" s="79" customFormat="1" ht="5.25" customHeight="1">
      <c r="A121" s="84"/>
      <c r="B121" s="103"/>
      <c r="C121" s="103"/>
      <c r="D121" s="1183"/>
      <c r="E121" s="1184"/>
      <c r="F121" s="1184"/>
      <c r="G121" s="1184"/>
      <c r="H121" s="1184"/>
      <c r="I121" s="1184"/>
      <c r="J121" s="1184"/>
      <c r="K121" s="1184"/>
      <c r="L121" s="1184"/>
      <c r="M121" s="1196"/>
      <c r="N121" s="1197"/>
      <c r="O121" s="1197"/>
      <c r="P121" s="930"/>
      <c r="Q121" s="1200" t="s">
        <v>194</v>
      </c>
      <c r="R121" s="1201"/>
      <c r="S121" s="1201"/>
      <c r="T121" s="1201"/>
      <c r="U121" s="1201"/>
      <c r="V121" s="1201"/>
      <c r="W121" s="1201"/>
      <c r="X121" s="1201"/>
      <c r="Y121" s="1203"/>
      <c r="Z121" s="305"/>
      <c r="AA121" s="306"/>
      <c r="AB121" s="306"/>
      <c r="AC121" s="106"/>
      <c r="AD121" s="1208"/>
      <c r="AE121" s="1209"/>
      <c r="AF121" s="1209"/>
      <c r="AG121" s="1209"/>
      <c r="AH121" s="1209"/>
      <c r="AI121" s="1209"/>
      <c r="AJ121" s="1209"/>
      <c r="AK121" s="1209"/>
      <c r="AL121" s="1209"/>
      <c r="AM121" s="1210"/>
      <c r="AO121" s="1222"/>
      <c r="AP121" s="1222"/>
      <c r="AQ121" s="1222"/>
      <c r="AR121" s="1222"/>
      <c r="AS121" s="1222"/>
      <c r="AT121" s="1222"/>
      <c r="AU121" s="1222"/>
      <c r="AV121" s="1222"/>
      <c r="AW121" s="1222"/>
      <c r="AX121" s="1222"/>
      <c r="AY121" s="1222"/>
      <c r="AZ121" s="1222"/>
      <c r="BA121" s="1214"/>
      <c r="BB121" s="1214"/>
      <c r="BC121" s="1214"/>
      <c r="BD121" s="1214"/>
      <c r="BE121" s="1214"/>
      <c r="BF121" s="1214"/>
      <c r="BG121" s="1214"/>
      <c r="BH121" s="1214"/>
      <c r="BI121" s="1214"/>
      <c r="BJ121" s="1214"/>
      <c r="BK121" s="1214"/>
      <c r="BL121" s="1214"/>
      <c r="BM121" s="1214"/>
      <c r="BN121" s="1214"/>
      <c r="BO121" s="1214"/>
    </row>
    <row r="122" spans="1:71" s="79" customFormat="1" ht="5.25" customHeight="1">
      <c r="A122" s="84"/>
      <c r="B122" s="103"/>
      <c r="C122" s="103"/>
      <c r="D122" s="1185"/>
      <c r="E122" s="1186"/>
      <c r="F122" s="1186"/>
      <c r="G122" s="1186"/>
      <c r="H122" s="1186"/>
      <c r="I122" s="1186"/>
      <c r="J122" s="1186"/>
      <c r="K122" s="1186"/>
      <c r="L122" s="1186"/>
      <c r="M122" s="1216"/>
      <c r="N122" s="1217"/>
      <c r="O122" s="1217"/>
      <c r="P122" s="932"/>
      <c r="Q122" s="1200"/>
      <c r="R122" s="1201"/>
      <c r="S122" s="1201"/>
      <c r="T122" s="1204"/>
      <c r="U122" s="1204"/>
      <c r="V122" s="1204"/>
      <c r="W122" s="1204"/>
      <c r="X122" s="1204"/>
      <c r="Y122" s="1205"/>
      <c r="Z122" s="307"/>
      <c r="AA122" s="308"/>
      <c r="AB122" s="308"/>
      <c r="AC122" s="105"/>
      <c r="AD122" s="1211"/>
      <c r="AE122" s="1212"/>
      <c r="AF122" s="1212"/>
      <c r="AG122" s="1212"/>
      <c r="AH122" s="1212"/>
      <c r="AI122" s="1212"/>
      <c r="AJ122" s="1212"/>
      <c r="AK122" s="1212"/>
      <c r="AL122" s="1212"/>
      <c r="AM122" s="1213"/>
      <c r="AN122" s="109"/>
      <c r="AO122" s="1223"/>
      <c r="AP122" s="1223"/>
      <c r="AQ122" s="1223"/>
      <c r="AR122" s="1223"/>
      <c r="AS122" s="1223"/>
      <c r="AT122" s="1223"/>
      <c r="AU122" s="1223"/>
      <c r="AV122" s="1223"/>
      <c r="AW122" s="1223"/>
      <c r="AX122" s="1223"/>
      <c r="AY122" s="1223"/>
      <c r="AZ122" s="1223"/>
      <c r="BA122" s="1215"/>
      <c r="BB122" s="1215"/>
      <c r="BC122" s="1215"/>
      <c r="BD122" s="1215"/>
      <c r="BE122" s="1215"/>
      <c r="BF122" s="1215"/>
      <c r="BG122" s="1215"/>
      <c r="BH122" s="1215"/>
      <c r="BI122" s="1215"/>
      <c r="BJ122" s="1215"/>
      <c r="BK122" s="1215"/>
      <c r="BL122" s="1215"/>
      <c r="BM122" s="1215"/>
      <c r="BN122" s="1215"/>
      <c r="BO122" s="1215"/>
      <c r="BP122" s="108"/>
      <c r="BQ122" s="108"/>
    </row>
    <row r="123" spans="1:71" s="79" customFormat="1" ht="5.25" customHeight="1">
      <c r="A123" s="84"/>
      <c r="B123" s="103"/>
      <c r="C123" s="103"/>
      <c r="D123" s="927"/>
      <c r="E123" s="1191"/>
      <c r="F123" s="1191"/>
      <c r="G123" s="1191"/>
      <c r="H123" s="1191"/>
      <c r="I123" s="1191"/>
      <c r="J123" s="1191"/>
      <c r="K123" s="1191"/>
      <c r="L123" s="1191"/>
      <c r="M123" s="1194"/>
      <c r="N123" s="1195"/>
      <c r="O123" s="1195"/>
      <c r="P123" s="928"/>
      <c r="Q123" s="1198" t="s">
        <v>42</v>
      </c>
      <c r="R123" s="1199"/>
      <c r="S123" s="1199"/>
      <c r="T123" s="1199" t="s">
        <v>196</v>
      </c>
      <c r="U123" s="1199"/>
      <c r="V123" s="1199"/>
      <c r="W123" s="1199"/>
      <c r="X123" s="1199"/>
      <c r="Y123" s="1202"/>
      <c r="Z123" s="303"/>
      <c r="AA123" s="304"/>
      <c r="AB123" s="304"/>
      <c r="AC123" s="107"/>
      <c r="AD123" s="933"/>
      <c r="AE123" s="1206"/>
      <c r="AF123" s="1206"/>
      <c r="AG123" s="1206"/>
      <c r="AH123" s="1206"/>
      <c r="AI123" s="1206"/>
      <c r="AJ123" s="1206"/>
      <c r="AK123" s="1206"/>
      <c r="AL123" s="1206"/>
      <c r="AM123" s="1207"/>
      <c r="AN123" s="109"/>
      <c r="AO123" s="1218" t="s">
        <v>198</v>
      </c>
      <c r="AP123" s="1218"/>
      <c r="AQ123" s="1218"/>
      <c r="AR123" s="1218"/>
      <c r="AS123" s="1218"/>
      <c r="AT123" s="1218"/>
      <c r="AU123" s="1218" t="s">
        <v>197</v>
      </c>
      <c r="AV123" s="1218"/>
      <c r="AW123" s="1218"/>
      <c r="AX123" s="1218"/>
      <c r="AY123" s="1218"/>
      <c r="AZ123" s="1218"/>
      <c r="BA123" s="1221"/>
      <c r="BB123" s="1221"/>
      <c r="BC123" s="1221"/>
      <c r="BD123" s="1221"/>
      <c r="BE123" s="1221"/>
      <c r="BF123" s="1221"/>
      <c r="BG123" s="1221"/>
      <c r="BH123" s="1221"/>
      <c r="BI123" s="1221"/>
      <c r="BJ123" s="1221"/>
      <c r="BK123" s="1221"/>
      <c r="BL123" s="1221"/>
      <c r="BM123" s="1221"/>
      <c r="BN123" s="1221"/>
      <c r="BO123" s="1221"/>
      <c r="BP123" s="108"/>
      <c r="BQ123" s="108"/>
    </row>
    <row r="124" spans="1:71" s="79" customFormat="1" ht="5.25" customHeight="1">
      <c r="A124" s="84"/>
      <c r="B124" s="103"/>
      <c r="C124" s="103"/>
      <c r="D124" s="1183"/>
      <c r="E124" s="1184"/>
      <c r="F124" s="1184"/>
      <c r="G124" s="1184"/>
      <c r="H124" s="1184"/>
      <c r="I124" s="1184"/>
      <c r="J124" s="1184"/>
      <c r="K124" s="1184"/>
      <c r="L124" s="1184"/>
      <c r="M124" s="1196"/>
      <c r="N124" s="1197"/>
      <c r="O124" s="1197"/>
      <c r="P124" s="930"/>
      <c r="Q124" s="1200"/>
      <c r="R124" s="1201"/>
      <c r="S124" s="1201"/>
      <c r="T124" s="1201"/>
      <c r="U124" s="1201"/>
      <c r="V124" s="1201"/>
      <c r="W124" s="1201"/>
      <c r="X124" s="1201"/>
      <c r="Y124" s="1203"/>
      <c r="Z124" s="305"/>
      <c r="AA124" s="306"/>
      <c r="AB124" s="306"/>
      <c r="AC124" s="106"/>
      <c r="AD124" s="1208"/>
      <c r="AE124" s="1209"/>
      <c r="AF124" s="1209"/>
      <c r="AG124" s="1209"/>
      <c r="AH124" s="1209"/>
      <c r="AI124" s="1209"/>
      <c r="AJ124" s="1209"/>
      <c r="AK124" s="1209"/>
      <c r="AL124" s="1209"/>
      <c r="AM124" s="1210"/>
      <c r="AN124" s="109"/>
      <c r="AO124" s="1219"/>
      <c r="AP124" s="1219"/>
      <c r="AQ124" s="1219"/>
      <c r="AR124" s="1219"/>
      <c r="AS124" s="1219"/>
      <c r="AT124" s="1219"/>
      <c r="AU124" s="1219"/>
      <c r="AV124" s="1219"/>
      <c r="AW124" s="1219"/>
      <c r="AX124" s="1219"/>
      <c r="AY124" s="1219"/>
      <c r="AZ124" s="1219"/>
      <c r="BA124" s="1214"/>
      <c r="BB124" s="1214"/>
      <c r="BC124" s="1214"/>
      <c r="BD124" s="1214"/>
      <c r="BE124" s="1214"/>
      <c r="BF124" s="1214"/>
      <c r="BG124" s="1214"/>
      <c r="BH124" s="1214"/>
      <c r="BI124" s="1214"/>
      <c r="BJ124" s="1214"/>
      <c r="BK124" s="1214"/>
      <c r="BL124" s="1214"/>
      <c r="BM124" s="1214"/>
      <c r="BN124" s="1214"/>
      <c r="BO124" s="1214"/>
      <c r="BP124" s="108"/>
      <c r="BQ124" s="108"/>
    </row>
    <row r="125" spans="1:71" s="79" customFormat="1" ht="5.25" customHeight="1">
      <c r="A125" s="84"/>
      <c r="B125" s="103"/>
      <c r="C125" s="103"/>
      <c r="D125" s="1183"/>
      <c r="E125" s="1184"/>
      <c r="F125" s="1184"/>
      <c r="G125" s="1184"/>
      <c r="H125" s="1184"/>
      <c r="I125" s="1184"/>
      <c r="J125" s="1184"/>
      <c r="K125" s="1184"/>
      <c r="L125" s="1184"/>
      <c r="M125" s="1196"/>
      <c r="N125" s="1197"/>
      <c r="O125" s="1197"/>
      <c r="P125" s="930"/>
      <c r="Q125" s="1200" t="s">
        <v>194</v>
      </c>
      <c r="R125" s="1201"/>
      <c r="S125" s="1201"/>
      <c r="T125" s="1201"/>
      <c r="U125" s="1201"/>
      <c r="V125" s="1201"/>
      <c r="W125" s="1201"/>
      <c r="X125" s="1201"/>
      <c r="Y125" s="1203"/>
      <c r="Z125" s="305"/>
      <c r="AA125" s="306"/>
      <c r="AB125" s="306"/>
      <c r="AC125" s="106"/>
      <c r="AD125" s="1208"/>
      <c r="AE125" s="1209"/>
      <c r="AF125" s="1209"/>
      <c r="AG125" s="1209"/>
      <c r="AH125" s="1209"/>
      <c r="AI125" s="1209"/>
      <c r="AJ125" s="1209"/>
      <c r="AK125" s="1209"/>
      <c r="AL125" s="1209"/>
      <c r="AM125" s="1210"/>
      <c r="AN125" s="109"/>
      <c r="AO125" s="1219"/>
      <c r="AP125" s="1219"/>
      <c r="AQ125" s="1219"/>
      <c r="AR125" s="1219"/>
      <c r="AS125" s="1219"/>
      <c r="AT125" s="1219"/>
      <c r="AU125" s="1219"/>
      <c r="AV125" s="1219"/>
      <c r="AW125" s="1219"/>
      <c r="AX125" s="1219"/>
      <c r="AY125" s="1219"/>
      <c r="AZ125" s="1219"/>
      <c r="BA125" s="1214"/>
      <c r="BB125" s="1214"/>
      <c r="BC125" s="1214"/>
      <c r="BD125" s="1214"/>
      <c r="BE125" s="1214"/>
      <c r="BF125" s="1214"/>
      <c r="BG125" s="1214"/>
      <c r="BH125" s="1214"/>
      <c r="BI125" s="1214"/>
      <c r="BJ125" s="1214"/>
      <c r="BK125" s="1214"/>
      <c r="BL125" s="1214"/>
      <c r="BM125" s="1214"/>
      <c r="BN125" s="1214"/>
      <c r="BO125" s="1214"/>
      <c r="BP125" s="108"/>
      <c r="BQ125" s="108"/>
    </row>
    <row r="126" spans="1:71" s="79" customFormat="1" ht="5.25" customHeight="1">
      <c r="A126" s="84"/>
      <c r="B126" s="103"/>
      <c r="C126" s="103"/>
      <c r="D126" s="1185"/>
      <c r="E126" s="1186"/>
      <c r="F126" s="1186"/>
      <c r="G126" s="1186"/>
      <c r="H126" s="1186"/>
      <c r="I126" s="1186"/>
      <c r="J126" s="1186"/>
      <c r="K126" s="1186"/>
      <c r="L126" s="1186"/>
      <c r="M126" s="1216"/>
      <c r="N126" s="1217"/>
      <c r="O126" s="1217"/>
      <c r="P126" s="932"/>
      <c r="Q126" s="1224"/>
      <c r="R126" s="1204"/>
      <c r="S126" s="1204"/>
      <c r="T126" s="1204"/>
      <c r="U126" s="1204"/>
      <c r="V126" s="1204"/>
      <c r="W126" s="1204"/>
      <c r="X126" s="1204"/>
      <c r="Y126" s="1205"/>
      <c r="Z126" s="307"/>
      <c r="AA126" s="308"/>
      <c r="AB126" s="308"/>
      <c r="AC126" s="105"/>
      <c r="AD126" s="1211"/>
      <c r="AE126" s="1212"/>
      <c r="AF126" s="1212"/>
      <c r="AG126" s="1212"/>
      <c r="AH126" s="1212"/>
      <c r="AI126" s="1212"/>
      <c r="AJ126" s="1212"/>
      <c r="AK126" s="1212"/>
      <c r="AL126" s="1212"/>
      <c r="AM126" s="1213"/>
      <c r="AO126" s="1219"/>
      <c r="AP126" s="1219"/>
      <c r="AQ126" s="1219"/>
      <c r="AR126" s="1219"/>
      <c r="AS126" s="1219"/>
      <c r="AT126" s="1219"/>
      <c r="AU126" s="1219"/>
      <c r="AV126" s="1219"/>
      <c r="AW126" s="1219"/>
      <c r="AX126" s="1219"/>
      <c r="AY126" s="1219"/>
      <c r="AZ126" s="1219"/>
      <c r="BA126" s="1214"/>
      <c r="BB126" s="1214"/>
      <c r="BC126" s="1214"/>
      <c r="BD126" s="1214"/>
      <c r="BE126" s="1214"/>
      <c r="BF126" s="1214"/>
      <c r="BG126" s="1214"/>
      <c r="BH126" s="1214"/>
      <c r="BI126" s="1214"/>
      <c r="BJ126" s="1214"/>
      <c r="BK126" s="1214"/>
      <c r="BL126" s="1214"/>
      <c r="BM126" s="1214"/>
      <c r="BN126" s="1214"/>
      <c r="BO126" s="1214"/>
    </row>
    <row r="127" spans="1:71" s="79" customFormat="1" ht="5.25" customHeight="1">
      <c r="A127" s="84"/>
      <c r="B127" s="103"/>
      <c r="C127" s="103"/>
      <c r="D127" s="927"/>
      <c r="E127" s="1191"/>
      <c r="F127" s="1191"/>
      <c r="G127" s="1191"/>
      <c r="H127" s="1191"/>
      <c r="I127" s="1191"/>
      <c r="J127" s="1191"/>
      <c r="K127" s="1191"/>
      <c r="L127" s="1191"/>
      <c r="M127" s="1194"/>
      <c r="N127" s="1195"/>
      <c r="O127" s="1195"/>
      <c r="P127" s="928"/>
      <c r="Q127" s="1198" t="s">
        <v>42</v>
      </c>
      <c r="R127" s="1199"/>
      <c r="S127" s="1199"/>
      <c r="T127" s="1199" t="s">
        <v>196</v>
      </c>
      <c r="U127" s="1199"/>
      <c r="V127" s="1199"/>
      <c r="W127" s="1199"/>
      <c r="X127" s="1199"/>
      <c r="Y127" s="1202"/>
      <c r="Z127" s="303"/>
      <c r="AA127" s="304"/>
      <c r="AB127" s="304"/>
      <c r="AC127" s="107"/>
      <c r="AD127" s="933"/>
      <c r="AE127" s="1206"/>
      <c r="AF127" s="1206"/>
      <c r="AG127" s="1206"/>
      <c r="AH127" s="1206"/>
      <c r="AI127" s="1206"/>
      <c r="AJ127" s="1206"/>
      <c r="AK127" s="1206"/>
      <c r="AL127" s="1206"/>
      <c r="AM127" s="1207"/>
      <c r="AO127" s="1219"/>
      <c r="AP127" s="1219"/>
      <c r="AQ127" s="1219"/>
      <c r="AR127" s="1219"/>
      <c r="AS127" s="1219"/>
      <c r="AT127" s="1219"/>
      <c r="AU127" s="1219" t="s">
        <v>195</v>
      </c>
      <c r="AV127" s="1219"/>
      <c r="AW127" s="1219"/>
      <c r="AX127" s="1219"/>
      <c r="AY127" s="1219"/>
      <c r="AZ127" s="1219"/>
      <c r="BA127" s="1214"/>
      <c r="BB127" s="1214"/>
      <c r="BC127" s="1214"/>
      <c r="BD127" s="1214"/>
      <c r="BE127" s="1214"/>
      <c r="BF127" s="1214"/>
      <c r="BG127" s="1214"/>
      <c r="BH127" s="1214"/>
      <c r="BI127" s="1214"/>
      <c r="BJ127" s="1214"/>
      <c r="BK127" s="1214"/>
      <c r="BL127" s="1214"/>
      <c r="BM127" s="1214"/>
      <c r="BN127" s="1214"/>
      <c r="BO127" s="1214"/>
    </row>
    <row r="128" spans="1:71" s="79" customFormat="1" ht="5.25" customHeight="1">
      <c r="A128" s="84"/>
      <c r="B128" s="103"/>
      <c r="C128" s="103"/>
      <c r="D128" s="1183"/>
      <c r="E128" s="1184"/>
      <c r="F128" s="1184"/>
      <c r="G128" s="1184"/>
      <c r="H128" s="1184"/>
      <c r="I128" s="1184"/>
      <c r="J128" s="1184"/>
      <c r="K128" s="1184"/>
      <c r="L128" s="1184"/>
      <c r="M128" s="1196"/>
      <c r="N128" s="1197"/>
      <c r="O128" s="1197"/>
      <c r="P128" s="930"/>
      <c r="Q128" s="1200"/>
      <c r="R128" s="1201"/>
      <c r="S128" s="1201"/>
      <c r="T128" s="1201"/>
      <c r="U128" s="1201"/>
      <c r="V128" s="1201"/>
      <c r="W128" s="1201"/>
      <c r="X128" s="1201"/>
      <c r="Y128" s="1203"/>
      <c r="Z128" s="305"/>
      <c r="AA128" s="306"/>
      <c r="AB128" s="306"/>
      <c r="AC128" s="106"/>
      <c r="AD128" s="1208"/>
      <c r="AE128" s="1209"/>
      <c r="AF128" s="1209"/>
      <c r="AG128" s="1209"/>
      <c r="AH128" s="1209"/>
      <c r="AI128" s="1209"/>
      <c r="AJ128" s="1209"/>
      <c r="AK128" s="1209"/>
      <c r="AL128" s="1209"/>
      <c r="AM128" s="1210"/>
      <c r="AO128" s="1219"/>
      <c r="AP128" s="1219"/>
      <c r="AQ128" s="1219"/>
      <c r="AR128" s="1219"/>
      <c r="AS128" s="1219"/>
      <c r="AT128" s="1219"/>
      <c r="AU128" s="1219"/>
      <c r="AV128" s="1219"/>
      <c r="AW128" s="1219"/>
      <c r="AX128" s="1219"/>
      <c r="AY128" s="1219"/>
      <c r="AZ128" s="1219"/>
      <c r="BA128" s="1214"/>
      <c r="BB128" s="1214"/>
      <c r="BC128" s="1214"/>
      <c r="BD128" s="1214"/>
      <c r="BE128" s="1214"/>
      <c r="BF128" s="1214"/>
      <c r="BG128" s="1214"/>
      <c r="BH128" s="1214"/>
      <c r="BI128" s="1214"/>
      <c r="BJ128" s="1214"/>
      <c r="BK128" s="1214"/>
      <c r="BL128" s="1214"/>
      <c r="BM128" s="1214"/>
      <c r="BN128" s="1214"/>
      <c r="BO128" s="1214"/>
    </row>
    <row r="129" spans="1:71" s="79" customFormat="1" ht="5.25" customHeight="1">
      <c r="A129" s="84"/>
      <c r="B129" s="103"/>
      <c r="C129" s="103"/>
      <c r="D129" s="1183"/>
      <c r="E129" s="1184"/>
      <c r="F129" s="1184"/>
      <c r="G129" s="1184"/>
      <c r="H129" s="1184"/>
      <c r="I129" s="1184"/>
      <c r="J129" s="1184"/>
      <c r="K129" s="1184"/>
      <c r="L129" s="1184"/>
      <c r="M129" s="1196"/>
      <c r="N129" s="1197"/>
      <c r="O129" s="1197"/>
      <c r="P129" s="930"/>
      <c r="Q129" s="1200" t="s">
        <v>194</v>
      </c>
      <c r="R129" s="1201"/>
      <c r="S129" s="1201"/>
      <c r="T129" s="1201"/>
      <c r="U129" s="1201"/>
      <c r="V129" s="1201"/>
      <c r="W129" s="1201"/>
      <c r="X129" s="1201"/>
      <c r="Y129" s="1203"/>
      <c r="Z129" s="305"/>
      <c r="AA129" s="306"/>
      <c r="AB129" s="306"/>
      <c r="AC129" s="106"/>
      <c r="AD129" s="1208"/>
      <c r="AE129" s="1209"/>
      <c r="AF129" s="1209"/>
      <c r="AG129" s="1209"/>
      <c r="AH129" s="1209"/>
      <c r="AI129" s="1209"/>
      <c r="AJ129" s="1209"/>
      <c r="AK129" s="1209"/>
      <c r="AL129" s="1209"/>
      <c r="AM129" s="1210"/>
      <c r="AO129" s="1219"/>
      <c r="AP129" s="1219"/>
      <c r="AQ129" s="1219"/>
      <c r="AR129" s="1219"/>
      <c r="AS129" s="1219"/>
      <c r="AT129" s="1219"/>
      <c r="AU129" s="1219"/>
      <c r="AV129" s="1219"/>
      <c r="AW129" s="1219"/>
      <c r="AX129" s="1219"/>
      <c r="AY129" s="1219"/>
      <c r="AZ129" s="1219"/>
      <c r="BA129" s="1214"/>
      <c r="BB129" s="1214"/>
      <c r="BC129" s="1214"/>
      <c r="BD129" s="1214"/>
      <c r="BE129" s="1214"/>
      <c r="BF129" s="1214"/>
      <c r="BG129" s="1214"/>
      <c r="BH129" s="1214"/>
      <c r="BI129" s="1214"/>
      <c r="BJ129" s="1214"/>
      <c r="BK129" s="1214"/>
      <c r="BL129" s="1214"/>
      <c r="BM129" s="1214"/>
      <c r="BN129" s="1214"/>
      <c r="BO129" s="1214"/>
    </row>
    <row r="130" spans="1:71" s="79" customFormat="1" ht="5.25" customHeight="1">
      <c r="A130" s="84"/>
      <c r="B130" s="103"/>
      <c r="C130" s="103"/>
      <c r="D130" s="1192"/>
      <c r="E130" s="1193"/>
      <c r="F130" s="1193"/>
      <c r="G130" s="1193"/>
      <c r="H130" s="1193"/>
      <c r="I130" s="1193"/>
      <c r="J130" s="1193"/>
      <c r="K130" s="1193"/>
      <c r="L130" s="1193"/>
      <c r="M130" s="1196"/>
      <c r="N130" s="1197"/>
      <c r="O130" s="1197"/>
      <c r="P130" s="930"/>
      <c r="Q130" s="1224"/>
      <c r="R130" s="1204"/>
      <c r="S130" s="1204"/>
      <c r="T130" s="1204"/>
      <c r="U130" s="1204"/>
      <c r="V130" s="1204"/>
      <c r="W130" s="1204"/>
      <c r="X130" s="1204"/>
      <c r="Y130" s="1205"/>
      <c r="Z130" s="307"/>
      <c r="AA130" s="308"/>
      <c r="AB130" s="308"/>
      <c r="AC130" s="105"/>
      <c r="AD130" s="1211"/>
      <c r="AE130" s="1212"/>
      <c r="AF130" s="1212"/>
      <c r="AG130" s="1212"/>
      <c r="AH130" s="1212"/>
      <c r="AI130" s="1212"/>
      <c r="AJ130" s="1212"/>
      <c r="AK130" s="1212"/>
      <c r="AL130" s="1212"/>
      <c r="AM130" s="1213"/>
      <c r="AO130" s="1220"/>
      <c r="AP130" s="1220"/>
      <c r="AQ130" s="1220"/>
      <c r="AR130" s="1220"/>
      <c r="AS130" s="1220"/>
      <c r="AT130" s="1220"/>
      <c r="AU130" s="1220"/>
      <c r="AV130" s="1220"/>
      <c r="AW130" s="1220"/>
      <c r="AX130" s="1220"/>
      <c r="AY130" s="1220"/>
      <c r="AZ130" s="1220"/>
      <c r="BA130" s="1215"/>
      <c r="BB130" s="1215"/>
      <c r="BC130" s="1215"/>
      <c r="BD130" s="1215"/>
      <c r="BE130" s="1215"/>
      <c r="BF130" s="1215"/>
      <c r="BG130" s="1215"/>
      <c r="BH130" s="1215"/>
      <c r="BI130" s="1215"/>
      <c r="BJ130" s="1215"/>
      <c r="BK130" s="1215"/>
      <c r="BL130" s="1215"/>
      <c r="BM130" s="1215"/>
      <c r="BN130" s="1215"/>
      <c r="BO130" s="1215"/>
    </row>
    <row r="131" spans="1:71" s="79" customFormat="1" ht="5.25" customHeight="1">
      <c r="A131" s="84"/>
      <c r="B131" s="103"/>
      <c r="C131" s="103"/>
      <c r="D131" s="104"/>
      <c r="E131" s="104"/>
      <c r="F131" s="104"/>
      <c r="G131" s="104"/>
      <c r="H131" s="104"/>
      <c r="I131" s="104"/>
      <c r="J131" s="104"/>
      <c r="K131" s="104"/>
      <c r="L131" s="104"/>
      <c r="M131" s="104"/>
      <c r="N131" s="104"/>
      <c r="O131" s="104"/>
      <c r="P131" s="104"/>
      <c r="Q131" s="1225" t="s">
        <v>193</v>
      </c>
      <c r="R131" s="1226"/>
      <c r="S131" s="1226"/>
      <c r="T131" s="1226"/>
      <c r="U131" s="1226"/>
      <c r="V131" s="1226"/>
      <c r="W131" s="1226"/>
      <c r="X131" s="1226"/>
      <c r="Y131" s="1226"/>
      <c r="Z131" s="1226"/>
      <c r="AA131" s="1226"/>
      <c r="AB131" s="1226"/>
      <c r="AC131" s="1227"/>
      <c r="AD131" s="1230"/>
      <c r="AE131" s="1231"/>
      <c r="AF131" s="1231"/>
      <c r="AG131" s="1231"/>
      <c r="AH131" s="1231"/>
      <c r="AI131" s="1231"/>
      <c r="AJ131" s="1231"/>
      <c r="AK131" s="1231"/>
      <c r="AL131" s="1231"/>
      <c r="AM131" s="1232"/>
      <c r="AO131" s="1239" t="s">
        <v>264</v>
      </c>
      <c r="AP131" s="1239"/>
      <c r="AQ131" s="1239"/>
      <c r="AR131" s="1239"/>
      <c r="AS131" s="1239"/>
      <c r="AT131" s="1239"/>
      <c r="AU131" s="1239"/>
      <c r="AV131" s="1239"/>
      <c r="AW131" s="1239"/>
      <c r="AX131" s="1239"/>
      <c r="AY131" s="1239"/>
      <c r="AZ131" s="1239"/>
      <c r="BA131" s="1239"/>
      <c r="BB131" s="1239"/>
      <c r="BC131" s="1239"/>
      <c r="BD131" s="1239"/>
      <c r="BE131" s="1239"/>
      <c r="BF131" s="1239"/>
      <c r="BG131" s="1239"/>
      <c r="BH131" s="1239"/>
      <c r="BI131" s="1239"/>
      <c r="BJ131" s="1239"/>
      <c r="BK131" s="1239"/>
      <c r="BL131" s="1239"/>
      <c r="BM131" s="1239"/>
      <c r="BN131" s="1239"/>
      <c r="BO131" s="1239"/>
      <c r="BQ131" s="84"/>
    </row>
    <row r="132" spans="1:71" s="79" customFormat="1" ht="5.25" customHeight="1">
      <c r="A132" s="84"/>
      <c r="B132" s="103"/>
      <c r="C132" s="103"/>
      <c r="Q132" s="1228"/>
      <c r="R132" s="913"/>
      <c r="S132" s="913"/>
      <c r="T132" s="913"/>
      <c r="U132" s="913"/>
      <c r="V132" s="913"/>
      <c r="W132" s="913"/>
      <c r="X132" s="913"/>
      <c r="Y132" s="913"/>
      <c r="Z132" s="913"/>
      <c r="AA132" s="913"/>
      <c r="AB132" s="913"/>
      <c r="AC132" s="914"/>
      <c r="AD132" s="1233"/>
      <c r="AE132" s="1234"/>
      <c r="AF132" s="1234"/>
      <c r="AG132" s="1234"/>
      <c r="AH132" s="1234"/>
      <c r="AI132" s="1234"/>
      <c r="AJ132" s="1234"/>
      <c r="AK132" s="1234"/>
      <c r="AL132" s="1234"/>
      <c r="AM132" s="1235"/>
      <c r="AO132" s="1239"/>
      <c r="AP132" s="1239"/>
      <c r="AQ132" s="1239"/>
      <c r="AR132" s="1239"/>
      <c r="AS132" s="1239"/>
      <c r="AT132" s="1239"/>
      <c r="AU132" s="1239"/>
      <c r="AV132" s="1239"/>
      <c r="AW132" s="1239"/>
      <c r="AX132" s="1239"/>
      <c r="AY132" s="1239"/>
      <c r="AZ132" s="1239"/>
      <c r="BA132" s="1239"/>
      <c r="BB132" s="1239"/>
      <c r="BC132" s="1239"/>
      <c r="BD132" s="1239"/>
      <c r="BE132" s="1239"/>
      <c r="BF132" s="1239"/>
      <c r="BG132" s="1239"/>
      <c r="BH132" s="1239"/>
      <c r="BI132" s="1239"/>
      <c r="BJ132" s="1239"/>
      <c r="BK132" s="1239"/>
      <c r="BL132" s="1239"/>
      <c r="BM132" s="1239"/>
      <c r="BN132" s="1239"/>
      <c r="BO132" s="1239"/>
      <c r="BQ132" s="84"/>
    </row>
    <row r="133" spans="1:71" s="79" customFormat="1" ht="5.25" customHeight="1">
      <c r="A133" s="84"/>
      <c r="B133" s="103"/>
      <c r="C133" s="103"/>
      <c r="Q133" s="1228"/>
      <c r="R133" s="913"/>
      <c r="S133" s="913"/>
      <c r="T133" s="913"/>
      <c r="U133" s="913"/>
      <c r="V133" s="913"/>
      <c r="W133" s="913"/>
      <c r="X133" s="913"/>
      <c r="Y133" s="913"/>
      <c r="Z133" s="913"/>
      <c r="AA133" s="913"/>
      <c r="AB133" s="913"/>
      <c r="AC133" s="914"/>
      <c r="AD133" s="1233"/>
      <c r="AE133" s="1234"/>
      <c r="AF133" s="1234"/>
      <c r="AG133" s="1234"/>
      <c r="AH133" s="1234"/>
      <c r="AI133" s="1234"/>
      <c r="AJ133" s="1234"/>
      <c r="AK133" s="1234"/>
      <c r="AL133" s="1234"/>
      <c r="AM133" s="1235"/>
      <c r="AO133" s="1239"/>
      <c r="AP133" s="1239"/>
      <c r="AQ133" s="1239"/>
      <c r="AR133" s="1239"/>
      <c r="AS133" s="1239"/>
      <c r="AT133" s="1239"/>
      <c r="AU133" s="1239"/>
      <c r="AV133" s="1239"/>
      <c r="AW133" s="1239"/>
      <c r="AX133" s="1239"/>
      <c r="AY133" s="1239"/>
      <c r="AZ133" s="1239"/>
      <c r="BA133" s="1239"/>
      <c r="BB133" s="1239"/>
      <c r="BC133" s="1239"/>
      <c r="BD133" s="1239"/>
      <c r="BE133" s="1239"/>
      <c r="BF133" s="1239"/>
      <c r="BG133" s="1239"/>
      <c r="BH133" s="1239"/>
      <c r="BI133" s="1239"/>
      <c r="BJ133" s="1239"/>
      <c r="BK133" s="1239"/>
      <c r="BL133" s="1239"/>
      <c r="BM133" s="1239"/>
      <c r="BN133" s="1239"/>
      <c r="BO133" s="1239"/>
      <c r="BQ133" s="84"/>
    </row>
    <row r="134" spans="1:71" s="79" customFormat="1" ht="5.25" customHeight="1">
      <c r="A134" s="84"/>
      <c r="B134" s="103"/>
      <c r="C134" s="103"/>
      <c r="Q134" s="1229"/>
      <c r="R134" s="916"/>
      <c r="S134" s="916"/>
      <c r="T134" s="916"/>
      <c r="U134" s="916"/>
      <c r="V134" s="916"/>
      <c r="W134" s="916"/>
      <c r="X134" s="916"/>
      <c r="Y134" s="916"/>
      <c r="Z134" s="916"/>
      <c r="AA134" s="916"/>
      <c r="AB134" s="916"/>
      <c r="AC134" s="917"/>
      <c r="AD134" s="1236"/>
      <c r="AE134" s="1237"/>
      <c r="AF134" s="1237"/>
      <c r="AG134" s="1237"/>
      <c r="AH134" s="1237"/>
      <c r="AI134" s="1237"/>
      <c r="AJ134" s="1237"/>
      <c r="AK134" s="1237"/>
      <c r="AL134" s="1237"/>
      <c r="AM134" s="1238"/>
      <c r="AO134" s="1239"/>
      <c r="AP134" s="1239"/>
      <c r="AQ134" s="1239"/>
      <c r="AR134" s="1239"/>
      <c r="AS134" s="1239"/>
      <c r="AT134" s="1239"/>
      <c r="AU134" s="1239"/>
      <c r="AV134" s="1239"/>
      <c r="AW134" s="1239"/>
      <c r="AX134" s="1239"/>
      <c r="AY134" s="1239"/>
      <c r="AZ134" s="1239"/>
      <c r="BA134" s="1239"/>
      <c r="BB134" s="1239"/>
      <c r="BC134" s="1239"/>
      <c r="BD134" s="1239"/>
      <c r="BE134" s="1239"/>
      <c r="BF134" s="1239"/>
      <c r="BG134" s="1239"/>
      <c r="BH134" s="1239"/>
      <c r="BI134" s="1239"/>
      <c r="BJ134" s="1239"/>
      <c r="BK134" s="1239"/>
      <c r="BL134" s="1239"/>
      <c r="BM134" s="1239"/>
      <c r="BN134" s="1239"/>
      <c r="BO134" s="1239"/>
    </row>
    <row r="135" spans="1:71" s="79" customFormat="1" ht="5.25" customHeight="1">
      <c r="A135" s="84"/>
      <c r="C135" s="93"/>
      <c r="Q135" s="1240" t="s">
        <v>192</v>
      </c>
      <c r="R135" s="1199"/>
      <c r="S135" s="1199"/>
      <c r="T135" s="1199"/>
      <c r="U135" s="1199"/>
      <c r="V135" s="1199"/>
      <c r="W135" s="1199"/>
      <c r="X135" s="1199"/>
      <c r="Y135" s="1199"/>
      <c r="Z135" s="1199"/>
      <c r="AA135" s="1199"/>
      <c r="AB135" s="1199"/>
      <c r="AC135" s="1202"/>
      <c r="AD135" s="1245" t="s">
        <v>191</v>
      </c>
      <c r="AE135" s="1026"/>
      <c r="AF135" s="1026"/>
      <c r="AG135" s="1026"/>
      <c r="AH135" s="1026"/>
      <c r="AI135" s="1026"/>
      <c r="AJ135" s="1026"/>
      <c r="AK135" s="1026"/>
      <c r="AL135" s="1026"/>
      <c r="AM135" s="1246"/>
      <c r="AO135" s="1239"/>
      <c r="AP135" s="1239"/>
      <c r="AQ135" s="1239"/>
      <c r="AR135" s="1239"/>
      <c r="AS135" s="1239"/>
      <c r="AT135" s="1239"/>
      <c r="AU135" s="1239"/>
      <c r="AV135" s="1239"/>
      <c r="AW135" s="1239"/>
      <c r="AX135" s="1239"/>
      <c r="AY135" s="1239"/>
      <c r="AZ135" s="1239"/>
      <c r="BA135" s="1239"/>
      <c r="BB135" s="1239"/>
      <c r="BC135" s="1239"/>
      <c r="BD135" s="1239"/>
      <c r="BE135" s="1239"/>
      <c r="BF135" s="1239"/>
      <c r="BG135" s="1239"/>
      <c r="BH135" s="1239"/>
      <c r="BI135" s="1239"/>
      <c r="BJ135" s="1239"/>
      <c r="BK135" s="1239"/>
      <c r="BL135" s="1239"/>
      <c r="BM135" s="1239"/>
      <c r="BN135" s="1239"/>
      <c r="BO135" s="1239"/>
      <c r="BP135" s="79" t="s">
        <v>265</v>
      </c>
    </row>
    <row r="136" spans="1:71" s="79" customFormat="1" ht="5.25" customHeight="1">
      <c r="A136" s="84"/>
      <c r="C136" s="93"/>
      <c r="Q136" s="1241"/>
      <c r="R136" s="1201"/>
      <c r="S136" s="1201"/>
      <c r="T136" s="1201"/>
      <c r="U136" s="1201"/>
      <c r="V136" s="1201"/>
      <c r="W136" s="1201"/>
      <c r="X136" s="1201"/>
      <c r="Y136" s="1201"/>
      <c r="Z136" s="1201"/>
      <c r="AA136" s="1201"/>
      <c r="AB136" s="1201"/>
      <c r="AC136" s="1203"/>
      <c r="AD136" s="1028"/>
      <c r="AE136" s="1029"/>
      <c r="AF136" s="1029"/>
      <c r="AG136" s="1029"/>
      <c r="AH136" s="1029"/>
      <c r="AI136" s="1029"/>
      <c r="AJ136" s="1029"/>
      <c r="AK136" s="1029"/>
      <c r="AL136" s="1029"/>
      <c r="AM136" s="1247"/>
      <c r="AO136" s="1239"/>
      <c r="AP136" s="1239"/>
      <c r="AQ136" s="1239"/>
      <c r="AR136" s="1239"/>
      <c r="AS136" s="1239"/>
      <c r="AT136" s="1239"/>
      <c r="AU136" s="1239"/>
      <c r="AV136" s="1239"/>
      <c r="AW136" s="1239"/>
      <c r="AX136" s="1239"/>
      <c r="AY136" s="1239"/>
      <c r="AZ136" s="1239"/>
      <c r="BA136" s="1239"/>
      <c r="BB136" s="1239"/>
      <c r="BC136" s="1239"/>
      <c r="BD136" s="1239"/>
      <c r="BE136" s="1239"/>
      <c r="BF136" s="1239"/>
      <c r="BG136" s="1239"/>
      <c r="BH136" s="1239"/>
      <c r="BI136" s="1239"/>
      <c r="BJ136" s="1239"/>
      <c r="BK136" s="1239"/>
      <c r="BL136" s="1239"/>
      <c r="BM136" s="1239"/>
      <c r="BN136" s="1239"/>
      <c r="BO136" s="1239"/>
    </row>
    <row r="137" spans="1:71" s="79" customFormat="1" ht="5.25" customHeight="1">
      <c r="A137" s="84"/>
      <c r="B137" s="84"/>
      <c r="C137" s="98"/>
      <c r="Q137" s="1241"/>
      <c r="R137" s="1201"/>
      <c r="S137" s="1201"/>
      <c r="T137" s="1201"/>
      <c r="U137" s="1201"/>
      <c r="V137" s="1201"/>
      <c r="W137" s="1201"/>
      <c r="X137" s="1201"/>
      <c r="Y137" s="1201"/>
      <c r="Z137" s="1201"/>
      <c r="AA137" s="1201"/>
      <c r="AB137" s="1201"/>
      <c r="AC137" s="1203"/>
      <c r="AD137" s="1028"/>
      <c r="AE137" s="1029"/>
      <c r="AF137" s="1029"/>
      <c r="AG137" s="1029"/>
      <c r="AH137" s="1029"/>
      <c r="AI137" s="1029"/>
      <c r="AJ137" s="1029"/>
      <c r="AK137" s="1029"/>
      <c r="AL137" s="1029"/>
      <c r="AM137" s="1247"/>
      <c r="AO137" s="1239"/>
      <c r="AP137" s="1239"/>
      <c r="AQ137" s="1239"/>
      <c r="AR137" s="1239"/>
      <c r="AS137" s="1239"/>
      <c r="AT137" s="1239"/>
      <c r="AU137" s="1239"/>
      <c r="AV137" s="1239"/>
      <c r="AW137" s="1239"/>
      <c r="AX137" s="1239"/>
      <c r="AY137" s="1239"/>
      <c r="AZ137" s="1239"/>
      <c r="BA137" s="1239"/>
      <c r="BB137" s="1239"/>
      <c r="BC137" s="1239"/>
      <c r="BD137" s="1239"/>
      <c r="BE137" s="1239"/>
      <c r="BF137" s="1239"/>
      <c r="BG137" s="1239"/>
      <c r="BH137" s="1239"/>
      <c r="BI137" s="1239"/>
      <c r="BJ137" s="1239"/>
      <c r="BK137" s="1239"/>
      <c r="BL137" s="1239"/>
      <c r="BM137" s="1239"/>
      <c r="BN137" s="1239"/>
      <c r="BO137" s="1239"/>
      <c r="BP137" s="84"/>
      <c r="BQ137" s="84"/>
    </row>
    <row r="138" spans="1:71" s="79" customFormat="1" ht="5.25" customHeight="1">
      <c r="A138" s="84"/>
      <c r="B138" s="84"/>
      <c r="C138" s="98"/>
      <c r="Q138" s="1242"/>
      <c r="R138" s="1243"/>
      <c r="S138" s="1243"/>
      <c r="T138" s="1243"/>
      <c r="U138" s="1243"/>
      <c r="V138" s="1243"/>
      <c r="W138" s="1243"/>
      <c r="X138" s="1243"/>
      <c r="Y138" s="1243"/>
      <c r="Z138" s="1243"/>
      <c r="AA138" s="1243"/>
      <c r="AB138" s="1243"/>
      <c r="AC138" s="1244"/>
      <c r="AD138" s="1034"/>
      <c r="AE138" s="1035"/>
      <c r="AF138" s="1035"/>
      <c r="AG138" s="1035"/>
      <c r="AH138" s="1035"/>
      <c r="AI138" s="1035"/>
      <c r="AJ138" s="1035"/>
      <c r="AK138" s="1035"/>
      <c r="AL138" s="1035"/>
      <c r="AM138" s="1248"/>
      <c r="AO138" s="1239"/>
      <c r="AP138" s="1239"/>
      <c r="AQ138" s="1239"/>
      <c r="AR138" s="1239"/>
      <c r="AS138" s="1239"/>
      <c r="AT138" s="1239"/>
      <c r="AU138" s="1239"/>
      <c r="AV138" s="1239"/>
      <c r="AW138" s="1239"/>
      <c r="AX138" s="1239"/>
      <c r="AY138" s="1239"/>
      <c r="AZ138" s="1239"/>
      <c r="BA138" s="1239"/>
      <c r="BB138" s="1239"/>
      <c r="BC138" s="1239"/>
      <c r="BD138" s="1239"/>
      <c r="BE138" s="1239"/>
      <c r="BF138" s="1239"/>
      <c r="BG138" s="1239"/>
      <c r="BH138" s="1239"/>
      <c r="BI138" s="1239"/>
      <c r="BJ138" s="1239"/>
      <c r="BK138" s="1239"/>
      <c r="BL138" s="1239"/>
      <c r="BM138" s="1239"/>
      <c r="BN138" s="1239"/>
      <c r="BO138" s="1239"/>
      <c r="BQ138" s="78"/>
      <c r="BR138" s="78"/>
      <c r="BS138" s="78"/>
    </row>
    <row r="139" spans="1:71" s="79" customFormat="1" ht="5.25" customHeight="1">
      <c r="A139" s="84"/>
      <c r="B139" s="84"/>
      <c r="C139" s="98"/>
      <c r="Q139" s="324"/>
      <c r="R139" s="324"/>
      <c r="S139" s="324"/>
      <c r="T139" s="324"/>
      <c r="U139" s="324"/>
      <c r="V139" s="324"/>
      <c r="W139" s="324"/>
      <c r="X139" s="324"/>
      <c r="Y139" s="324"/>
      <c r="Z139" s="324"/>
      <c r="AA139" s="324"/>
      <c r="AB139" s="324"/>
      <c r="AC139" s="324"/>
      <c r="AD139" s="293"/>
      <c r="AE139" s="293"/>
      <c r="AF139" s="293"/>
      <c r="AG139" s="293"/>
      <c r="AH139" s="293"/>
      <c r="AI139" s="293"/>
      <c r="AJ139" s="293"/>
      <c r="AK139" s="293"/>
      <c r="AL139" s="293"/>
      <c r="AM139" s="293"/>
      <c r="AO139" s="1239"/>
      <c r="AP139" s="1239"/>
      <c r="AQ139" s="1239"/>
      <c r="AR139" s="1239"/>
      <c r="AS139" s="1239"/>
      <c r="AT139" s="1239"/>
      <c r="AU139" s="1239"/>
      <c r="AV139" s="1239"/>
      <c r="AW139" s="1239"/>
      <c r="AX139" s="1239"/>
      <c r="AY139" s="1239"/>
      <c r="AZ139" s="1239"/>
      <c r="BA139" s="1239"/>
      <c r="BB139" s="1239"/>
      <c r="BC139" s="1239"/>
      <c r="BD139" s="1239"/>
      <c r="BE139" s="1239"/>
      <c r="BF139" s="1239"/>
      <c r="BG139" s="1239"/>
      <c r="BH139" s="1239"/>
      <c r="BI139" s="1239"/>
      <c r="BJ139" s="1239"/>
      <c r="BK139" s="1239"/>
      <c r="BL139" s="1239"/>
      <c r="BM139" s="1239"/>
      <c r="BN139" s="1239"/>
      <c r="BO139" s="1239"/>
      <c r="BQ139" s="78"/>
      <c r="BR139" s="78"/>
      <c r="BS139" s="78"/>
    </row>
    <row r="140" spans="1:71" s="79" customFormat="1" ht="5.25" customHeight="1">
      <c r="A140" s="84"/>
      <c r="B140" s="84"/>
      <c r="C140" s="98"/>
      <c r="Q140" s="324"/>
      <c r="R140" s="324"/>
      <c r="S140" s="324"/>
      <c r="T140" s="324"/>
      <c r="U140" s="324"/>
      <c r="V140" s="324"/>
      <c r="W140" s="324"/>
      <c r="X140" s="324"/>
      <c r="Y140" s="324"/>
      <c r="Z140" s="324"/>
      <c r="AA140" s="324"/>
      <c r="AB140" s="324"/>
      <c r="AC140" s="324"/>
      <c r="AD140" s="293"/>
      <c r="AE140" s="293"/>
      <c r="AF140" s="293"/>
      <c r="AG140" s="293"/>
      <c r="AH140" s="293"/>
      <c r="AI140" s="293"/>
      <c r="AJ140" s="293"/>
      <c r="AK140" s="293"/>
      <c r="AL140" s="293"/>
      <c r="AM140" s="293"/>
      <c r="AO140" s="1239"/>
      <c r="AP140" s="1239"/>
      <c r="AQ140" s="1239"/>
      <c r="AR140" s="1239"/>
      <c r="AS140" s="1239"/>
      <c r="AT140" s="1239"/>
      <c r="AU140" s="1239"/>
      <c r="AV140" s="1239"/>
      <c r="AW140" s="1239"/>
      <c r="AX140" s="1239"/>
      <c r="AY140" s="1239"/>
      <c r="AZ140" s="1239"/>
      <c r="BA140" s="1239"/>
      <c r="BB140" s="1239"/>
      <c r="BC140" s="1239"/>
      <c r="BD140" s="1239"/>
      <c r="BE140" s="1239"/>
      <c r="BF140" s="1239"/>
      <c r="BG140" s="1239"/>
      <c r="BH140" s="1239"/>
      <c r="BI140" s="1239"/>
      <c r="BJ140" s="1239"/>
      <c r="BK140" s="1239"/>
      <c r="BL140" s="1239"/>
      <c r="BM140" s="1239"/>
      <c r="BN140" s="1239"/>
      <c r="BO140" s="1239"/>
      <c r="BQ140" s="78"/>
      <c r="BR140" s="78"/>
      <c r="BS140" s="78"/>
    </row>
    <row r="141" spans="1:71" s="79" customFormat="1" ht="5.25" customHeight="1">
      <c r="A141" s="84"/>
      <c r="B141" s="84"/>
      <c r="C141" s="98"/>
      <c r="D141" s="1249" t="s">
        <v>266</v>
      </c>
      <c r="E141" s="1249"/>
      <c r="F141" s="1249"/>
      <c r="G141" s="1249"/>
      <c r="H141" s="1249"/>
      <c r="I141" s="1249"/>
      <c r="J141" s="1249"/>
      <c r="K141" s="1249"/>
      <c r="L141" s="1249"/>
      <c r="M141" s="1249"/>
      <c r="N141" s="1249"/>
      <c r="O141" s="1249"/>
      <c r="P141" s="1249"/>
      <c r="Q141" s="1249"/>
      <c r="R141" s="1249"/>
      <c r="S141" s="1249"/>
      <c r="T141" s="1249"/>
      <c r="U141" s="1249"/>
      <c r="V141" s="1249"/>
      <c r="W141" s="1249"/>
      <c r="X141" s="1249"/>
      <c r="Y141" s="1249"/>
      <c r="Z141" s="1249"/>
      <c r="AA141" s="335"/>
      <c r="AB141" s="335"/>
      <c r="AC141" s="335"/>
      <c r="AD141" s="335"/>
      <c r="AE141" s="335"/>
      <c r="AF141" s="102"/>
      <c r="AG141" s="98"/>
      <c r="AH141" s="98"/>
      <c r="AI141" s="98"/>
      <c r="AJ141" s="98"/>
      <c r="AK141" s="98"/>
      <c r="AL141" s="98"/>
      <c r="AM141" s="98"/>
      <c r="BQ141" s="78"/>
      <c r="BR141" s="78"/>
      <c r="BS141" s="78"/>
    </row>
    <row r="142" spans="1:71" s="79" customFormat="1" ht="5.25" customHeight="1">
      <c r="A142" s="84"/>
      <c r="B142" s="84"/>
      <c r="C142" s="98"/>
      <c r="D142" s="1249"/>
      <c r="E142" s="1249"/>
      <c r="F142" s="1249"/>
      <c r="G142" s="1249"/>
      <c r="H142" s="1249"/>
      <c r="I142" s="1249"/>
      <c r="J142" s="1249"/>
      <c r="K142" s="1249"/>
      <c r="L142" s="1249"/>
      <c r="M142" s="1249"/>
      <c r="N142" s="1249"/>
      <c r="O142" s="1249"/>
      <c r="P142" s="1249"/>
      <c r="Q142" s="1249"/>
      <c r="R142" s="1249"/>
      <c r="S142" s="1249"/>
      <c r="T142" s="1249"/>
      <c r="U142" s="1249"/>
      <c r="V142" s="1249"/>
      <c r="W142" s="1249"/>
      <c r="X142" s="1249"/>
      <c r="Y142" s="1249"/>
      <c r="Z142" s="1249"/>
      <c r="AA142" s="335"/>
      <c r="AB142" s="335"/>
      <c r="AC142" s="335"/>
      <c r="AD142" s="335"/>
      <c r="AE142" s="335"/>
      <c r="AF142" s="102"/>
      <c r="AG142" s="98"/>
      <c r="AH142" s="98"/>
      <c r="AI142" s="98"/>
      <c r="AJ142" s="98"/>
      <c r="AK142" s="98"/>
      <c r="AL142" s="98"/>
      <c r="AM142" s="98"/>
      <c r="BQ142" s="78"/>
      <c r="BR142" s="78"/>
      <c r="BS142" s="78"/>
    </row>
    <row r="143" spans="1:71" s="79" customFormat="1" ht="5.25" customHeight="1">
      <c r="A143" s="84"/>
      <c r="B143" s="84"/>
      <c r="C143" s="98"/>
      <c r="D143" s="908"/>
      <c r="E143" s="908"/>
      <c r="F143" s="908"/>
      <c r="G143" s="908"/>
      <c r="H143" s="908"/>
      <c r="I143" s="908"/>
      <c r="J143" s="908"/>
      <c r="K143" s="908"/>
      <c r="L143" s="908"/>
      <c r="M143" s="908"/>
      <c r="N143" s="908"/>
      <c r="O143" s="908"/>
      <c r="P143" s="908"/>
      <c r="Q143" s="908"/>
      <c r="R143" s="908"/>
      <c r="S143" s="908"/>
      <c r="T143" s="908"/>
      <c r="U143" s="908"/>
      <c r="V143" s="908"/>
      <c r="W143" s="908"/>
      <c r="X143" s="908"/>
      <c r="Y143" s="908"/>
      <c r="Z143" s="908"/>
      <c r="AA143" s="272"/>
      <c r="AB143" s="272"/>
      <c r="AC143" s="272"/>
      <c r="AD143" s="272"/>
      <c r="AE143" s="335"/>
      <c r="AF143" s="101"/>
      <c r="AG143" s="101"/>
      <c r="AH143" s="101"/>
      <c r="AI143" s="101"/>
      <c r="AJ143" s="101"/>
      <c r="AK143" s="101"/>
      <c r="AL143" s="101"/>
      <c r="AM143" s="101"/>
      <c r="AO143" s="1250" t="s">
        <v>267</v>
      </c>
      <c r="AP143" s="1250"/>
      <c r="AQ143" s="1250"/>
      <c r="AR143" s="1250"/>
      <c r="AS143" s="1250"/>
      <c r="AT143" s="1250"/>
      <c r="AU143" s="1250"/>
      <c r="AV143" s="1250"/>
      <c r="AW143" s="1250"/>
      <c r="AX143" s="1250"/>
      <c r="AY143" s="1250"/>
      <c r="AZ143" s="1250"/>
      <c r="BA143" s="1250"/>
      <c r="BB143" s="1250"/>
      <c r="BC143" s="1250"/>
      <c r="BD143" s="1250"/>
      <c r="BE143" s="1250"/>
      <c r="BF143" s="1250"/>
      <c r="BG143" s="1250"/>
      <c r="BH143" s="1250"/>
      <c r="BI143" s="1250"/>
      <c r="BJ143" s="1250"/>
      <c r="BK143" s="1250"/>
      <c r="BL143" s="1250"/>
      <c r="BM143" s="1250"/>
      <c r="BN143" s="1250"/>
      <c r="BO143" s="1250"/>
      <c r="BQ143" s="78"/>
      <c r="BR143" s="78"/>
      <c r="BS143" s="78"/>
    </row>
    <row r="144" spans="1:71" s="79" customFormat="1" ht="5.25" customHeight="1">
      <c r="A144" s="84"/>
      <c r="B144" s="84"/>
      <c r="C144" s="98"/>
      <c r="D144" s="1252" t="s">
        <v>263</v>
      </c>
      <c r="E144" s="1253"/>
      <c r="F144" s="1253"/>
      <c r="G144" s="1253"/>
      <c r="H144" s="1253"/>
      <c r="I144" s="1253"/>
      <c r="J144" s="1253"/>
      <c r="K144" s="1254"/>
      <c r="L144" s="1254"/>
      <c r="M144" s="909" t="s">
        <v>268</v>
      </c>
      <c r="N144" s="910"/>
      <c r="O144" s="910"/>
      <c r="P144" s="910"/>
      <c r="Q144" s="910"/>
      <c r="R144" s="910"/>
      <c r="S144" s="910"/>
      <c r="T144" s="910"/>
      <c r="U144" s="910"/>
      <c r="V144" s="910"/>
      <c r="W144" s="910"/>
      <c r="X144" s="910"/>
      <c r="Y144" s="910"/>
      <c r="Z144" s="910"/>
      <c r="AA144" s="910"/>
      <c r="AB144" s="910"/>
      <c r="AC144" s="910"/>
      <c r="AD144" s="910"/>
      <c r="AE144" s="910"/>
      <c r="AF144" s="910"/>
      <c r="AG144" s="910"/>
      <c r="AH144" s="910"/>
      <c r="AI144" s="910"/>
      <c r="AJ144" s="910"/>
      <c r="AK144" s="910"/>
      <c r="AL144" s="910"/>
      <c r="AM144" s="1023"/>
      <c r="AO144" s="1250"/>
      <c r="AP144" s="1250"/>
      <c r="AQ144" s="1250"/>
      <c r="AR144" s="1250"/>
      <c r="AS144" s="1250"/>
      <c r="AT144" s="1250"/>
      <c r="AU144" s="1250"/>
      <c r="AV144" s="1250"/>
      <c r="AW144" s="1250"/>
      <c r="AX144" s="1250"/>
      <c r="AY144" s="1250"/>
      <c r="AZ144" s="1250"/>
      <c r="BA144" s="1250"/>
      <c r="BB144" s="1250"/>
      <c r="BC144" s="1250"/>
      <c r="BD144" s="1250"/>
      <c r="BE144" s="1250"/>
      <c r="BF144" s="1250"/>
      <c r="BG144" s="1250"/>
      <c r="BH144" s="1250"/>
      <c r="BI144" s="1250"/>
      <c r="BJ144" s="1250"/>
      <c r="BK144" s="1250"/>
      <c r="BL144" s="1250"/>
      <c r="BM144" s="1250"/>
      <c r="BN144" s="1250"/>
      <c r="BO144" s="1250"/>
      <c r="BQ144" s="78"/>
      <c r="BR144" s="78"/>
      <c r="BS144" s="78"/>
    </row>
    <row r="145" spans="1:71" s="79" customFormat="1" ht="5.25" customHeight="1">
      <c r="A145" s="84"/>
      <c r="B145" s="84"/>
      <c r="C145" s="98"/>
      <c r="D145" s="1255"/>
      <c r="E145" s="1256"/>
      <c r="F145" s="1256"/>
      <c r="G145" s="1256"/>
      <c r="H145" s="1256"/>
      <c r="I145" s="1256"/>
      <c r="J145" s="1256"/>
      <c r="K145" s="1257"/>
      <c r="L145" s="1257"/>
      <c r="M145" s="912"/>
      <c r="N145" s="913"/>
      <c r="O145" s="913"/>
      <c r="P145" s="913"/>
      <c r="Q145" s="913"/>
      <c r="R145" s="913"/>
      <c r="S145" s="913"/>
      <c r="T145" s="913"/>
      <c r="U145" s="913"/>
      <c r="V145" s="913"/>
      <c r="W145" s="913"/>
      <c r="X145" s="913"/>
      <c r="Y145" s="913"/>
      <c r="Z145" s="913"/>
      <c r="AA145" s="913"/>
      <c r="AB145" s="913"/>
      <c r="AC145" s="913"/>
      <c r="AD145" s="913"/>
      <c r="AE145" s="913"/>
      <c r="AF145" s="913"/>
      <c r="AG145" s="913"/>
      <c r="AH145" s="913"/>
      <c r="AI145" s="913"/>
      <c r="AJ145" s="913"/>
      <c r="AK145" s="913"/>
      <c r="AL145" s="913"/>
      <c r="AM145" s="1024"/>
      <c r="AO145" s="1251"/>
      <c r="AP145" s="1251"/>
      <c r="AQ145" s="1251"/>
      <c r="AR145" s="1251"/>
      <c r="AS145" s="1251"/>
      <c r="AT145" s="1251"/>
      <c r="AU145" s="1251"/>
      <c r="AV145" s="1251"/>
      <c r="AW145" s="1251"/>
      <c r="AX145" s="1251"/>
      <c r="AY145" s="1251"/>
      <c r="AZ145" s="1251"/>
      <c r="BA145" s="1251"/>
      <c r="BB145" s="1251"/>
      <c r="BC145" s="1251"/>
      <c r="BD145" s="1251"/>
      <c r="BE145" s="1251"/>
      <c r="BF145" s="1251"/>
      <c r="BG145" s="1251"/>
      <c r="BH145" s="1251"/>
      <c r="BI145" s="1251"/>
      <c r="BJ145" s="1251"/>
      <c r="BK145" s="1251"/>
      <c r="BL145" s="1251"/>
      <c r="BM145" s="1251"/>
      <c r="BN145" s="1251"/>
      <c r="BO145" s="1251"/>
      <c r="BQ145" s="78"/>
      <c r="BR145" s="78"/>
      <c r="BS145" s="78"/>
    </row>
    <row r="146" spans="1:71" s="79" customFormat="1" ht="5.25" customHeight="1">
      <c r="A146" s="84"/>
      <c r="B146" s="84"/>
      <c r="C146" s="98"/>
      <c r="D146" s="1255"/>
      <c r="E146" s="1256"/>
      <c r="F146" s="1256"/>
      <c r="G146" s="1256"/>
      <c r="H146" s="1256"/>
      <c r="I146" s="1256"/>
      <c r="J146" s="1256"/>
      <c r="K146" s="1257"/>
      <c r="L146" s="1257"/>
      <c r="M146" s="912"/>
      <c r="N146" s="913"/>
      <c r="O146" s="913"/>
      <c r="P146" s="913"/>
      <c r="Q146" s="913"/>
      <c r="R146" s="913"/>
      <c r="S146" s="913"/>
      <c r="T146" s="913"/>
      <c r="U146" s="913"/>
      <c r="V146" s="913"/>
      <c r="W146" s="913"/>
      <c r="X146" s="913"/>
      <c r="Y146" s="913"/>
      <c r="Z146" s="913"/>
      <c r="AA146" s="913"/>
      <c r="AB146" s="913"/>
      <c r="AC146" s="913"/>
      <c r="AD146" s="913"/>
      <c r="AE146" s="913"/>
      <c r="AF146" s="913"/>
      <c r="AG146" s="913"/>
      <c r="AH146" s="913"/>
      <c r="AI146" s="913"/>
      <c r="AJ146" s="913"/>
      <c r="AK146" s="913"/>
      <c r="AL146" s="913"/>
      <c r="AM146" s="1024"/>
      <c r="AO146" s="1259" t="s">
        <v>188</v>
      </c>
      <c r="AP146" s="1260"/>
      <c r="AQ146" s="1260"/>
      <c r="AR146" s="1260"/>
      <c r="AS146" s="1260"/>
      <c r="AT146" s="1260"/>
      <c r="AU146" s="1260"/>
      <c r="AV146" s="1260"/>
      <c r="AW146" s="1260"/>
      <c r="AX146" s="1260"/>
      <c r="AY146" s="1260"/>
      <c r="AZ146" s="1261"/>
      <c r="BA146" s="1268" t="s">
        <v>187</v>
      </c>
      <c r="BB146" s="1269"/>
      <c r="BC146" s="1269"/>
      <c r="BD146" s="1269"/>
      <c r="BE146" s="1270"/>
      <c r="BF146" s="1268" t="s">
        <v>186</v>
      </c>
      <c r="BG146" s="1269"/>
      <c r="BH146" s="1269"/>
      <c r="BI146" s="1269"/>
      <c r="BJ146" s="1269"/>
      <c r="BK146" s="1269"/>
      <c r="BL146" s="1269"/>
      <c r="BM146" s="1269"/>
      <c r="BN146" s="1277" t="s">
        <v>4</v>
      </c>
      <c r="BO146" s="1278"/>
      <c r="BQ146" s="78"/>
      <c r="BR146" s="78"/>
      <c r="BS146" s="78"/>
    </row>
    <row r="147" spans="1:71" s="79" customFormat="1" ht="5.25" customHeight="1">
      <c r="A147" s="84"/>
      <c r="B147" s="84"/>
      <c r="C147" s="98"/>
      <c r="D147" s="1255"/>
      <c r="E147" s="1256"/>
      <c r="F147" s="1256"/>
      <c r="G147" s="1256"/>
      <c r="H147" s="1256"/>
      <c r="I147" s="1256"/>
      <c r="J147" s="1256"/>
      <c r="K147" s="1257"/>
      <c r="L147" s="1257"/>
      <c r="M147" s="915"/>
      <c r="N147" s="916"/>
      <c r="O147" s="916"/>
      <c r="P147" s="916"/>
      <c r="Q147" s="916"/>
      <c r="R147" s="916"/>
      <c r="S147" s="916"/>
      <c r="T147" s="916"/>
      <c r="U147" s="916"/>
      <c r="V147" s="916"/>
      <c r="W147" s="916"/>
      <c r="X147" s="916"/>
      <c r="Y147" s="916"/>
      <c r="Z147" s="916"/>
      <c r="AA147" s="916"/>
      <c r="AB147" s="916"/>
      <c r="AC147" s="916"/>
      <c r="AD147" s="916"/>
      <c r="AE147" s="916"/>
      <c r="AF147" s="916"/>
      <c r="AG147" s="916"/>
      <c r="AH147" s="916"/>
      <c r="AI147" s="916"/>
      <c r="AJ147" s="916"/>
      <c r="AK147" s="916"/>
      <c r="AL147" s="916"/>
      <c r="AM147" s="1258"/>
      <c r="AO147" s="1262"/>
      <c r="AP147" s="1263"/>
      <c r="AQ147" s="1263"/>
      <c r="AR147" s="1263"/>
      <c r="AS147" s="1263"/>
      <c r="AT147" s="1263"/>
      <c r="AU147" s="1263"/>
      <c r="AV147" s="1263"/>
      <c r="AW147" s="1263"/>
      <c r="AX147" s="1263"/>
      <c r="AY147" s="1263"/>
      <c r="AZ147" s="1264"/>
      <c r="BA147" s="1271"/>
      <c r="BB147" s="1272"/>
      <c r="BC147" s="1272"/>
      <c r="BD147" s="1272"/>
      <c r="BE147" s="1273"/>
      <c r="BF147" s="1271"/>
      <c r="BG147" s="1272"/>
      <c r="BH147" s="1272"/>
      <c r="BI147" s="1272"/>
      <c r="BJ147" s="1272"/>
      <c r="BK147" s="1272"/>
      <c r="BL147" s="1272"/>
      <c r="BM147" s="1272"/>
      <c r="BN147" s="1279"/>
      <c r="BO147" s="1280"/>
      <c r="BQ147" s="78"/>
      <c r="BR147" s="78"/>
      <c r="BS147" s="78"/>
    </row>
    <row r="148" spans="1:71" s="79" customFormat="1" ht="5.25" customHeight="1">
      <c r="A148" s="84"/>
      <c r="B148" s="84"/>
      <c r="C148" s="98"/>
      <c r="D148" s="1283"/>
      <c r="E148" s="1284"/>
      <c r="F148" s="1284"/>
      <c r="G148" s="1284"/>
      <c r="H148" s="1284"/>
      <c r="I148" s="1284"/>
      <c r="J148" s="1284"/>
      <c r="K148" s="1257"/>
      <c r="L148" s="1257"/>
      <c r="M148" s="326"/>
      <c r="N148" s="327"/>
      <c r="O148" s="327"/>
      <c r="P148" s="327"/>
      <c r="Q148" s="327"/>
      <c r="R148" s="327"/>
      <c r="S148" s="327"/>
      <c r="T148" s="327"/>
      <c r="U148" s="327"/>
      <c r="V148" s="327"/>
      <c r="W148" s="327"/>
      <c r="X148" s="327"/>
      <c r="Y148" s="327"/>
      <c r="Z148" s="327"/>
      <c r="AA148" s="327"/>
      <c r="AB148" s="327"/>
      <c r="AC148" s="327"/>
      <c r="AD148" s="327"/>
      <c r="AE148" s="327"/>
      <c r="AF148" s="327"/>
      <c r="AG148" s="327"/>
      <c r="AH148" s="327"/>
      <c r="AI148" s="327"/>
      <c r="AJ148" s="327"/>
      <c r="AK148" s="327"/>
      <c r="AL148" s="327"/>
      <c r="AM148" s="99"/>
      <c r="AO148" s="1262"/>
      <c r="AP148" s="1263"/>
      <c r="AQ148" s="1263"/>
      <c r="AR148" s="1263"/>
      <c r="AS148" s="1263"/>
      <c r="AT148" s="1263"/>
      <c r="AU148" s="1263"/>
      <c r="AV148" s="1263"/>
      <c r="AW148" s="1263"/>
      <c r="AX148" s="1263"/>
      <c r="AY148" s="1263"/>
      <c r="AZ148" s="1264"/>
      <c r="BA148" s="1271"/>
      <c r="BB148" s="1272"/>
      <c r="BC148" s="1272"/>
      <c r="BD148" s="1272"/>
      <c r="BE148" s="1273"/>
      <c r="BF148" s="1271"/>
      <c r="BG148" s="1272"/>
      <c r="BH148" s="1272"/>
      <c r="BI148" s="1272"/>
      <c r="BJ148" s="1272"/>
      <c r="BK148" s="1272"/>
      <c r="BL148" s="1272"/>
      <c r="BM148" s="1272"/>
      <c r="BN148" s="1279"/>
      <c r="BO148" s="1280"/>
      <c r="BQ148" s="78"/>
      <c r="BR148" s="78"/>
      <c r="BS148" s="78"/>
    </row>
    <row r="149" spans="1:71" s="79" customFormat="1" ht="5.25" customHeight="1">
      <c r="A149" s="84"/>
      <c r="B149" s="84"/>
      <c r="C149" s="98"/>
      <c r="D149" s="1285"/>
      <c r="E149" s="1284"/>
      <c r="F149" s="1284"/>
      <c r="G149" s="1284"/>
      <c r="H149" s="1284"/>
      <c r="I149" s="1284"/>
      <c r="J149" s="1284"/>
      <c r="K149" s="1257"/>
      <c r="L149" s="1257"/>
      <c r="M149" s="328"/>
      <c r="N149" s="329"/>
      <c r="O149" s="329"/>
      <c r="P149" s="329"/>
      <c r="Q149" s="329"/>
      <c r="R149" s="329"/>
      <c r="S149" s="329"/>
      <c r="T149" s="329"/>
      <c r="U149" s="329"/>
      <c r="V149" s="329"/>
      <c r="W149" s="329"/>
      <c r="X149" s="329"/>
      <c r="Y149" s="329"/>
      <c r="Z149" s="329"/>
      <c r="AA149" s="329"/>
      <c r="AB149" s="329"/>
      <c r="AC149" s="329"/>
      <c r="AD149" s="329"/>
      <c r="AE149" s="329"/>
      <c r="AF149" s="329"/>
      <c r="AG149" s="329"/>
      <c r="AH149" s="329"/>
      <c r="AI149" s="329"/>
      <c r="AJ149" s="329"/>
      <c r="AK149" s="329"/>
      <c r="AL149" s="329"/>
      <c r="AM149" s="97"/>
      <c r="AO149" s="1265"/>
      <c r="AP149" s="1266"/>
      <c r="AQ149" s="1266"/>
      <c r="AR149" s="1266"/>
      <c r="AS149" s="1266"/>
      <c r="AT149" s="1266"/>
      <c r="AU149" s="1266"/>
      <c r="AV149" s="1266"/>
      <c r="AW149" s="1266"/>
      <c r="AX149" s="1266"/>
      <c r="AY149" s="1266"/>
      <c r="AZ149" s="1267"/>
      <c r="BA149" s="1274"/>
      <c r="BB149" s="1275"/>
      <c r="BC149" s="1275"/>
      <c r="BD149" s="1275"/>
      <c r="BE149" s="1276"/>
      <c r="BF149" s="1274"/>
      <c r="BG149" s="1275"/>
      <c r="BH149" s="1275"/>
      <c r="BI149" s="1275"/>
      <c r="BJ149" s="1275"/>
      <c r="BK149" s="1275"/>
      <c r="BL149" s="1275"/>
      <c r="BM149" s="1275"/>
      <c r="BN149" s="1281"/>
      <c r="BO149" s="1282"/>
      <c r="BQ149" s="78"/>
      <c r="BR149" s="78"/>
      <c r="BS149" s="78"/>
    </row>
    <row r="150" spans="1:71" s="79" customFormat="1" ht="5.25" customHeight="1">
      <c r="A150" s="84"/>
      <c r="B150" s="84"/>
      <c r="C150" s="98"/>
      <c r="D150" s="1285"/>
      <c r="E150" s="1284"/>
      <c r="F150" s="1284"/>
      <c r="G150" s="1284"/>
      <c r="H150" s="1284"/>
      <c r="I150" s="1284"/>
      <c r="J150" s="1284"/>
      <c r="K150" s="1257"/>
      <c r="L150" s="1257"/>
      <c r="M150" s="328"/>
      <c r="N150" s="329"/>
      <c r="O150" s="329"/>
      <c r="P150" s="329"/>
      <c r="Q150" s="329"/>
      <c r="R150" s="329"/>
      <c r="S150" s="329"/>
      <c r="T150" s="329"/>
      <c r="U150" s="329"/>
      <c r="V150" s="329"/>
      <c r="W150" s="329"/>
      <c r="X150" s="329"/>
      <c r="Y150" s="329"/>
      <c r="Z150" s="329"/>
      <c r="AA150" s="329"/>
      <c r="AB150" s="329"/>
      <c r="AC150" s="329"/>
      <c r="AD150" s="329"/>
      <c r="AE150" s="329"/>
      <c r="AF150" s="329"/>
      <c r="AG150" s="329"/>
      <c r="AH150" s="329"/>
      <c r="AI150" s="329"/>
      <c r="AJ150" s="329"/>
      <c r="AK150" s="329"/>
      <c r="AL150" s="329"/>
      <c r="AM150" s="97"/>
      <c r="AO150" s="1286" t="s">
        <v>185</v>
      </c>
      <c r="AP150" s="1287"/>
      <c r="AQ150" s="1287"/>
      <c r="AR150" s="1287"/>
      <c r="AS150" s="1287"/>
      <c r="AT150" s="1287"/>
      <c r="AU150" s="1287"/>
      <c r="AV150" s="1287"/>
      <c r="AW150" s="1287"/>
      <c r="AX150" s="1287"/>
      <c r="AY150" s="1287"/>
      <c r="AZ150" s="1288"/>
      <c r="BA150" s="933" t="s">
        <v>4</v>
      </c>
      <c r="BB150" s="934"/>
      <c r="BC150" s="934"/>
      <c r="BD150" s="934"/>
      <c r="BE150" s="934"/>
      <c r="BF150" s="934"/>
      <c r="BG150" s="934"/>
      <c r="BH150" s="934"/>
      <c r="BI150" s="934"/>
      <c r="BJ150" s="934"/>
      <c r="BK150" s="934"/>
      <c r="BL150" s="934"/>
      <c r="BM150" s="934"/>
      <c r="BN150" s="934"/>
      <c r="BO150" s="951"/>
      <c r="BQ150" s="78"/>
      <c r="BR150" s="78"/>
      <c r="BS150" s="78"/>
    </row>
    <row r="151" spans="1:71" s="79" customFormat="1" ht="5.25" customHeight="1">
      <c r="A151" s="84"/>
      <c r="B151" s="84"/>
      <c r="C151" s="98"/>
      <c r="D151" s="1285"/>
      <c r="E151" s="1284"/>
      <c r="F151" s="1284"/>
      <c r="G151" s="1284"/>
      <c r="H151" s="1284"/>
      <c r="I151" s="1284"/>
      <c r="J151" s="1284"/>
      <c r="K151" s="1257"/>
      <c r="L151" s="1257"/>
      <c r="M151" s="330"/>
      <c r="N151" s="331"/>
      <c r="O151" s="331"/>
      <c r="P151" s="331"/>
      <c r="Q151" s="331"/>
      <c r="R151" s="331"/>
      <c r="S151" s="331"/>
      <c r="T151" s="331"/>
      <c r="U151" s="331"/>
      <c r="V151" s="331"/>
      <c r="W151" s="331"/>
      <c r="X151" s="331"/>
      <c r="Y151" s="331"/>
      <c r="Z151" s="331"/>
      <c r="AA151" s="331"/>
      <c r="AB151" s="331"/>
      <c r="AC151" s="331"/>
      <c r="AD151" s="331"/>
      <c r="AE151" s="331"/>
      <c r="AF151" s="331"/>
      <c r="AG151" s="331"/>
      <c r="AH151" s="331"/>
      <c r="AI151" s="331"/>
      <c r="AJ151" s="331"/>
      <c r="AK151" s="331"/>
      <c r="AL151" s="331"/>
      <c r="AM151" s="100"/>
      <c r="AO151" s="1289"/>
      <c r="AP151" s="1290"/>
      <c r="AQ151" s="1290"/>
      <c r="AR151" s="1290"/>
      <c r="AS151" s="1290"/>
      <c r="AT151" s="1290"/>
      <c r="AU151" s="1290"/>
      <c r="AV151" s="1290"/>
      <c r="AW151" s="1290"/>
      <c r="AX151" s="1290"/>
      <c r="AY151" s="1290"/>
      <c r="AZ151" s="1291"/>
      <c r="BA151" s="936"/>
      <c r="BB151" s="937"/>
      <c r="BC151" s="937"/>
      <c r="BD151" s="937"/>
      <c r="BE151" s="937"/>
      <c r="BF151" s="937"/>
      <c r="BG151" s="937"/>
      <c r="BH151" s="937"/>
      <c r="BI151" s="937"/>
      <c r="BJ151" s="937"/>
      <c r="BK151" s="937"/>
      <c r="BL151" s="937"/>
      <c r="BM151" s="937"/>
      <c r="BN151" s="937"/>
      <c r="BO151" s="952"/>
      <c r="BQ151" s="78"/>
      <c r="BR151" s="78"/>
      <c r="BS151" s="78"/>
    </row>
    <row r="152" spans="1:71" s="79" customFormat="1" ht="5.25" customHeight="1">
      <c r="A152" s="84"/>
      <c r="B152" s="84"/>
      <c r="C152" s="98"/>
      <c r="D152" s="1283"/>
      <c r="E152" s="1284"/>
      <c r="F152" s="1284"/>
      <c r="G152" s="1284"/>
      <c r="H152" s="1284"/>
      <c r="I152" s="1284"/>
      <c r="J152" s="1284"/>
      <c r="K152" s="1257"/>
      <c r="L152" s="1257"/>
      <c r="M152" s="326"/>
      <c r="N152" s="327"/>
      <c r="O152" s="327"/>
      <c r="P152" s="327"/>
      <c r="Q152" s="327"/>
      <c r="R152" s="327"/>
      <c r="S152" s="327"/>
      <c r="T152" s="327"/>
      <c r="U152" s="327"/>
      <c r="V152" s="327"/>
      <c r="W152" s="327"/>
      <c r="X152" s="327"/>
      <c r="Y152" s="327"/>
      <c r="Z152" s="327"/>
      <c r="AA152" s="327"/>
      <c r="AB152" s="327"/>
      <c r="AC152" s="327"/>
      <c r="AD152" s="327"/>
      <c r="AE152" s="327"/>
      <c r="AF152" s="327"/>
      <c r="AG152" s="327"/>
      <c r="AH152" s="327"/>
      <c r="AI152" s="327"/>
      <c r="AJ152" s="327"/>
      <c r="AK152" s="327"/>
      <c r="AL152" s="327"/>
      <c r="AM152" s="99"/>
      <c r="AO152" s="1289"/>
      <c r="AP152" s="1290"/>
      <c r="AQ152" s="1290"/>
      <c r="AR152" s="1290"/>
      <c r="AS152" s="1290"/>
      <c r="AT152" s="1290"/>
      <c r="AU152" s="1290"/>
      <c r="AV152" s="1290"/>
      <c r="AW152" s="1290"/>
      <c r="AX152" s="1290"/>
      <c r="AY152" s="1290"/>
      <c r="AZ152" s="1291"/>
      <c r="BA152" s="936"/>
      <c r="BB152" s="937"/>
      <c r="BC152" s="937"/>
      <c r="BD152" s="937"/>
      <c r="BE152" s="937"/>
      <c r="BF152" s="937"/>
      <c r="BG152" s="937"/>
      <c r="BH152" s="937"/>
      <c r="BI152" s="937"/>
      <c r="BJ152" s="937"/>
      <c r="BK152" s="937"/>
      <c r="BL152" s="937"/>
      <c r="BM152" s="937"/>
      <c r="BN152" s="937"/>
      <c r="BO152" s="952"/>
      <c r="BQ152" s="78"/>
      <c r="BR152" s="78"/>
      <c r="BS152" s="78"/>
    </row>
    <row r="153" spans="1:71" s="79" customFormat="1" ht="5.25" customHeight="1">
      <c r="A153" s="84"/>
      <c r="B153" s="84"/>
      <c r="C153" s="98"/>
      <c r="D153" s="1285"/>
      <c r="E153" s="1284"/>
      <c r="F153" s="1284"/>
      <c r="G153" s="1284"/>
      <c r="H153" s="1284"/>
      <c r="I153" s="1284"/>
      <c r="J153" s="1284"/>
      <c r="K153" s="1257"/>
      <c r="L153" s="1257"/>
      <c r="M153" s="328"/>
      <c r="N153" s="329"/>
      <c r="O153" s="329"/>
      <c r="P153" s="329"/>
      <c r="Q153" s="329"/>
      <c r="R153" s="329"/>
      <c r="S153" s="329"/>
      <c r="T153" s="329"/>
      <c r="U153" s="329"/>
      <c r="V153" s="329"/>
      <c r="W153" s="329"/>
      <c r="X153" s="329"/>
      <c r="Y153" s="329"/>
      <c r="Z153" s="329"/>
      <c r="AA153" s="329"/>
      <c r="AB153" s="329"/>
      <c r="AC153" s="329"/>
      <c r="AD153" s="329"/>
      <c r="AE153" s="329"/>
      <c r="AF153" s="329"/>
      <c r="AG153" s="329"/>
      <c r="AH153" s="329"/>
      <c r="AI153" s="329"/>
      <c r="AJ153" s="329"/>
      <c r="AK153" s="329"/>
      <c r="AL153" s="329"/>
      <c r="AM153" s="97"/>
      <c r="AO153" s="1289"/>
      <c r="AP153" s="1290"/>
      <c r="AQ153" s="1290"/>
      <c r="AR153" s="1290"/>
      <c r="AS153" s="1290"/>
      <c r="AT153" s="1290"/>
      <c r="AU153" s="1290"/>
      <c r="AV153" s="1290"/>
      <c r="AW153" s="1290"/>
      <c r="AX153" s="1290"/>
      <c r="AY153" s="1290"/>
      <c r="AZ153" s="1291"/>
      <c r="BA153" s="936"/>
      <c r="BB153" s="937"/>
      <c r="BC153" s="937"/>
      <c r="BD153" s="937"/>
      <c r="BE153" s="937"/>
      <c r="BF153" s="937"/>
      <c r="BG153" s="937"/>
      <c r="BH153" s="937"/>
      <c r="BI153" s="937"/>
      <c r="BJ153" s="937"/>
      <c r="BK153" s="937"/>
      <c r="BL153" s="937"/>
      <c r="BM153" s="937"/>
      <c r="BN153" s="937"/>
      <c r="BO153" s="952"/>
      <c r="BQ153" s="78"/>
      <c r="BR153" s="78"/>
      <c r="BS153" s="78"/>
    </row>
    <row r="154" spans="1:71" s="79" customFormat="1" ht="5.25" customHeight="1">
      <c r="A154" s="84"/>
      <c r="B154" s="84"/>
      <c r="C154" s="98"/>
      <c r="D154" s="1285"/>
      <c r="E154" s="1284"/>
      <c r="F154" s="1284"/>
      <c r="G154" s="1284"/>
      <c r="H154" s="1284"/>
      <c r="I154" s="1284"/>
      <c r="J154" s="1284"/>
      <c r="K154" s="1257"/>
      <c r="L154" s="1257"/>
      <c r="M154" s="328"/>
      <c r="N154" s="329"/>
      <c r="O154" s="329"/>
      <c r="P154" s="329"/>
      <c r="Q154" s="329"/>
      <c r="R154" s="329"/>
      <c r="S154" s="329"/>
      <c r="T154" s="329"/>
      <c r="U154" s="329"/>
      <c r="V154" s="329"/>
      <c r="W154" s="329"/>
      <c r="X154" s="329"/>
      <c r="Y154" s="329"/>
      <c r="Z154" s="329"/>
      <c r="AA154" s="329"/>
      <c r="AB154" s="329"/>
      <c r="AC154" s="329"/>
      <c r="AD154" s="329"/>
      <c r="AE154" s="329"/>
      <c r="AF154" s="329"/>
      <c r="AG154" s="329"/>
      <c r="AH154" s="329"/>
      <c r="AI154" s="329"/>
      <c r="AJ154" s="329"/>
      <c r="AK154" s="329"/>
      <c r="AL154" s="329"/>
      <c r="AM154" s="97"/>
      <c r="AO154" s="1292" t="s">
        <v>184</v>
      </c>
      <c r="AP154" s="1293"/>
      <c r="AQ154" s="1293"/>
      <c r="AR154" s="1293"/>
      <c r="AS154" s="1293"/>
      <c r="AT154" s="1293"/>
      <c r="AU154" s="1293"/>
      <c r="AV154" s="1293"/>
      <c r="AW154" s="1293"/>
      <c r="AX154" s="1293"/>
      <c r="AY154" s="1293"/>
      <c r="AZ154" s="1294"/>
      <c r="BA154" s="1298" t="s">
        <v>183</v>
      </c>
      <c r="BB154" s="1298"/>
      <c r="BC154" s="1298"/>
      <c r="BD154" s="1298"/>
      <c r="BE154" s="1298"/>
      <c r="BF154" s="1298"/>
      <c r="BG154" s="1299"/>
      <c r="BH154" s="1302" t="s">
        <v>182</v>
      </c>
      <c r="BI154" s="1302"/>
      <c r="BJ154" s="1302"/>
      <c r="BK154" s="1302"/>
      <c r="BL154" s="1302"/>
      <c r="BM154" s="1302"/>
      <c r="BN154" s="1302"/>
      <c r="BO154" s="1303"/>
      <c r="BQ154" s="78"/>
      <c r="BR154" s="78"/>
      <c r="BS154" s="78"/>
    </row>
    <row r="155" spans="1:71" s="79" customFormat="1" ht="5.25" customHeight="1">
      <c r="A155" s="84"/>
      <c r="B155" s="84"/>
      <c r="C155" s="98"/>
      <c r="D155" s="1285"/>
      <c r="E155" s="1284"/>
      <c r="F155" s="1284"/>
      <c r="G155" s="1284"/>
      <c r="H155" s="1284"/>
      <c r="I155" s="1284"/>
      <c r="J155" s="1284"/>
      <c r="K155" s="1257"/>
      <c r="L155" s="1257"/>
      <c r="M155" s="330"/>
      <c r="N155" s="331"/>
      <c r="O155" s="331"/>
      <c r="P155" s="331"/>
      <c r="Q155" s="331"/>
      <c r="R155" s="331"/>
      <c r="S155" s="331"/>
      <c r="T155" s="331"/>
      <c r="U155" s="331"/>
      <c r="V155" s="331"/>
      <c r="W155" s="331"/>
      <c r="X155" s="331"/>
      <c r="Y155" s="331"/>
      <c r="Z155" s="331"/>
      <c r="AA155" s="331"/>
      <c r="AB155" s="331"/>
      <c r="AC155" s="331"/>
      <c r="AD155" s="331"/>
      <c r="AE155" s="331"/>
      <c r="AF155" s="331"/>
      <c r="AG155" s="331"/>
      <c r="AH155" s="331"/>
      <c r="AI155" s="331"/>
      <c r="AJ155" s="331"/>
      <c r="AK155" s="331"/>
      <c r="AL155" s="331"/>
      <c r="AM155" s="100"/>
      <c r="AO155" s="1295"/>
      <c r="AP155" s="1296"/>
      <c r="AQ155" s="1296"/>
      <c r="AR155" s="1296"/>
      <c r="AS155" s="1296"/>
      <c r="AT155" s="1296"/>
      <c r="AU155" s="1296"/>
      <c r="AV155" s="1296"/>
      <c r="AW155" s="1296"/>
      <c r="AX155" s="1296"/>
      <c r="AY155" s="1296"/>
      <c r="AZ155" s="1297"/>
      <c r="BA155" s="1300"/>
      <c r="BB155" s="1300"/>
      <c r="BC155" s="1300"/>
      <c r="BD155" s="1300"/>
      <c r="BE155" s="1300"/>
      <c r="BF155" s="1300"/>
      <c r="BG155" s="1301"/>
      <c r="BH155" s="1304"/>
      <c r="BI155" s="1304"/>
      <c r="BJ155" s="1304"/>
      <c r="BK155" s="1304"/>
      <c r="BL155" s="1304"/>
      <c r="BM155" s="1304"/>
      <c r="BN155" s="1304"/>
      <c r="BO155" s="1305"/>
      <c r="BQ155" s="78"/>
      <c r="BR155" s="78"/>
      <c r="BS155" s="78"/>
    </row>
    <row r="156" spans="1:71" s="79" customFormat="1" ht="5.25" customHeight="1">
      <c r="A156" s="84"/>
      <c r="B156" s="84"/>
      <c r="C156" s="98"/>
      <c r="D156" s="1283"/>
      <c r="E156" s="1284"/>
      <c r="F156" s="1284"/>
      <c r="G156" s="1284"/>
      <c r="H156" s="1284"/>
      <c r="I156" s="1284"/>
      <c r="J156" s="1284"/>
      <c r="K156" s="1257"/>
      <c r="L156" s="1257"/>
      <c r="M156" s="326"/>
      <c r="N156" s="327"/>
      <c r="O156" s="327"/>
      <c r="P156" s="327"/>
      <c r="Q156" s="327"/>
      <c r="R156" s="327"/>
      <c r="S156" s="327"/>
      <c r="T156" s="327"/>
      <c r="U156" s="327"/>
      <c r="V156" s="327"/>
      <c r="W156" s="327"/>
      <c r="X156" s="327"/>
      <c r="Y156" s="327"/>
      <c r="Z156" s="327"/>
      <c r="AA156" s="327"/>
      <c r="AB156" s="327"/>
      <c r="AC156" s="327"/>
      <c r="AD156" s="327"/>
      <c r="AE156" s="327"/>
      <c r="AF156" s="327"/>
      <c r="AG156" s="327"/>
      <c r="AH156" s="327"/>
      <c r="AI156" s="327"/>
      <c r="AJ156" s="327"/>
      <c r="AK156" s="327"/>
      <c r="AL156" s="327"/>
      <c r="AM156" s="99"/>
      <c r="AO156" s="1295"/>
      <c r="AP156" s="1296"/>
      <c r="AQ156" s="1296"/>
      <c r="AR156" s="1296"/>
      <c r="AS156" s="1296"/>
      <c r="AT156" s="1296"/>
      <c r="AU156" s="1296"/>
      <c r="AV156" s="1296"/>
      <c r="AW156" s="1296"/>
      <c r="AX156" s="1296"/>
      <c r="AY156" s="1296"/>
      <c r="AZ156" s="1297"/>
      <c r="BA156" s="1306"/>
      <c r="BB156" s="1307"/>
      <c r="BC156" s="1307"/>
      <c r="BD156" s="1307"/>
      <c r="BE156" s="1307"/>
      <c r="BF156" s="1307"/>
      <c r="BG156" s="1307"/>
      <c r="BH156" s="1308" t="s">
        <v>4</v>
      </c>
      <c r="BI156" s="1279"/>
      <c r="BJ156" s="1279"/>
      <c r="BK156" s="1279"/>
      <c r="BL156" s="1279"/>
      <c r="BM156" s="1279"/>
      <c r="BN156" s="1279"/>
      <c r="BO156" s="1280"/>
      <c r="BQ156" s="78"/>
      <c r="BR156" s="78"/>
      <c r="BS156" s="78"/>
    </row>
    <row r="157" spans="1:71" s="79" customFormat="1" ht="5.25" customHeight="1">
      <c r="A157" s="84"/>
      <c r="B157" s="84"/>
      <c r="C157" s="98"/>
      <c r="D157" s="1285"/>
      <c r="E157" s="1284"/>
      <c r="F157" s="1284"/>
      <c r="G157" s="1284"/>
      <c r="H157" s="1284"/>
      <c r="I157" s="1284"/>
      <c r="J157" s="1284"/>
      <c r="K157" s="1257"/>
      <c r="L157" s="1257"/>
      <c r="M157" s="328"/>
      <c r="N157" s="329"/>
      <c r="O157" s="329"/>
      <c r="P157" s="329"/>
      <c r="Q157" s="329"/>
      <c r="R157" s="329"/>
      <c r="S157" s="329"/>
      <c r="T157" s="329"/>
      <c r="U157" s="329"/>
      <c r="V157" s="329"/>
      <c r="W157" s="329"/>
      <c r="X157" s="329"/>
      <c r="Y157" s="329"/>
      <c r="Z157" s="329"/>
      <c r="AA157" s="329"/>
      <c r="AB157" s="329"/>
      <c r="AC157" s="329"/>
      <c r="AD157" s="329"/>
      <c r="AE157" s="329"/>
      <c r="AF157" s="329"/>
      <c r="AG157" s="329"/>
      <c r="AH157" s="329"/>
      <c r="AI157" s="329"/>
      <c r="AJ157" s="329"/>
      <c r="AK157" s="329"/>
      <c r="AL157" s="329"/>
      <c r="AM157" s="97"/>
      <c r="AO157" s="1295"/>
      <c r="AP157" s="1296"/>
      <c r="AQ157" s="1296"/>
      <c r="AR157" s="1296"/>
      <c r="AS157" s="1296"/>
      <c r="AT157" s="1296"/>
      <c r="AU157" s="1296"/>
      <c r="AV157" s="1296"/>
      <c r="AW157" s="1296"/>
      <c r="AX157" s="1296"/>
      <c r="AY157" s="1296"/>
      <c r="AZ157" s="1297"/>
      <c r="BA157" s="1306"/>
      <c r="BB157" s="1307"/>
      <c r="BC157" s="1307"/>
      <c r="BD157" s="1307"/>
      <c r="BE157" s="1307"/>
      <c r="BF157" s="1307"/>
      <c r="BG157" s="1307"/>
      <c r="BH157" s="1308"/>
      <c r="BI157" s="1279"/>
      <c r="BJ157" s="1279"/>
      <c r="BK157" s="1279"/>
      <c r="BL157" s="1279"/>
      <c r="BM157" s="1279"/>
      <c r="BN157" s="1279"/>
      <c r="BO157" s="1280"/>
      <c r="BQ157" s="78"/>
      <c r="BR157" s="78"/>
      <c r="BS157" s="78"/>
    </row>
    <row r="158" spans="1:71" s="79" customFormat="1" ht="5.25" customHeight="1">
      <c r="A158" s="84"/>
      <c r="B158" s="84"/>
      <c r="C158" s="98"/>
      <c r="D158" s="1285"/>
      <c r="E158" s="1284"/>
      <c r="F158" s="1284"/>
      <c r="G158" s="1284"/>
      <c r="H158" s="1284"/>
      <c r="I158" s="1284"/>
      <c r="J158" s="1284"/>
      <c r="K158" s="1257"/>
      <c r="L158" s="1257"/>
      <c r="M158" s="328"/>
      <c r="N158" s="329"/>
      <c r="O158" s="329"/>
      <c r="P158" s="329"/>
      <c r="Q158" s="329"/>
      <c r="R158" s="329"/>
      <c r="S158" s="329"/>
      <c r="T158" s="329"/>
      <c r="U158" s="329"/>
      <c r="V158" s="329"/>
      <c r="W158" s="329"/>
      <c r="X158" s="329"/>
      <c r="Y158" s="329"/>
      <c r="Z158" s="329"/>
      <c r="AA158" s="329"/>
      <c r="AB158" s="329"/>
      <c r="AC158" s="329"/>
      <c r="AD158" s="329"/>
      <c r="AE158" s="329"/>
      <c r="AF158" s="329"/>
      <c r="AG158" s="329"/>
      <c r="AH158" s="329"/>
      <c r="AI158" s="329"/>
      <c r="AJ158" s="329"/>
      <c r="AK158" s="329"/>
      <c r="AL158" s="329"/>
      <c r="AM158" s="97"/>
      <c r="AO158" s="1309" t="s">
        <v>181</v>
      </c>
      <c r="AP158" s="1310"/>
      <c r="AQ158" s="1310"/>
      <c r="AR158" s="1310"/>
      <c r="AS158" s="1310"/>
      <c r="AT158" s="1310"/>
      <c r="AU158" s="1310"/>
      <c r="AV158" s="1310"/>
      <c r="AW158" s="1310"/>
      <c r="AX158" s="1310"/>
      <c r="AY158" s="1310"/>
      <c r="AZ158" s="1311"/>
      <c r="BA158" s="1312" t="s">
        <v>269</v>
      </c>
      <c r="BB158" s="1312"/>
      <c r="BC158" s="1312"/>
      <c r="BD158" s="1312"/>
      <c r="BE158" s="1312"/>
      <c r="BF158" s="1312"/>
      <c r="BG158" s="1312"/>
      <c r="BH158" s="1322" t="s">
        <v>270</v>
      </c>
      <c r="BI158" s="1322"/>
      <c r="BJ158" s="1322"/>
      <c r="BK158" s="1322"/>
      <c r="BL158" s="1322"/>
      <c r="BM158" s="1322"/>
      <c r="BN158" s="1322"/>
      <c r="BO158" s="1323"/>
      <c r="BQ158" s="78"/>
      <c r="BR158" s="78"/>
      <c r="BS158" s="78"/>
    </row>
    <row r="159" spans="1:71" s="79" customFormat="1" ht="5.25" customHeight="1">
      <c r="A159" s="84"/>
      <c r="B159" s="84"/>
      <c r="C159" s="98"/>
      <c r="D159" s="1285"/>
      <c r="E159" s="1284"/>
      <c r="F159" s="1284"/>
      <c r="G159" s="1284"/>
      <c r="H159" s="1284"/>
      <c r="I159" s="1284"/>
      <c r="J159" s="1284"/>
      <c r="K159" s="1257"/>
      <c r="L159" s="1257"/>
      <c r="M159" s="330"/>
      <c r="N159" s="331"/>
      <c r="O159" s="331"/>
      <c r="P159" s="331"/>
      <c r="Q159" s="331"/>
      <c r="R159" s="331"/>
      <c r="S159" s="331"/>
      <c r="T159" s="331"/>
      <c r="U159" s="331"/>
      <c r="V159" s="331"/>
      <c r="W159" s="331"/>
      <c r="X159" s="331"/>
      <c r="Y159" s="331"/>
      <c r="Z159" s="331"/>
      <c r="AA159" s="331"/>
      <c r="AB159" s="331"/>
      <c r="AC159" s="331"/>
      <c r="AD159" s="331"/>
      <c r="AE159" s="331"/>
      <c r="AF159" s="331"/>
      <c r="AG159" s="331"/>
      <c r="AH159" s="331"/>
      <c r="AI159" s="331"/>
      <c r="AJ159" s="331"/>
      <c r="AK159" s="331"/>
      <c r="AL159" s="331"/>
      <c r="AM159" s="100"/>
      <c r="AO159" s="1262"/>
      <c r="AP159" s="1263"/>
      <c r="AQ159" s="1263"/>
      <c r="AR159" s="1263"/>
      <c r="AS159" s="1263"/>
      <c r="AT159" s="1263"/>
      <c r="AU159" s="1263"/>
      <c r="AV159" s="1263"/>
      <c r="AW159" s="1263"/>
      <c r="AX159" s="1263"/>
      <c r="AY159" s="1263"/>
      <c r="AZ159" s="1264"/>
      <c r="BA159" s="1313"/>
      <c r="BB159" s="1313"/>
      <c r="BC159" s="1313"/>
      <c r="BD159" s="1313"/>
      <c r="BE159" s="1313"/>
      <c r="BF159" s="1313"/>
      <c r="BG159" s="1313"/>
      <c r="BH159" s="1324"/>
      <c r="BI159" s="1324"/>
      <c r="BJ159" s="1324"/>
      <c r="BK159" s="1324"/>
      <c r="BL159" s="1324"/>
      <c r="BM159" s="1324"/>
      <c r="BN159" s="1324"/>
      <c r="BO159" s="1325"/>
      <c r="BQ159" s="78"/>
      <c r="BR159" s="78"/>
      <c r="BS159" s="78"/>
    </row>
    <row r="160" spans="1:71" s="79" customFormat="1" ht="5.25" customHeight="1">
      <c r="A160" s="84"/>
      <c r="B160" s="84"/>
      <c r="C160" s="98"/>
      <c r="D160" s="1283"/>
      <c r="E160" s="1284"/>
      <c r="F160" s="1284"/>
      <c r="G160" s="1284"/>
      <c r="H160" s="1284"/>
      <c r="I160" s="1284"/>
      <c r="J160" s="1284"/>
      <c r="K160" s="1257"/>
      <c r="L160" s="1257"/>
      <c r="M160" s="326"/>
      <c r="N160" s="327"/>
      <c r="O160" s="327"/>
      <c r="P160" s="327"/>
      <c r="Q160" s="327"/>
      <c r="R160" s="327"/>
      <c r="S160" s="327"/>
      <c r="T160" s="327"/>
      <c r="U160" s="327"/>
      <c r="V160" s="327"/>
      <c r="W160" s="327"/>
      <c r="X160" s="327"/>
      <c r="Y160" s="327"/>
      <c r="Z160" s="327"/>
      <c r="AA160" s="327"/>
      <c r="AB160" s="327"/>
      <c r="AC160" s="327"/>
      <c r="AD160" s="327"/>
      <c r="AE160" s="327"/>
      <c r="AF160" s="327"/>
      <c r="AG160" s="327"/>
      <c r="AH160" s="327"/>
      <c r="AI160" s="327"/>
      <c r="AJ160" s="327"/>
      <c r="AK160" s="327"/>
      <c r="AL160" s="327"/>
      <c r="AM160" s="99"/>
      <c r="AO160" s="1262"/>
      <c r="AP160" s="1263"/>
      <c r="AQ160" s="1263"/>
      <c r="AR160" s="1263"/>
      <c r="AS160" s="1263"/>
      <c r="AT160" s="1263"/>
      <c r="AU160" s="1263"/>
      <c r="AV160" s="1263"/>
      <c r="AW160" s="1263"/>
      <c r="AX160" s="1263"/>
      <c r="AY160" s="1263"/>
      <c r="AZ160" s="1264"/>
      <c r="BA160" s="1313"/>
      <c r="BB160" s="1313"/>
      <c r="BC160" s="1313"/>
      <c r="BD160" s="1313"/>
      <c r="BE160" s="1313"/>
      <c r="BF160" s="1313"/>
      <c r="BG160" s="1313"/>
      <c r="BH160" s="1324"/>
      <c r="BI160" s="1324"/>
      <c r="BJ160" s="1324"/>
      <c r="BK160" s="1324"/>
      <c r="BL160" s="1324"/>
      <c r="BM160" s="1324"/>
      <c r="BN160" s="1324"/>
      <c r="BO160" s="1325"/>
      <c r="BQ160" s="78"/>
      <c r="BR160" s="78"/>
      <c r="BS160" s="78"/>
    </row>
    <row r="161" spans="1:72" s="79" customFormat="1" ht="5.25" customHeight="1">
      <c r="A161" s="84"/>
      <c r="B161" s="84"/>
      <c r="C161" s="98"/>
      <c r="D161" s="1285"/>
      <c r="E161" s="1284"/>
      <c r="F161" s="1284"/>
      <c r="G161" s="1284"/>
      <c r="H161" s="1284"/>
      <c r="I161" s="1284"/>
      <c r="J161" s="1284"/>
      <c r="K161" s="1257"/>
      <c r="L161" s="1257"/>
      <c r="M161" s="328"/>
      <c r="N161" s="329"/>
      <c r="O161" s="329"/>
      <c r="P161" s="329"/>
      <c r="Q161" s="329"/>
      <c r="R161" s="329"/>
      <c r="S161" s="329"/>
      <c r="T161" s="329"/>
      <c r="U161" s="329"/>
      <c r="V161" s="329"/>
      <c r="W161" s="329"/>
      <c r="X161" s="329"/>
      <c r="Y161" s="329"/>
      <c r="Z161" s="329"/>
      <c r="AA161" s="329"/>
      <c r="AB161" s="329"/>
      <c r="AC161" s="329"/>
      <c r="AD161" s="329"/>
      <c r="AE161" s="329"/>
      <c r="AF161" s="329"/>
      <c r="AG161" s="329"/>
      <c r="AH161" s="329"/>
      <c r="AI161" s="329"/>
      <c r="AJ161" s="329"/>
      <c r="AK161" s="329"/>
      <c r="AL161" s="329"/>
      <c r="AM161" s="97"/>
      <c r="AO161" s="1265"/>
      <c r="AP161" s="1266"/>
      <c r="AQ161" s="1266"/>
      <c r="AR161" s="1266"/>
      <c r="AS161" s="1266"/>
      <c r="AT161" s="1266"/>
      <c r="AU161" s="1266"/>
      <c r="AV161" s="1266"/>
      <c r="AW161" s="1266"/>
      <c r="AX161" s="1266"/>
      <c r="AY161" s="1266"/>
      <c r="AZ161" s="1267"/>
      <c r="BA161" s="1314"/>
      <c r="BB161" s="1314"/>
      <c r="BC161" s="1314"/>
      <c r="BD161" s="1314"/>
      <c r="BE161" s="1314"/>
      <c r="BF161" s="1314"/>
      <c r="BG161" s="1314"/>
      <c r="BH161" s="1326"/>
      <c r="BI161" s="1326"/>
      <c r="BJ161" s="1326"/>
      <c r="BK161" s="1326"/>
      <c r="BL161" s="1326"/>
      <c r="BM161" s="1326"/>
      <c r="BN161" s="1326"/>
      <c r="BO161" s="1327"/>
      <c r="BQ161" s="78"/>
      <c r="BR161" s="78"/>
      <c r="BS161" s="78"/>
    </row>
    <row r="162" spans="1:72" s="79" customFormat="1" ht="5.25" customHeight="1">
      <c r="A162" s="84"/>
      <c r="B162" s="84"/>
      <c r="C162" s="98"/>
      <c r="D162" s="1285"/>
      <c r="E162" s="1284"/>
      <c r="F162" s="1284"/>
      <c r="G162" s="1284"/>
      <c r="H162" s="1284"/>
      <c r="I162" s="1284"/>
      <c r="J162" s="1284"/>
      <c r="K162" s="1257"/>
      <c r="L162" s="1257"/>
      <c r="M162" s="328"/>
      <c r="N162" s="329"/>
      <c r="O162" s="329"/>
      <c r="P162" s="329"/>
      <c r="Q162" s="329"/>
      <c r="R162" s="329"/>
      <c r="S162" s="329"/>
      <c r="T162" s="329"/>
      <c r="U162" s="329"/>
      <c r="V162" s="329"/>
      <c r="W162" s="329"/>
      <c r="X162" s="329"/>
      <c r="Y162" s="329"/>
      <c r="Z162" s="329"/>
      <c r="AA162" s="329"/>
      <c r="AB162" s="329"/>
      <c r="AC162" s="329"/>
      <c r="AD162" s="329"/>
      <c r="AE162" s="329"/>
      <c r="AF162" s="329"/>
      <c r="AG162" s="329"/>
      <c r="AH162" s="329"/>
      <c r="AI162" s="329"/>
      <c r="AJ162" s="329"/>
      <c r="AK162" s="329"/>
      <c r="AL162" s="329"/>
      <c r="AM162" s="97"/>
      <c r="AO162" s="1331" t="s">
        <v>271</v>
      </c>
      <c r="AP162" s="1332"/>
      <c r="AQ162" s="1332"/>
      <c r="AR162" s="1332"/>
      <c r="AS162" s="1332"/>
      <c r="AT162" s="1332"/>
      <c r="AU162" s="1332"/>
      <c r="AV162" s="1332"/>
      <c r="AW162" s="1332"/>
      <c r="AX162" s="1332"/>
      <c r="AY162" s="1332"/>
      <c r="AZ162" s="1332"/>
      <c r="BA162" s="1332"/>
      <c r="BB162" s="1332"/>
      <c r="BC162" s="1332"/>
      <c r="BD162" s="1332"/>
      <c r="BE162" s="1332"/>
      <c r="BF162" s="1332"/>
      <c r="BG162" s="1332"/>
      <c r="BH162" s="1332"/>
      <c r="BI162" s="1332"/>
      <c r="BJ162" s="1332"/>
      <c r="BK162" s="1332"/>
      <c r="BL162" s="1332"/>
      <c r="BM162" s="1332"/>
      <c r="BN162" s="1332"/>
      <c r="BO162" s="1333"/>
      <c r="BQ162" s="78"/>
      <c r="BR162" s="78"/>
      <c r="BS162" s="78"/>
    </row>
    <row r="163" spans="1:72" s="79" customFormat="1" ht="5.25" customHeight="1">
      <c r="A163" s="84"/>
      <c r="C163" s="80"/>
      <c r="D163" s="1328"/>
      <c r="E163" s="1329"/>
      <c r="F163" s="1329"/>
      <c r="G163" s="1329"/>
      <c r="H163" s="1329"/>
      <c r="I163" s="1329"/>
      <c r="J163" s="1329"/>
      <c r="K163" s="1330"/>
      <c r="L163" s="1330"/>
      <c r="M163" s="96"/>
      <c r="N163" s="95"/>
      <c r="O163" s="95"/>
      <c r="P163" s="95"/>
      <c r="Q163" s="95"/>
      <c r="R163" s="95"/>
      <c r="S163" s="95"/>
      <c r="T163" s="95"/>
      <c r="U163" s="95"/>
      <c r="V163" s="95"/>
      <c r="W163" s="95"/>
      <c r="X163" s="95"/>
      <c r="Y163" s="95"/>
      <c r="Z163" s="95"/>
      <c r="AA163" s="95"/>
      <c r="AB163" s="95"/>
      <c r="AC163" s="95"/>
      <c r="AD163" s="95"/>
      <c r="AE163" s="95"/>
      <c r="AF163" s="95"/>
      <c r="AG163" s="95"/>
      <c r="AH163" s="95"/>
      <c r="AI163" s="95"/>
      <c r="AJ163" s="95"/>
      <c r="AK163" s="95"/>
      <c r="AL163" s="95"/>
      <c r="AM163" s="94"/>
      <c r="AO163" s="1334"/>
      <c r="AP163" s="1335"/>
      <c r="AQ163" s="1335"/>
      <c r="AR163" s="1335"/>
      <c r="AS163" s="1335"/>
      <c r="AT163" s="1335"/>
      <c r="AU163" s="1335"/>
      <c r="AV163" s="1335"/>
      <c r="AW163" s="1335"/>
      <c r="AX163" s="1335"/>
      <c r="AY163" s="1335"/>
      <c r="AZ163" s="1335"/>
      <c r="BA163" s="1335"/>
      <c r="BB163" s="1335"/>
      <c r="BC163" s="1335"/>
      <c r="BD163" s="1335"/>
      <c r="BE163" s="1335"/>
      <c r="BF163" s="1335"/>
      <c r="BG163" s="1335"/>
      <c r="BH163" s="1335"/>
      <c r="BI163" s="1335"/>
      <c r="BJ163" s="1335"/>
      <c r="BK163" s="1335"/>
      <c r="BL163" s="1335"/>
      <c r="BM163" s="1335"/>
      <c r="BN163" s="1335"/>
      <c r="BO163" s="1336"/>
      <c r="BQ163" s="84"/>
    </row>
    <row r="164" spans="1:72" s="79" customFormat="1" ht="5.25" customHeight="1">
      <c r="A164" s="84"/>
      <c r="C164" s="93"/>
      <c r="AO164" s="1334"/>
      <c r="AP164" s="1335"/>
      <c r="AQ164" s="1335"/>
      <c r="AR164" s="1335"/>
      <c r="AS164" s="1335"/>
      <c r="AT164" s="1335"/>
      <c r="AU164" s="1335"/>
      <c r="AV164" s="1335"/>
      <c r="AW164" s="1335"/>
      <c r="AX164" s="1335"/>
      <c r="AY164" s="1335"/>
      <c r="AZ164" s="1335"/>
      <c r="BA164" s="1335"/>
      <c r="BB164" s="1335"/>
      <c r="BC164" s="1335"/>
      <c r="BD164" s="1335"/>
      <c r="BE164" s="1335"/>
      <c r="BF164" s="1335"/>
      <c r="BG164" s="1335"/>
      <c r="BH164" s="1335"/>
      <c r="BI164" s="1335"/>
      <c r="BJ164" s="1335"/>
      <c r="BK164" s="1335"/>
      <c r="BL164" s="1335"/>
      <c r="BM164" s="1335"/>
      <c r="BN164" s="1335"/>
      <c r="BO164" s="1336"/>
      <c r="BP164" s="78"/>
      <c r="BQ164" s="84"/>
      <c r="BR164" s="84"/>
      <c r="BS164" s="84"/>
    </row>
    <row r="165" spans="1:72" s="79" customFormat="1" ht="5.25" customHeight="1">
      <c r="A165" s="84"/>
      <c r="C165" s="93"/>
      <c r="AO165" s="1337"/>
      <c r="AP165" s="1338"/>
      <c r="AQ165" s="1338"/>
      <c r="AR165" s="1338"/>
      <c r="AS165" s="1338"/>
      <c r="AT165" s="1338"/>
      <c r="AU165" s="1338"/>
      <c r="AV165" s="1338"/>
      <c r="AW165" s="1338"/>
      <c r="AX165" s="1338"/>
      <c r="AY165" s="1338"/>
      <c r="AZ165" s="1338"/>
      <c r="BA165" s="1338"/>
      <c r="BB165" s="1338"/>
      <c r="BC165" s="1338"/>
      <c r="BD165" s="1338"/>
      <c r="BE165" s="1338"/>
      <c r="BF165" s="1338"/>
      <c r="BG165" s="1338"/>
      <c r="BH165" s="1338"/>
      <c r="BI165" s="1338"/>
      <c r="BJ165" s="1338"/>
      <c r="BK165" s="1338"/>
      <c r="BL165" s="1338"/>
      <c r="BM165" s="1338"/>
      <c r="BN165" s="1338"/>
      <c r="BO165" s="1339"/>
      <c r="BP165" s="78"/>
      <c r="BQ165" s="84"/>
      <c r="BR165" s="84"/>
      <c r="BS165" s="84"/>
    </row>
    <row r="166" spans="1:72" ht="5.25" customHeight="1">
      <c r="A166" s="84"/>
      <c r="B166" s="79"/>
      <c r="C166" s="93"/>
      <c r="D166" s="1340" t="s">
        <v>177</v>
      </c>
      <c r="E166" s="1340"/>
      <c r="F166" s="1340"/>
      <c r="G166" s="1340"/>
      <c r="H166" s="1340"/>
      <c r="I166" s="1340"/>
      <c r="J166" s="1340"/>
      <c r="K166" s="1340"/>
      <c r="L166" s="1340"/>
      <c r="M166" s="1340"/>
      <c r="N166" s="1340"/>
      <c r="O166" s="1340"/>
      <c r="P166" s="1340"/>
      <c r="Q166" s="1340"/>
      <c r="R166" s="1340"/>
      <c r="S166" s="1340"/>
      <c r="T166" s="1340"/>
      <c r="U166" s="1340"/>
      <c r="V166" s="1340"/>
      <c r="W166" s="1340"/>
      <c r="X166" s="1340"/>
      <c r="Y166" s="1340"/>
      <c r="Z166" s="1340"/>
      <c r="AA166" s="1340"/>
      <c r="AB166" s="1340"/>
      <c r="AC166" s="1340"/>
      <c r="AD166" s="1340"/>
      <c r="AE166" s="78"/>
      <c r="AF166" s="78"/>
      <c r="AG166" s="78"/>
      <c r="AH166" s="78"/>
      <c r="AI166" s="78"/>
      <c r="AJ166" s="78"/>
      <c r="AK166" s="78"/>
      <c r="AL166" s="78"/>
      <c r="AM166" s="78"/>
      <c r="BQ166" s="82"/>
      <c r="BR166" s="82"/>
      <c r="BS166" s="82"/>
      <c r="BT166" s="79"/>
    </row>
    <row r="167" spans="1:72" ht="5.25" customHeight="1">
      <c r="A167" s="84"/>
      <c r="D167" s="1340"/>
      <c r="E167" s="1340"/>
      <c r="F167" s="1340"/>
      <c r="G167" s="1340"/>
      <c r="H167" s="1340"/>
      <c r="I167" s="1340"/>
      <c r="J167" s="1340"/>
      <c r="K167" s="1340"/>
      <c r="L167" s="1340"/>
      <c r="M167" s="1340"/>
      <c r="N167" s="1340"/>
      <c r="O167" s="1340"/>
      <c r="P167" s="1340"/>
      <c r="Q167" s="1340"/>
      <c r="R167" s="1340"/>
      <c r="S167" s="1340"/>
      <c r="T167" s="1340"/>
      <c r="U167" s="1340"/>
      <c r="V167" s="1340"/>
      <c r="W167" s="1340"/>
      <c r="X167" s="1340"/>
      <c r="Y167" s="1340"/>
      <c r="Z167" s="1340"/>
      <c r="AA167" s="1340"/>
      <c r="AB167" s="1340"/>
      <c r="AC167" s="1340"/>
      <c r="AD167" s="1340"/>
      <c r="AE167" s="78"/>
      <c r="AF167" s="78"/>
      <c r="AG167" s="78"/>
      <c r="AH167" s="78"/>
      <c r="AI167" s="78"/>
      <c r="AJ167" s="78"/>
      <c r="AK167" s="78"/>
      <c r="AL167" s="78"/>
      <c r="AM167" s="78"/>
      <c r="BQ167" s="82"/>
      <c r="BR167" s="82"/>
      <c r="BS167" s="82"/>
      <c r="BT167" s="79"/>
    </row>
    <row r="168" spans="1:72" ht="5.25" customHeight="1">
      <c r="A168" s="84"/>
      <c r="D168" s="1340"/>
      <c r="E168" s="1340"/>
      <c r="F168" s="1340"/>
      <c r="G168" s="1340"/>
      <c r="H168" s="1340"/>
      <c r="I168" s="1340"/>
      <c r="J168" s="1340"/>
      <c r="K168" s="1340"/>
      <c r="L168" s="1340"/>
      <c r="M168" s="1340"/>
      <c r="N168" s="1340"/>
      <c r="O168" s="1340"/>
      <c r="P168" s="1340"/>
      <c r="Q168" s="1340"/>
      <c r="R168" s="1340"/>
      <c r="S168" s="1340"/>
      <c r="T168" s="1340"/>
      <c r="U168" s="1340"/>
      <c r="V168" s="1340"/>
      <c r="W168" s="1340"/>
      <c r="X168" s="1340"/>
      <c r="Y168" s="1340"/>
      <c r="Z168" s="1340"/>
      <c r="AA168" s="1340"/>
      <c r="AB168" s="1340"/>
      <c r="AC168" s="1340"/>
      <c r="AD168" s="1340"/>
      <c r="AE168" s="78"/>
      <c r="AF168" s="78"/>
      <c r="AG168" s="78"/>
      <c r="AH168" s="78"/>
      <c r="AI168" s="78"/>
      <c r="AJ168" s="78"/>
      <c r="AK168" s="78"/>
      <c r="AL168" s="78"/>
      <c r="AM168" s="78"/>
      <c r="BQ168" s="82"/>
      <c r="BR168" s="82"/>
      <c r="BS168" s="82"/>
      <c r="BT168" s="79"/>
    </row>
    <row r="169" spans="1:72" ht="5.25" customHeight="1">
      <c r="A169" s="84"/>
      <c r="D169" s="1341" t="s">
        <v>176</v>
      </c>
      <c r="E169" s="1341"/>
      <c r="F169" s="1341"/>
      <c r="G169" s="1341"/>
      <c r="H169" s="1341"/>
      <c r="I169" s="1341"/>
      <c r="J169" s="1341"/>
      <c r="K169" s="1341"/>
      <c r="L169" s="1341"/>
      <c r="M169" s="1341"/>
      <c r="N169" s="1341"/>
      <c r="O169" s="1341"/>
      <c r="P169" s="1341"/>
      <c r="Q169" s="1341"/>
      <c r="R169" s="1341"/>
      <c r="S169" s="1341"/>
      <c r="T169" s="1341"/>
      <c r="U169" s="1341"/>
      <c r="V169" s="1341"/>
      <c r="W169" s="1341"/>
      <c r="X169" s="1341"/>
      <c r="Y169" s="1341"/>
      <c r="Z169" s="1341"/>
      <c r="AA169" s="1341"/>
      <c r="AB169" s="1341"/>
      <c r="AC169" s="1341"/>
      <c r="AD169" s="1341"/>
      <c r="AE169" s="1341"/>
      <c r="AF169" s="1341"/>
      <c r="AG169" s="1341"/>
      <c r="AH169" s="1341"/>
      <c r="AI169" s="1341"/>
      <c r="AJ169" s="1341"/>
      <c r="AK169" s="1341"/>
      <c r="AL169" s="1341"/>
      <c r="AM169" s="1341"/>
      <c r="AN169" s="92"/>
      <c r="BQ169" s="82"/>
      <c r="BR169" s="82"/>
      <c r="BS169" s="82"/>
      <c r="BT169" s="79"/>
    </row>
    <row r="170" spans="1:72" ht="5.25" customHeight="1">
      <c r="A170" s="84"/>
      <c r="D170" s="1341"/>
      <c r="E170" s="1341"/>
      <c r="F170" s="1341"/>
      <c r="G170" s="1341"/>
      <c r="H170" s="1341"/>
      <c r="I170" s="1341"/>
      <c r="J170" s="1341"/>
      <c r="K170" s="1341"/>
      <c r="L170" s="1341"/>
      <c r="M170" s="1341"/>
      <c r="N170" s="1341"/>
      <c r="O170" s="1341"/>
      <c r="P170" s="1341"/>
      <c r="Q170" s="1341"/>
      <c r="R170" s="1341"/>
      <c r="S170" s="1341"/>
      <c r="T170" s="1341"/>
      <c r="U170" s="1341"/>
      <c r="V170" s="1341"/>
      <c r="W170" s="1341"/>
      <c r="X170" s="1341"/>
      <c r="Y170" s="1341"/>
      <c r="Z170" s="1341"/>
      <c r="AA170" s="1341"/>
      <c r="AB170" s="1341"/>
      <c r="AC170" s="1341"/>
      <c r="AD170" s="1341"/>
      <c r="AE170" s="1341"/>
      <c r="AF170" s="1341"/>
      <c r="AG170" s="1341"/>
      <c r="AH170" s="1341"/>
      <c r="AI170" s="1341"/>
      <c r="AJ170" s="1341"/>
      <c r="AK170" s="1341"/>
      <c r="AL170" s="1341"/>
      <c r="AM170" s="1341"/>
      <c r="AN170" s="92"/>
      <c r="BQ170" s="82"/>
      <c r="BR170" s="82"/>
      <c r="BS170" s="82"/>
      <c r="BT170" s="79"/>
    </row>
    <row r="171" spans="1:72" ht="5.25" customHeight="1">
      <c r="A171" s="84"/>
      <c r="D171" s="1341"/>
      <c r="E171" s="1341"/>
      <c r="F171" s="1341"/>
      <c r="G171" s="1341"/>
      <c r="H171" s="1341"/>
      <c r="I171" s="1341"/>
      <c r="J171" s="1341"/>
      <c r="K171" s="1341"/>
      <c r="L171" s="1341"/>
      <c r="M171" s="1341"/>
      <c r="N171" s="1341"/>
      <c r="O171" s="1341"/>
      <c r="P171" s="1341"/>
      <c r="Q171" s="1341"/>
      <c r="R171" s="1341"/>
      <c r="S171" s="1341"/>
      <c r="T171" s="1341"/>
      <c r="U171" s="1341"/>
      <c r="V171" s="1341"/>
      <c r="W171" s="1341"/>
      <c r="X171" s="1341"/>
      <c r="Y171" s="1341"/>
      <c r="Z171" s="1341"/>
      <c r="AA171" s="1341"/>
      <c r="AB171" s="1341"/>
      <c r="AC171" s="1341"/>
      <c r="AD171" s="1341"/>
      <c r="AE171" s="1341"/>
      <c r="AF171" s="1341"/>
      <c r="AG171" s="1341"/>
      <c r="AH171" s="1341"/>
      <c r="AI171" s="1341"/>
      <c r="AJ171" s="1341"/>
      <c r="AK171" s="1341"/>
      <c r="AL171" s="1341"/>
      <c r="AM171" s="1341"/>
      <c r="AN171" s="92"/>
      <c r="BQ171" s="82"/>
      <c r="BR171" s="82"/>
      <c r="BS171" s="82"/>
      <c r="BT171" s="79"/>
    </row>
    <row r="172" spans="1:72" ht="5.25" customHeight="1">
      <c r="A172" s="84"/>
      <c r="D172" s="1341"/>
      <c r="E172" s="1341"/>
      <c r="F172" s="1341"/>
      <c r="G172" s="1341"/>
      <c r="H172" s="1341"/>
      <c r="I172" s="1341"/>
      <c r="J172" s="1341"/>
      <c r="K172" s="1341"/>
      <c r="L172" s="1341"/>
      <c r="M172" s="1341"/>
      <c r="N172" s="1341"/>
      <c r="O172" s="1341"/>
      <c r="P172" s="1341"/>
      <c r="Q172" s="1341"/>
      <c r="R172" s="1341"/>
      <c r="S172" s="1341"/>
      <c r="T172" s="1341"/>
      <c r="U172" s="1341"/>
      <c r="V172" s="1341"/>
      <c r="W172" s="1341"/>
      <c r="X172" s="1341"/>
      <c r="Y172" s="1341"/>
      <c r="Z172" s="1341"/>
      <c r="AA172" s="1341"/>
      <c r="AB172" s="1341"/>
      <c r="AC172" s="1341"/>
      <c r="AD172" s="1341"/>
      <c r="AE172" s="1341"/>
      <c r="AF172" s="1341"/>
      <c r="AG172" s="1341"/>
      <c r="AH172" s="1341"/>
      <c r="AI172" s="1341"/>
      <c r="AJ172" s="1341"/>
      <c r="AK172" s="1341"/>
      <c r="AL172" s="1341"/>
      <c r="AM172" s="1341"/>
      <c r="AN172" s="84"/>
      <c r="BQ172" s="82"/>
      <c r="BR172" s="82"/>
      <c r="BS172" s="82"/>
      <c r="BT172" s="79"/>
    </row>
    <row r="173" spans="1:72" ht="5.25" customHeight="1">
      <c r="A173" s="84"/>
      <c r="D173" s="1341"/>
      <c r="E173" s="1341"/>
      <c r="F173" s="1341"/>
      <c r="G173" s="1341"/>
      <c r="H173" s="1341"/>
      <c r="I173" s="1341"/>
      <c r="J173" s="1341"/>
      <c r="K173" s="1341"/>
      <c r="L173" s="1341"/>
      <c r="M173" s="1341"/>
      <c r="N173" s="1341"/>
      <c r="O173" s="1341"/>
      <c r="P173" s="1341"/>
      <c r="Q173" s="1341"/>
      <c r="R173" s="1341"/>
      <c r="S173" s="1341"/>
      <c r="T173" s="1341"/>
      <c r="U173" s="1341"/>
      <c r="V173" s="1341"/>
      <c r="W173" s="1341"/>
      <c r="X173" s="1341"/>
      <c r="Y173" s="1341"/>
      <c r="Z173" s="1341"/>
      <c r="AA173" s="1341"/>
      <c r="AB173" s="1341"/>
      <c r="AC173" s="1341"/>
      <c r="AD173" s="1341"/>
      <c r="AE173" s="1341"/>
      <c r="AF173" s="1341"/>
      <c r="AG173" s="1341"/>
      <c r="AH173" s="1341"/>
      <c r="AI173" s="1341"/>
      <c r="AJ173" s="1341"/>
      <c r="AK173" s="1341"/>
      <c r="AL173" s="1341"/>
      <c r="AM173" s="1341"/>
      <c r="AN173" s="84"/>
      <c r="BQ173" s="82"/>
      <c r="BR173" s="82"/>
      <c r="BS173" s="82"/>
      <c r="BT173" s="79"/>
    </row>
    <row r="174" spans="1:72" ht="5.25" customHeight="1">
      <c r="A174" s="84"/>
      <c r="D174" s="1341"/>
      <c r="E174" s="1341"/>
      <c r="F174" s="1341"/>
      <c r="G174" s="1341"/>
      <c r="H174" s="1341"/>
      <c r="I174" s="1341"/>
      <c r="J174" s="1341"/>
      <c r="K174" s="1341"/>
      <c r="L174" s="1341"/>
      <c r="M174" s="1341"/>
      <c r="N174" s="1341"/>
      <c r="O174" s="1341"/>
      <c r="P174" s="1341"/>
      <c r="Q174" s="1341"/>
      <c r="R174" s="1341"/>
      <c r="S174" s="1341"/>
      <c r="T174" s="1341"/>
      <c r="U174" s="1341"/>
      <c r="V174" s="1341"/>
      <c r="W174" s="1341"/>
      <c r="X174" s="1341"/>
      <c r="Y174" s="1341"/>
      <c r="Z174" s="1341"/>
      <c r="AA174" s="1341"/>
      <c r="AB174" s="1341"/>
      <c r="AC174" s="1341"/>
      <c r="AD174" s="1341"/>
      <c r="AE174" s="1341"/>
      <c r="AF174" s="1341"/>
      <c r="AG174" s="1341"/>
      <c r="AH174" s="1341"/>
      <c r="AI174" s="1341"/>
      <c r="AJ174" s="1341"/>
      <c r="AK174" s="1341"/>
      <c r="AL174" s="1341"/>
      <c r="AM174" s="1341"/>
      <c r="AN174" s="84"/>
      <c r="BQ174" s="82"/>
      <c r="BR174" s="82"/>
      <c r="BS174" s="82"/>
      <c r="BT174" s="79"/>
    </row>
    <row r="175" spans="1:72" ht="5.25" customHeight="1">
      <c r="A175" s="84"/>
      <c r="D175" s="1341"/>
      <c r="E175" s="1341"/>
      <c r="F175" s="1341"/>
      <c r="G175" s="1341"/>
      <c r="H175" s="1341"/>
      <c r="I175" s="1341"/>
      <c r="J175" s="1341"/>
      <c r="K175" s="1341"/>
      <c r="L175" s="1341"/>
      <c r="M175" s="1341"/>
      <c r="N175" s="1341"/>
      <c r="O175" s="1341"/>
      <c r="P175" s="1341"/>
      <c r="Q175" s="1341"/>
      <c r="R175" s="1341"/>
      <c r="S175" s="1341"/>
      <c r="T175" s="1341"/>
      <c r="U175" s="1341"/>
      <c r="V175" s="1341"/>
      <c r="W175" s="1341"/>
      <c r="X175" s="1341"/>
      <c r="Y175" s="1341"/>
      <c r="Z175" s="1341"/>
      <c r="AA175" s="1341"/>
      <c r="AB175" s="1341"/>
      <c r="AC175" s="1341"/>
      <c r="AD175" s="1341"/>
      <c r="AE175" s="1341"/>
      <c r="AF175" s="1341"/>
      <c r="AG175" s="1341"/>
      <c r="AH175" s="1341"/>
      <c r="AI175" s="1341"/>
      <c r="AJ175" s="1341"/>
      <c r="AK175" s="1341"/>
      <c r="AL175" s="1341"/>
      <c r="AM175" s="1341"/>
      <c r="AN175" s="84"/>
      <c r="BQ175" s="82"/>
      <c r="BR175" s="82"/>
      <c r="BS175" s="82"/>
      <c r="BT175" s="79"/>
    </row>
    <row r="176" spans="1:72" ht="5.25" customHeight="1">
      <c r="A176" s="82"/>
      <c r="D176" s="1341"/>
      <c r="E176" s="1341"/>
      <c r="F176" s="1341"/>
      <c r="G176" s="1341"/>
      <c r="H176" s="1341"/>
      <c r="I176" s="1341"/>
      <c r="J176" s="1341"/>
      <c r="K176" s="1341"/>
      <c r="L176" s="1341"/>
      <c r="M176" s="1341"/>
      <c r="N176" s="1341"/>
      <c r="O176" s="1341"/>
      <c r="P176" s="1341"/>
      <c r="Q176" s="1341"/>
      <c r="R176" s="1341"/>
      <c r="S176" s="1341"/>
      <c r="T176" s="1341"/>
      <c r="U176" s="1341"/>
      <c r="V176" s="1341"/>
      <c r="W176" s="1341"/>
      <c r="X176" s="1341"/>
      <c r="Y176" s="1341"/>
      <c r="Z176" s="1341"/>
      <c r="AA176" s="1341"/>
      <c r="AB176" s="1341"/>
      <c r="AC176" s="1341"/>
      <c r="AD176" s="1341"/>
      <c r="AE176" s="1341"/>
      <c r="AF176" s="1341"/>
      <c r="AG176" s="1341"/>
      <c r="AH176" s="1341"/>
      <c r="AI176" s="1341"/>
      <c r="AJ176" s="1341"/>
      <c r="AK176" s="1341"/>
      <c r="AL176" s="1341"/>
      <c r="AM176" s="1341"/>
      <c r="AN176" s="84"/>
      <c r="BQ176" s="82"/>
      <c r="BR176" s="82"/>
      <c r="BS176" s="82"/>
      <c r="BT176" s="79"/>
    </row>
    <row r="177" spans="1:72" ht="5.25" customHeight="1">
      <c r="A177" s="84"/>
      <c r="D177" s="1341"/>
      <c r="E177" s="1341"/>
      <c r="F177" s="1341"/>
      <c r="G177" s="1341"/>
      <c r="H177" s="1341"/>
      <c r="I177" s="1341"/>
      <c r="J177" s="1341"/>
      <c r="K177" s="1341"/>
      <c r="L177" s="1341"/>
      <c r="M177" s="1341"/>
      <c r="N177" s="1341"/>
      <c r="O177" s="1341"/>
      <c r="P177" s="1341"/>
      <c r="Q177" s="1341"/>
      <c r="R177" s="1341"/>
      <c r="S177" s="1341"/>
      <c r="T177" s="1341"/>
      <c r="U177" s="1341"/>
      <c r="V177" s="1341"/>
      <c r="W177" s="1341"/>
      <c r="X177" s="1341"/>
      <c r="Y177" s="1341"/>
      <c r="Z177" s="1341"/>
      <c r="AA177" s="1341"/>
      <c r="AB177" s="1341"/>
      <c r="AC177" s="1341"/>
      <c r="AD177" s="1341"/>
      <c r="AE177" s="1341"/>
      <c r="AF177" s="1341"/>
      <c r="AG177" s="1341"/>
      <c r="AH177" s="1341"/>
      <c r="AI177" s="1341"/>
      <c r="AJ177" s="1341"/>
      <c r="AK177" s="1341"/>
      <c r="AL177" s="1341"/>
      <c r="AM177" s="1341"/>
      <c r="AN177" s="84"/>
      <c r="BQ177" s="82"/>
      <c r="BR177" s="82"/>
      <c r="BS177" s="82"/>
      <c r="BT177" s="79"/>
    </row>
    <row r="178" spans="1:72" ht="5.25" customHeight="1">
      <c r="A178" s="82"/>
      <c r="D178" s="1259" t="s">
        <v>175</v>
      </c>
      <c r="E178" s="1260"/>
      <c r="F178" s="1260"/>
      <c r="G178" s="1260"/>
      <c r="H178" s="1260"/>
      <c r="I178" s="1260"/>
      <c r="J178" s="1260"/>
      <c r="K178" s="1260"/>
      <c r="L178" s="1260"/>
      <c r="M178" s="1260"/>
      <c r="N178" s="1260"/>
      <c r="O178" s="1260"/>
      <c r="P178" s="1260"/>
      <c r="Q178" s="1260"/>
      <c r="R178" s="1261"/>
      <c r="S178" s="1342" t="s">
        <v>4</v>
      </c>
      <c r="T178" s="1343"/>
      <c r="U178" s="1343"/>
      <c r="V178" s="1343"/>
      <c r="W178" s="1343"/>
      <c r="X178" s="1343"/>
      <c r="Y178" s="1343"/>
      <c r="Z178" s="1343"/>
      <c r="AA178" s="1343"/>
      <c r="AB178" s="1343"/>
      <c r="AC178" s="1343"/>
      <c r="AD178" s="1344"/>
      <c r="AE178" s="78"/>
      <c r="AF178" s="78"/>
      <c r="AG178" s="78"/>
      <c r="AH178" s="78"/>
      <c r="AI178" s="78"/>
      <c r="AJ178" s="78"/>
      <c r="AK178" s="78"/>
      <c r="AL178" s="78"/>
      <c r="AM178" s="78"/>
      <c r="AN178" s="84"/>
      <c r="BQ178" s="82"/>
      <c r="BR178" s="82"/>
      <c r="BS178" s="82"/>
      <c r="BT178" s="79"/>
    </row>
    <row r="179" spans="1:72" ht="5.25" customHeight="1">
      <c r="A179" s="82"/>
      <c r="D179" s="1262"/>
      <c r="E179" s="1263"/>
      <c r="F179" s="1263"/>
      <c r="G179" s="1263"/>
      <c r="H179" s="1263"/>
      <c r="I179" s="1263"/>
      <c r="J179" s="1263"/>
      <c r="K179" s="1263"/>
      <c r="L179" s="1263"/>
      <c r="M179" s="1263"/>
      <c r="N179" s="1263"/>
      <c r="O179" s="1263"/>
      <c r="P179" s="1263"/>
      <c r="Q179" s="1263"/>
      <c r="R179" s="1264"/>
      <c r="S179" s="1345"/>
      <c r="T179" s="1346"/>
      <c r="U179" s="1346"/>
      <c r="V179" s="1346"/>
      <c r="W179" s="1346"/>
      <c r="X179" s="1346"/>
      <c r="Y179" s="1346"/>
      <c r="Z179" s="1346"/>
      <c r="AA179" s="1346"/>
      <c r="AB179" s="1346"/>
      <c r="AC179" s="1346"/>
      <c r="AD179" s="1347"/>
      <c r="AE179" s="78"/>
      <c r="AF179" s="78"/>
      <c r="AG179" s="78"/>
      <c r="AH179" s="78"/>
      <c r="AI179" s="78"/>
      <c r="AJ179" s="78"/>
      <c r="AK179" s="78"/>
      <c r="AL179" s="78"/>
      <c r="AM179" s="78"/>
      <c r="AN179" s="84"/>
      <c r="BQ179" s="82"/>
      <c r="BR179" s="82"/>
      <c r="BS179" s="82"/>
      <c r="BT179" s="79"/>
    </row>
    <row r="180" spans="1:72" ht="5.25" customHeight="1">
      <c r="A180" s="82"/>
      <c r="D180" s="1262"/>
      <c r="E180" s="1263"/>
      <c r="F180" s="1263"/>
      <c r="G180" s="1263"/>
      <c r="H180" s="1263"/>
      <c r="I180" s="1263"/>
      <c r="J180" s="1263"/>
      <c r="K180" s="1263"/>
      <c r="L180" s="1263"/>
      <c r="M180" s="1263"/>
      <c r="N180" s="1263"/>
      <c r="O180" s="1263"/>
      <c r="P180" s="1263"/>
      <c r="Q180" s="1263"/>
      <c r="R180" s="1264"/>
      <c r="S180" s="1345"/>
      <c r="T180" s="1346"/>
      <c r="U180" s="1346"/>
      <c r="V180" s="1346"/>
      <c r="W180" s="1346"/>
      <c r="X180" s="1346"/>
      <c r="Y180" s="1346"/>
      <c r="Z180" s="1346"/>
      <c r="AA180" s="1346"/>
      <c r="AB180" s="1346"/>
      <c r="AC180" s="1346"/>
      <c r="AD180" s="1347"/>
      <c r="AE180" s="78"/>
      <c r="AF180" s="78"/>
      <c r="AG180" s="78"/>
      <c r="AH180" s="78"/>
      <c r="AI180" s="78"/>
      <c r="AJ180" s="78"/>
      <c r="AK180" s="78"/>
      <c r="AL180" s="78"/>
      <c r="AM180" s="78"/>
      <c r="AN180" s="84"/>
      <c r="BQ180" s="82"/>
      <c r="BR180" s="82"/>
      <c r="BS180" s="82"/>
      <c r="BT180" s="79"/>
    </row>
    <row r="181" spans="1:72" ht="5.25" customHeight="1">
      <c r="D181" s="1265"/>
      <c r="E181" s="1266"/>
      <c r="F181" s="1266"/>
      <c r="G181" s="1266"/>
      <c r="H181" s="1266"/>
      <c r="I181" s="1266"/>
      <c r="J181" s="1266"/>
      <c r="K181" s="1266"/>
      <c r="L181" s="1266"/>
      <c r="M181" s="1266"/>
      <c r="N181" s="1266"/>
      <c r="O181" s="1266"/>
      <c r="P181" s="1266"/>
      <c r="Q181" s="1266"/>
      <c r="R181" s="1267"/>
      <c r="S181" s="1348"/>
      <c r="T181" s="1349"/>
      <c r="U181" s="1349"/>
      <c r="V181" s="1349"/>
      <c r="W181" s="1349"/>
      <c r="X181" s="1349"/>
      <c r="Y181" s="1349"/>
      <c r="Z181" s="1349"/>
      <c r="AA181" s="1349"/>
      <c r="AB181" s="1349"/>
      <c r="AC181" s="1349"/>
      <c r="AD181" s="1350"/>
      <c r="AE181" s="78"/>
      <c r="AF181" s="78"/>
      <c r="AG181" s="78"/>
      <c r="AH181" s="78"/>
      <c r="AI181" s="78"/>
      <c r="AJ181" s="78"/>
      <c r="AK181" s="78"/>
      <c r="AL181" s="78"/>
      <c r="AM181" s="78"/>
      <c r="AN181" s="84"/>
      <c r="BQ181" s="82"/>
      <c r="BR181" s="82"/>
      <c r="BS181" s="82"/>
      <c r="BT181" s="79"/>
    </row>
    <row r="182" spans="1:72" ht="5.25" customHeight="1">
      <c r="D182" s="1309" t="s">
        <v>174</v>
      </c>
      <c r="E182" s="1310"/>
      <c r="F182" s="1310"/>
      <c r="G182" s="1310"/>
      <c r="H182" s="1310"/>
      <c r="I182" s="1310"/>
      <c r="J182" s="1310"/>
      <c r="K182" s="1310"/>
      <c r="L182" s="1310"/>
      <c r="M182" s="1310"/>
      <c r="N182" s="1310"/>
      <c r="O182" s="1310"/>
      <c r="P182" s="1310"/>
      <c r="Q182" s="1310"/>
      <c r="R182" s="1311"/>
      <c r="S182" s="1145"/>
      <c r="T182" s="1146"/>
      <c r="U182" s="1146"/>
      <c r="V182" s="1146"/>
      <c r="W182" s="1146"/>
      <c r="X182" s="1146"/>
      <c r="Y182" s="1146"/>
      <c r="Z182" s="1146"/>
      <c r="AA182" s="1146"/>
      <c r="AB182" s="1146"/>
      <c r="AC182" s="1146"/>
      <c r="AD182" s="1318"/>
      <c r="AE182" s="78"/>
      <c r="AF182" s="78"/>
      <c r="AG182" s="78"/>
      <c r="AH182" s="78"/>
      <c r="AI182" s="78"/>
      <c r="AJ182" s="78"/>
      <c r="AK182" s="78"/>
      <c r="AL182" s="78"/>
      <c r="AM182" s="78"/>
      <c r="AN182" s="91"/>
      <c r="BQ182" s="82"/>
      <c r="BR182" s="82"/>
      <c r="BS182" s="82"/>
      <c r="BT182" s="79"/>
    </row>
    <row r="183" spans="1:72" ht="5.25" customHeight="1">
      <c r="D183" s="1262"/>
      <c r="E183" s="1263"/>
      <c r="F183" s="1263"/>
      <c r="G183" s="1263"/>
      <c r="H183" s="1263"/>
      <c r="I183" s="1263"/>
      <c r="J183" s="1263"/>
      <c r="K183" s="1263"/>
      <c r="L183" s="1263"/>
      <c r="M183" s="1263"/>
      <c r="N183" s="1263"/>
      <c r="O183" s="1263"/>
      <c r="P183" s="1263"/>
      <c r="Q183" s="1263"/>
      <c r="R183" s="1264"/>
      <c r="S183" s="1148"/>
      <c r="T183" s="1149"/>
      <c r="U183" s="1149"/>
      <c r="V183" s="1149"/>
      <c r="W183" s="1149"/>
      <c r="X183" s="1149"/>
      <c r="Y183" s="1149"/>
      <c r="Z183" s="1149"/>
      <c r="AA183" s="1149"/>
      <c r="AB183" s="1149"/>
      <c r="AC183" s="1149"/>
      <c r="AD183" s="1319"/>
      <c r="AE183" s="78"/>
      <c r="AF183" s="78"/>
      <c r="AG183" s="78"/>
      <c r="AH183" s="78"/>
      <c r="AI183" s="78"/>
      <c r="AJ183" s="78"/>
      <c r="AK183" s="78"/>
      <c r="AL183" s="78"/>
      <c r="AM183" s="78"/>
      <c r="AN183" s="91"/>
      <c r="BQ183" s="82"/>
      <c r="BR183" s="82"/>
      <c r="BS183" s="82"/>
      <c r="BT183" s="79"/>
    </row>
    <row r="184" spans="1:72" ht="5.25" customHeight="1">
      <c r="D184" s="1262"/>
      <c r="E184" s="1263"/>
      <c r="F184" s="1263"/>
      <c r="G184" s="1263"/>
      <c r="H184" s="1263"/>
      <c r="I184" s="1263"/>
      <c r="J184" s="1263"/>
      <c r="K184" s="1263"/>
      <c r="L184" s="1263"/>
      <c r="M184" s="1263"/>
      <c r="N184" s="1263"/>
      <c r="O184" s="1263"/>
      <c r="P184" s="1263"/>
      <c r="Q184" s="1263"/>
      <c r="R184" s="1264"/>
      <c r="S184" s="1148"/>
      <c r="T184" s="1149"/>
      <c r="U184" s="1149"/>
      <c r="V184" s="1149"/>
      <c r="W184" s="1149"/>
      <c r="X184" s="1149"/>
      <c r="Y184" s="1149"/>
      <c r="Z184" s="1149"/>
      <c r="AA184" s="1149"/>
      <c r="AB184" s="1149"/>
      <c r="AC184" s="1149"/>
      <c r="AD184" s="1319"/>
      <c r="AE184" s="78"/>
      <c r="AF184" s="78"/>
      <c r="AG184" s="78"/>
      <c r="AH184" s="78"/>
      <c r="AI184" s="78"/>
      <c r="AJ184" s="78"/>
      <c r="AK184" s="78"/>
      <c r="AL184" s="78"/>
      <c r="AM184" s="78"/>
      <c r="AN184" s="91"/>
      <c r="BQ184" s="82"/>
      <c r="BR184" s="82"/>
      <c r="BS184" s="82"/>
      <c r="BT184" s="79"/>
    </row>
    <row r="185" spans="1:72" ht="5.25" customHeight="1">
      <c r="D185" s="1315"/>
      <c r="E185" s="1316"/>
      <c r="F185" s="1316"/>
      <c r="G185" s="1316"/>
      <c r="H185" s="1316"/>
      <c r="I185" s="1316"/>
      <c r="J185" s="1316"/>
      <c r="K185" s="1316"/>
      <c r="L185" s="1316"/>
      <c r="M185" s="1316"/>
      <c r="N185" s="1316"/>
      <c r="O185" s="1316"/>
      <c r="P185" s="1316"/>
      <c r="Q185" s="1316"/>
      <c r="R185" s="1317"/>
      <c r="S185" s="1178"/>
      <c r="T185" s="1179"/>
      <c r="U185" s="1179"/>
      <c r="V185" s="1179"/>
      <c r="W185" s="1179"/>
      <c r="X185" s="1179"/>
      <c r="Y185" s="1179"/>
      <c r="Z185" s="1179"/>
      <c r="AA185" s="1179"/>
      <c r="AB185" s="1179"/>
      <c r="AC185" s="1179"/>
      <c r="AD185" s="1320"/>
      <c r="AE185" s="78"/>
      <c r="AF185" s="78"/>
      <c r="AG185" s="78"/>
      <c r="AH185" s="78"/>
      <c r="AI185" s="78"/>
      <c r="AJ185" s="78"/>
      <c r="AK185" s="78"/>
      <c r="AL185" s="78"/>
      <c r="AM185" s="78"/>
      <c r="AN185" s="91"/>
      <c r="BQ185" s="82"/>
      <c r="BR185" s="82"/>
      <c r="BS185" s="82"/>
      <c r="BT185" s="79"/>
    </row>
    <row r="186" spans="1:72" ht="5.25" customHeight="1">
      <c r="D186" s="78"/>
      <c r="E186" s="78"/>
      <c r="F186" s="78"/>
      <c r="G186" s="78"/>
      <c r="H186" s="78"/>
      <c r="I186" s="78"/>
      <c r="J186" s="78"/>
      <c r="K186" s="78"/>
      <c r="L186" s="78"/>
      <c r="M186" s="78"/>
      <c r="N186" s="78"/>
      <c r="O186" s="78"/>
      <c r="P186" s="78"/>
      <c r="Q186" s="78"/>
      <c r="R186" s="78"/>
      <c r="S186" s="78"/>
      <c r="T186" s="78"/>
      <c r="U186" s="78"/>
      <c r="V186" s="78"/>
      <c r="W186" s="78"/>
      <c r="X186" s="78"/>
      <c r="Y186" s="78"/>
      <c r="Z186" s="78"/>
      <c r="AA186" s="78"/>
      <c r="AB186" s="78"/>
      <c r="AC186" s="78"/>
      <c r="AD186" s="78"/>
      <c r="AE186" s="78"/>
      <c r="AF186" s="78"/>
      <c r="AG186" s="78"/>
      <c r="AH186" s="78"/>
      <c r="AI186" s="78"/>
      <c r="AJ186" s="78"/>
      <c r="AK186" s="78"/>
      <c r="AL186" s="78"/>
      <c r="AM186" s="78"/>
      <c r="AN186" s="91"/>
      <c r="BQ186" s="82"/>
      <c r="BR186" s="82"/>
      <c r="BS186" s="82"/>
      <c r="BT186" s="79"/>
    </row>
    <row r="187" spans="1:72" ht="5.25" customHeight="1">
      <c r="D187" s="273"/>
      <c r="E187" s="273"/>
      <c r="F187" s="273"/>
      <c r="G187" s="273"/>
      <c r="H187" s="273"/>
      <c r="I187" s="273"/>
      <c r="J187" s="273"/>
      <c r="K187" s="273"/>
      <c r="L187" s="273"/>
      <c r="M187" s="273"/>
      <c r="N187" s="273"/>
      <c r="O187" s="273"/>
      <c r="P187" s="273"/>
      <c r="Q187" s="273"/>
      <c r="R187" s="273"/>
      <c r="S187" s="273"/>
      <c r="T187" s="273"/>
      <c r="U187" s="273"/>
      <c r="V187" s="273"/>
      <c r="W187" s="273"/>
      <c r="X187" s="90"/>
      <c r="Y187" s="90"/>
      <c r="Z187" s="90"/>
      <c r="AA187" s="90"/>
      <c r="AB187" s="90"/>
      <c r="AC187" s="90"/>
      <c r="AD187" s="90"/>
      <c r="AE187" s="90"/>
      <c r="AF187" s="90"/>
      <c r="AG187" s="90"/>
      <c r="AH187" s="90"/>
      <c r="AI187" s="90"/>
      <c r="AJ187" s="90"/>
      <c r="AK187" s="90"/>
      <c r="AL187" s="90"/>
      <c r="AM187" s="90"/>
      <c r="AN187" s="84"/>
      <c r="AO187" s="340"/>
      <c r="AP187" s="340"/>
      <c r="AQ187" s="340"/>
      <c r="AR187" s="340"/>
      <c r="AS187" s="340"/>
      <c r="AT187" s="340"/>
      <c r="AU187" s="340"/>
      <c r="AV187" s="340"/>
      <c r="AW187" s="340"/>
      <c r="AX187" s="340"/>
      <c r="AY187" s="340"/>
      <c r="AZ187" s="340"/>
      <c r="BA187" s="341"/>
      <c r="BB187" s="342"/>
      <c r="BC187" s="342"/>
      <c r="BD187" s="342"/>
      <c r="BE187" s="342"/>
      <c r="BF187" s="341"/>
      <c r="BG187" s="341"/>
      <c r="BH187" s="341"/>
      <c r="BI187" s="341"/>
      <c r="BJ187" s="341"/>
      <c r="BK187" s="341"/>
      <c r="BL187" s="341"/>
      <c r="BM187" s="341"/>
      <c r="BN187" s="341"/>
      <c r="BO187" s="341"/>
      <c r="BP187" s="82"/>
      <c r="BQ187" s="82"/>
      <c r="BR187" s="82"/>
      <c r="BS187" s="82"/>
      <c r="BT187" s="79"/>
    </row>
    <row r="188" spans="1:72" ht="5.25" customHeight="1">
      <c r="D188" s="273"/>
      <c r="E188" s="273"/>
      <c r="F188" s="273"/>
      <c r="G188" s="273"/>
      <c r="H188" s="273"/>
      <c r="I188" s="273"/>
      <c r="J188" s="273"/>
      <c r="K188" s="273"/>
      <c r="L188" s="273"/>
      <c r="M188" s="273"/>
      <c r="N188" s="273"/>
      <c r="O188" s="273"/>
      <c r="P188" s="273"/>
      <c r="Q188" s="273"/>
      <c r="R188" s="273"/>
      <c r="S188" s="273"/>
      <c r="T188" s="273"/>
      <c r="U188" s="273"/>
      <c r="V188" s="273"/>
      <c r="W188" s="273"/>
      <c r="X188" s="90"/>
      <c r="Y188" s="90"/>
      <c r="Z188" s="90"/>
      <c r="AA188" s="90"/>
      <c r="AB188" s="90"/>
      <c r="AC188" s="90"/>
      <c r="AD188" s="90"/>
      <c r="AE188" s="90"/>
      <c r="AF188" s="90"/>
      <c r="AG188" s="90"/>
      <c r="AH188" s="90"/>
      <c r="AI188" s="90"/>
      <c r="AJ188" s="90"/>
      <c r="AK188" s="90"/>
      <c r="AL188" s="90"/>
      <c r="AM188" s="90"/>
      <c r="AN188" s="84"/>
      <c r="BP188" s="82"/>
      <c r="BQ188" s="82"/>
      <c r="BR188" s="82"/>
      <c r="BS188" s="82"/>
      <c r="BT188" s="79"/>
    </row>
    <row r="189" spans="1:72" ht="5.25" customHeight="1">
      <c r="D189" s="273"/>
      <c r="E189" s="273"/>
      <c r="F189" s="273"/>
      <c r="G189" s="273"/>
      <c r="H189" s="273"/>
      <c r="I189" s="273"/>
      <c r="J189" s="273"/>
      <c r="K189" s="273"/>
      <c r="L189" s="273"/>
      <c r="M189" s="273"/>
      <c r="N189" s="273"/>
      <c r="O189" s="273"/>
      <c r="P189" s="273"/>
      <c r="Q189" s="273"/>
      <c r="R189" s="273"/>
      <c r="S189" s="273"/>
      <c r="T189" s="273"/>
      <c r="U189" s="273"/>
      <c r="V189" s="273"/>
      <c r="W189" s="273"/>
      <c r="X189" s="90"/>
      <c r="Y189" s="90"/>
      <c r="Z189" s="90"/>
      <c r="AA189" s="90"/>
      <c r="AB189" s="90"/>
      <c r="AC189" s="90"/>
      <c r="AD189" s="90"/>
      <c r="AE189" s="90"/>
      <c r="AF189" s="90"/>
      <c r="AG189" s="90"/>
      <c r="AH189" s="90"/>
      <c r="AI189" s="90"/>
      <c r="AJ189" s="90"/>
      <c r="AK189" s="90"/>
      <c r="AL189" s="90"/>
      <c r="AM189" s="90"/>
      <c r="AN189" s="84"/>
      <c r="BP189" s="82"/>
      <c r="BQ189" s="82"/>
      <c r="BR189" s="82"/>
      <c r="BS189" s="82"/>
      <c r="BT189" s="79"/>
    </row>
    <row r="190" spans="1:72" ht="5.25" customHeight="1">
      <c r="D190" s="273"/>
      <c r="E190" s="273"/>
      <c r="F190" s="273"/>
      <c r="G190" s="273"/>
      <c r="H190" s="273"/>
      <c r="I190" s="273"/>
      <c r="J190" s="273"/>
      <c r="K190" s="273"/>
      <c r="L190" s="273"/>
      <c r="M190" s="273"/>
      <c r="N190" s="273"/>
      <c r="O190" s="273"/>
      <c r="P190" s="273"/>
      <c r="Q190" s="273"/>
      <c r="R190" s="273"/>
      <c r="S190" s="273"/>
      <c r="T190" s="273"/>
      <c r="U190" s="273"/>
      <c r="V190" s="273"/>
      <c r="W190" s="273"/>
      <c r="X190" s="90"/>
      <c r="Y190" s="90"/>
      <c r="Z190" s="90"/>
      <c r="AA190" s="90"/>
      <c r="AB190" s="90"/>
      <c r="AC190" s="90"/>
      <c r="AD190" s="90"/>
      <c r="AE190" s="90"/>
      <c r="AF190" s="90"/>
      <c r="AG190" s="90"/>
      <c r="AH190" s="90"/>
      <c r="AI190" s="90"/>
      <c r="AJ190" s="90"/>
      <c r="AK190" s="90"/>
      <c r="AL190" s="90"/>
      <c r="AM190" s="90"/>
      <c r="AN190" s="84"/>
      <c r="BQ190" s="82"/>
      <c r="BR190" s="82"/>
      <c r="BS190" s="82"/>
      <c r="BT190" s="79"/>
    </row>
    <row r="191" spans="1:72" ht="5.25" customHeight="1">
      <c r="A191" s="87"/>
      <c r="B191" s="87"/>
      <c r="C191" s="87"/>
      <c r="D191" s="87"/>
      <c r="E191" s="87"/>
      <c r="F191" s="87"/>
      <c r="G191" s="87"/>
      <c r="H191" s="87"/>
      <c r="I191" s="87"/>
      <c r="J191" s="87"/>
      <c r="K191" s="87"/>
      <c r="L191" s="87"/>
      <c r="M191" s="87"/>
      <c r="N191" s="87"/>
      <c r="O191" s="87"/>
      <c r="P191" s="87"/>
      <c r="Q191" s="87"/>
      <c r="R191" s="87"/>
      <c r="S191" s="87"/>
      <c r="T191" s="87"/>
      <c r="U191" s="87"/>
      <c r="V191" s="87"/>
      <c r="W191" s="87"/>
      <c r="X191" s="87"/>
      <c r="Y191" s="87"/>
      <c r="Z191" s="87"/>
      <c r="AA191" s="89"/>
      <c r="AB191" s="1321" t="s">
        <v>23</v>
      </c>
      <c r="AC191" s="1321"/>
      <c r="AD191" s="1321"/>
      <c r="AE191" s="1321"/>
      <c r="AF191" s="1321"/>
      <c r="AG191" s="1321"/>
      <c r="AH191" s="1321"/>
      <c r="AI191" s="1321"/>
      <c r="AJ191" s="1321"/>
      <c r="AK191" s="1321"/>
      <c r="AL191" s="1321"/>
      <c r="AM191" s="1321"/>
      <c r="AN191" s="1321"/>
      <c r="AO191" s="1321"/>
      <c r="AP191" s="1321"/>
      <c r="AQ191" s="88"/>
      <c r="AR191" s="88"/>
      <c r="AS191" s="88"/>
      <c r="AT191" s="88"/>
      <c r="AU191" s="87"/>
      <c r="AV191" s="87"/>
      <c r="AW191" s="87"/>
      <c r="AX191" s="87"/>
      <c r="AY191" s="87"/>
      <c r="AZ191" s="87"/>
      <c r="BA191" s="87"/>
      <c r="BB191" s="87"/>
      <c r="BC191" s="87"/>
      <c r="BD191" s="87"/>
      <c r="BE191" s="87"/>
      <c r="BF191" s="87"/>
      <c r="BG191" s="87"/>
      <c r="BH191" s="87"/>
      <c r="BI191" s="87"/>
      <c r="BJ191" s="87"/>
      <c r="BK191" s="87"/>
      <c r="BL191" s="87"/>
      <c r="BM191" s="87"/>
      <c r="BN191" s="87"/>
      <c r="BO191" s="87"/>
      <c r="BP191" s="87"/>
      <c r="BQ191" s="87"/>
      <c r="BR191" s="87"/>
      <c r="BS191" s="87"/>
      <c r="BT191" s="87"/>
    </row>
    <row r="192" spans="1:72" ht="5.25" customHeight="1">
      <c r="A192" s="302"/>
      <c r="B192" s="302"/>
      <c r="C192" s="302"/>
      <c r="D192" s="302"/>
      <c r="E192" s="302"/>
      <c r="F192" s="302"/>
      <c r="G192" s="302"/>
      <c r="H192" s="302"/>
      <c r="I192" s="302"/>
      <c r="J192" s="302"/>
      <c r="K192" s="302"/>
      <c r="L192" s="302"/>
      <c r="M192" s="302"/>
      <c r="N192" s="302"/>
      <c r="O192" s="302"/>
      <c r="P192" s="302"/>
      <c r="Q192" s="302"/>
      <c r="R192" s="302"/>
      <c r="S192" s="302"/>
      <c r="T192" s="302"/>
      <c r="U192" s="302"/>
      <c r="V192" s="302"/>
      <c r="W192" s="302"/>
      <c r="X192" s="302"/>
      <c r="Y192" s="302"/>
      <c r="Z192" s="86"/>
      <c r="AA192" s="334"/>
      <c r="AB192" s="1321"/>
      <c r="AC192" s="1321"/>
      <c r="AD192" s="1321"/>
      <c r="AE192" s="1321"/>
      <c r="AF192" s="1321"/>
      <c r="AG192" s="1321"/>
      <c r="AH192" s="1321"/>
      <c r="AI192" s="1321"/>
      <c r="AJ192" s="1321"/>
      <c r="AK192" s="1321"/>
      <c r="AL192" s="1321"/>
      <c r="AM192" s="1321"/>
      <c r="AN192" s="1321"/>
      <c r="AO192" s="1321"/>
      <c r="AP192" s="1321"/>
      <c r="AQ192" s="86"/>
      <c r="AR192" s="86"/>
      <c r="AS192" s="86"/>
      <c r="AT192" s="86"/>
      <c r="AU192" s="302"/>
      <c r="AV192" s="302"/>
      <c r="AW192" s="302"/>
      <c r="AX192" s="302"/>
      <c r="AY192" s="302"/>
      <c r="AZ192" s="302"/>
      <c r="BA192" s="302"/>
      <c r="BB192" s="302"/>
      <c r="BC192" s="302"/>
      <c r="BD192" s="302"/>
      <c r="BE192" s="302"/>
      <c r="BF192" s="302"/>
      <c r="BG192" s="85"/>
      <c r="BH192" s="85"/>
      <c r="BI192" s="85"/>
      <c r="BJ192" s="85"/>
      <c r="BK192" s="85"/>
      <c r="BL192" s="85"/>
      <c r="BM192" s="85"/>
      <c r="BN192" s="85"/>
      <c r="BO192" s="85"/>
      <c r="BP192" s="85"/>
      <c r="BQ192" s="85"/>
      <c r="BR192" s="85"/>
      <c r="BS192" s="85"/>
      <c r="BT192" s="85"/>
    </row>
    <row r="193" spans="1:72" ht="5.25" customHeight="1">
      <c r="D193" s="84"/>
      <c r="E193" s="84"/>
      <c r="F193" s="84"/>
      <c r="G193" s="84"/>
      <c r="H193" s="84"/>
      <c r="I193" s="84"/>
      <c r="J193" s="84"/>
      <c r="K193" s="84"/>
      <c r="L193" s="84"/>
      <c r="M193" s="84"/>
      <c r="N193" s="84"/>
      <c r="O193" s="84"/>
      <c r="P193" s="84"/>
      <c r="Q193" s="84"/>
      <c r="R193" s="84"/>
      <c r="S193" s="84"/>
      <c r="T193" s="84"/>
      <c r="U193" s="84"/>
      <c r="V193" s="84"/>
      <c r="W193" s="84"/>
      <c r="X193" s="84"/>
      <c r="Y193" s="84"/>
      <c r="Z193" s="84"/>
      <c r="AA193" s="84"/>
      <c r="AB193" s="84"/>
      <c r="AC193" s="84"/>
      <c r="AD193" s="84"/>
      <c r="AE193" s="84"/>
      <c r="BQ193" s="82"/>
      <c r="BR193" s="82"/>
      <c r="BS193" s="82"/>
      <c r="BT193" s="79"/>
    </row>
    <row r="194" spans="1:72" ht="5.25" customHeight="1">
      <c r="A194" s="82"/>
      <c r="D194" s="84"/>
      <c r="E194" s="84"/>
      <c r="F194" s="84"/>
      <c r="G194" s="84"/>
      <c r="H194" s="84"/>
      <c r="I194" s="84"/>
      <c r="J194" s="84"/>
      <c r="K194" s="84"/>
      <c r="L194" s="84"/>
      <c r="M194" s="84"/>
      <c r="N194" s="84"/>
      <c r="O194" s="84"/>
      <c r="P194" s="84"/>
      <c r="Q194" s="84"/>
      <c r="R194" s="84"/>
      <c r="S194" s="84"/>
      <c r="T194" s="84"/>
      <c r="U194" s="84"/>
      <c r="V194" s="84"/>
      <c r="W194" s="84"/>
      <c r="X194" s="84"/>
      <c r="Y194" s="84"/>
      <c r="Z194" s="84"/>
      <c r="AA194" s="84"/>
      <c r="AB194" s="84"/>
      <c r="AC194" s="84"/>
      <c r="AD194" s="84"/>
      <c r="AE194" s="84"/>
      <c r="BQ194" s="82"/>
      <c r="BR194" s="82"/>
      <c r="BS194" s="82"/>
      <c r="BT194" s="84"/>
    </row>
    <row r="195" spans="1:72" ht="5.25" customHeight="1">
      <c r="A195" s="82"/>
      <c r="D195" s="84"/>
      <c r="Q195" s="82"/>
      <c r="R195" s="82"/>
      <c r="S195" s="82"/>
      <c r="T195" s="78"/>
      <c r="U195" s="78"/>
      <c r="V195" s="78"/>
      <c r="W195" s="78"/>
      <c r="X195" s="78"/>
      <c r="Y195" s="78"/>
      <c r="Z195" s="78"/>
      <c r="AA195" s="78"/>
      <c r="AB195" s="78"/>
      <c r="AC195" s="78"/>
      <c r="AD195" s="78"/>
      <c r="AE195" s="78"/>
      <c r="AF195" s="78"/>
      <c r="AG195" s="78"/>
      <c r="AH195" s="78"/>
      <c r="AI195" s="78"/>
      <c r="AJ195" s="78"/>
      <c r="AK195" s="78"/>
      <c r="AL195" s="78"/>
      <c r="AM195" s="78"/>
      <c r="AN195" s="78"/>
      <c r="BQ195" s="82"/>
      <c r="BR195" s="82"/>
      <c r="BS195" s="82"/>
      <c r="BT195" s="84"/>
    </row>
    <row r="196" spans="1:72" ht="5.25" customHeight="1">
      <c r="A196" s="82"/>
      <c r="Q196" s="82"/>
      <c r="R196" s="82"/>
      <c r="S196" s="82"/>
      <c r="T196" s="78"/>
      <c r="U196" s="78"/>
      <c r="V196" s="78"/>
      <c r="W196" s="78"/>
      <c r="X196" s="78"/>
      <c r="Y196" s="78"/>
      <c r="Z196" s="78"/>
      <c r="AA196" s="78"/>
      <c r="AB196" s="78"/>
      <c r="AC196" s="78"/>
      <c r="AD196" s="78"/>
      <c r="AE196" s="78"/>
      <c r="AF196" s="78"/>
      <c r="AG196" s="78"/>
      <c r="AH196" s="78"/>
      <c r="AI196" s="78"/>
      <c r="AJ196" s="78"/>
      <c r="AK196" s="78"/>
      <c r="AL196" s="78"/>
      <c r="AM196" s="78"/>
      <c r="AN196" s="78"/>
      <c r="AO196" s="78"/>
      <c r="AP196" s="78"/>
      <c r="AQ196" s="78"/>
      <c r="AR196" s="78"/>
      <c r="AS196" s="78"/>
      <c r="AT196" s="78"/>
      <c r="AU196" s="78"/>
      <c r="AV196" s="78"/>
      <c r="AW196" s="78"/>
      <c r="AX196" s="78"/>
      <c r="AY196" s="78"/>
      <c r="AZ196" s="78"/>
      <c r="BA196" s="78"/>
      <c r="BB196" s="78"/>
      <c r="BC196" s="78"/>
      <c r="BD196" s="78"/>
      <c r="BE196" s="78"/>
      <c r="BF196" s="78"/>
      <c r="BG196" s="78"/>
      <c r="BH196" s="78"/>
      <c r="BI196" s="78"/>
      <c r="BJ196" s="78"/>
      <c r="BK196" s="78"/>
      <c r="BL196" s="78"/>
      <c r="BM196" s="78"/>
      <c r="BN196" s="78"/>
      <c r="BO196" s="78"/>
      <c r="BQ196" s="82"/>
      <c r="BR196" s="82"/>
      <c r="BS196" s="82"/>
    </row>
    <row r="197" spans="1:72" ht="5.25" customHeight="1">
      <c r="A197" s="82"/>
      <c r="Q197" s="82"/>
      <c r="R197" s="82"/>
      <c r="S197" s="82"/>
      <c r="T197" s="78"/>
      <c r="U197" s="78"/>
      <c r="V197" s="78"/>
      <c r="W197" s="78"/>
      <c r="X197" s="78"/>
      <c r="Y197" s="78"/>
      <c r="Z197" s="78"/>
      <c r="AA197" s="78"/>
      <c r="AB197" s="78"/>
      <c r="AC197" s="78"/>
      <c r="AD197" s="78"/>
      <c r="AE197" s="78"/>
      <c r="AF197" s="78"/>
      <c r="AG197" s="78"/>
      <c r="AH197" s="78"/>
      <c r="AI197" s="78"/>
      <c r="AJ197" s="78"/>
      <c r="AK197" s="78"/>
      <c r="AL197" s="78"/>
      <c r="AM197" s="78"/>
      <c r="AN197" s="78"/>
      <c r="AO197" s="78"/>
      <c r="AP197" s="78"/>
      <c r="AQ197" s="78"/>
      <c r="AR197" s="78"/>
      <c r="AS197" s="78"/>
      <c r="AT197" s="78"/>
      <c r="AU197" s="78"/>
      <c r="AV197" s="78"/>
      <c r="AW197" s="78"/>
      <c r="AX197" s="78"/>
      <c r="AY197" s="78"/>
      <c r="AZ197" s="78"/>
      <c r="BA197" s="78"/>
      <c r="BB197" s="78"/>
      <c r="BC197" s="78"/>
      <c r="BD197" s="78"/>
      <c r="BE197" s="78"/>
      <c r="BF197" s="78"/>
      <c r="BG197" s="78"/>
      <c r="BH197" s="78"/>
      <c r="BI197" s="78"/>
      <c r="BJ197" s="78"/>
      <c r="BK197" s="78"/>
      <c r="BL197" s="78"/>
      <c r="BM197" s="78"/>
      <c r="BN197" s="78"/>
      <c r="BO197" s="78"/>
      <c r="BQ197" s="82"/>
      <c r="BR197" s="82"/>
      <c r="BS197" s="82"/>
    </row>
    <row r="198" spans="1:72" ht="5.25" customHeight="1">
      <c r="A198" s="82"/>
      <c r="Q198" s="82"/>
      <c r="R198" s="82"/>
      <c r="S198" s="82"/>
      <c r="T198" s="78"/>
      <c r="U198" s="78"/>
      <c r="V198" s="78"/>
      <c r="W198" s="78"/>
      <c r="X198" s="78"/>
      <c r="Y198" s="78"/>
      <c r="Z198" s="78"/>
      <c r="AA198" s="78"/>
      <c r="AB198" s="78"/>
      <c r="AC198" s="78"/>
      <c r="AD198" s="78"/>
      <c r="AE198" s="78"/>
      <c r="AF198" s="78"/>
      <c r="AG198" s="78"/>
      <c r="AH198" s="78"/>
      <c r="AI198" s="78"/>
      <c r="AJ198" s="78"/>
      <c r="AK198" s="78"/>
      <c r="AL198" s="78"/>
      <c r="AM198" s="78"/>
      <c r="AN198" s="78"/>
      <c r="AO198" s="78"/>
      <c r="AP198" s="78"/>
      <c r="AQ198" s="78"/>
      <c r="AR198" s="78"/>
      <c r="AS198" s="78"/>
      <c r="AT198" s="78"/>
      <c r="AU198" s="78"/>
      <c r="AV198" s="78"/>
      <c r="AW198" s="78"/>
      <c r="AX198" s="78"/>
      <c r="AY198" s="78"/>
      <c r="AZ198" s="78"/>
      <c r="BA198" s="78"/>
      <c r="BB198" s="78"/>
      <c r="BC198" s="78"/>
      <c r="BD198" s="78"/>
      <c r="BE198" s="78"/>
      <c r="BF198" s="78"/>
      <c r="BG198" s="78"/>
      <c r="BH198" s="78"/>
      <c r="BI198" s="78"/>
      <c r="BJ198" s="78"/>
      <c r="BK198" s="78"/>
      <c r="BL198" s="78"/>
      <c r="BM198" s="78"/>
      <c r="BN198" s="78"/>
      <c r="BO198" s="78"/>
      <c r="BQ198" s="82"/>
      <c r="BR198" s="82"/>
      <c r="BS198" s="82"/>
    </row>
    <row r="199" spans="1:72" ht="5.25" customHeight="1">
      <c r="A199" s="82"/>
      <c r="D199" s="82"/>
      <c r="Q199" s="82"/>
      <c r="R199" s="82"/>
      <c r="S199" s="82"/>
      <c r="T199" s="78"/>
      <c r="U199" s="78"/>
      <c r="V199" s="78"/>
      <c r="W199" s="78"/>
      <c r="X199" s="78"/>
      <c r="Y199" s="78"/>
      <c r="Z199" s="78"/>
      <c r="AA199" s="78"/>
      <c r="AB199" s="78"/>
      <c r="AC199" s="78"/>
      <c r="AD199" s="78"/>
      <c r="AE199" s="78"/>
      <c r="AF199" s="78"/>
      <c r="AG199" s="78"/>
      <c r="AH199" s="78"/>
      <c r="AI199" s="78"/>
      <c r="AJ199" s="78"/>
      <c r="AK199" s="78"/>
      <c r="AL199" s="78"/>
      <c r="AM199" s="78"/>
      <c r="AN199" s="78"/>
      <c r="AO199" s="78"/>
      <c r="AP199" s="78"/>
      <c r="AQ199" s="78"/>
      <c r="AR199" s="78"/>
      <c r="AS199" s="78"/>
      <c r="AT199" s="78"/>
      <c r="AU199" s="78"/>
      <c r="AV199" s="78"/>
      <c r="AW199" s="78"/>
      <c r="AX199" s="78"/>
      <c r="AY199" s="78"/>
      <c r="AZ199" s="78"/>
      <c r="BA199" s="78"/>
      <c r="BB199" s="78"/>
      <c r="BC199" s="78"/>
      <c r="BD199" s="78"/>
      <c r="BE199" s="78"/>
      <c r="BF199" s="78"/>
      <c r="BG199" s="78"/>
      <c r="BH199" s="78"/>
      <c r="BI199" s="78"/>
      <c r="BJ199" s="78"/>
      <c r="BK199" s="78"/>
      <c r="BL199" s="78"/>
      <c r="BM199" s="78"/>
      <c r="BN199" s="78"/>
      <c r="BO199" s="78"/>
      <c r="BR199" s="82"/>
      <c r="BS199" s="82"/>
    </row>
    <row r="200" spans="1:72" ht="7.5" customHeight="1">
      <c r="A200" s="82"/>
      <c r="D200" s="84"/>
      <c r="Q200" s="82"/>
      <c r="R200" s="82"/>
      <c r="S200" s="82"/>
      <c r="T200" s="78"/>
      <c r="U200" s="78"/>
      <c r="V200" s="78"/>
      <c r="W200" s="78"/>
      <c r="X200" s="78"/>
      <c r="Y200" s="78"/>
      <c r="Z200" s="78"/>
      <c r="AA200" s="78"/>
      <c r="AB200" s="78"/>
      <c r="AC200" s="78"/>
      <c r="AD200" s="78"/>
      <c r="AE200" s="78"/>
      <c r="AF200" s="78"/>
      <c r="AG200" s="78"/>
      <c r="AH200" s="78"/>
      <c r="AI200" s="78"/>
      <c r="AJ200" s="78"/>
      <c r="AK200" s="78"/>
      <c r="AL200" s="78"/>
      <c r="AM200" s="78"/>
      <c r="AN200" s="78"/>
      <c r="AO200" s="78"/>
      <c r="AP200" s="78"/>
      <c r="AQ200" s="78"/>
      <c r="AR200" s="78"/>
      <c r="AS200" s="78"/>
      <c r="AT200" s="78"/>
      <c r="AU200" s="78"/>
      <c r="AV200" s="78"/>
      <c r="AW200" s="78"/>
      <c r="AX200" s="78"/>
      <c r="AY200" s="78"/>
      <c r="AZ200" s="78"/>
      <c r="BA200" s="78"/>
      <c r="BB200" s="78"/>
      <c r="BC200" s="78"/>
      <c r="BD200" s="78"/>
      <c r="BE200" s="78"/>
      <c r="BF200" s="78"/>
      <c r="BG200" s="78"/>
      <c r="BH200" s="78"/>
      <c r="BI200" s="78"/>
      <c r="BJ200" s="78"/>
      <c r="BK200" s="78"/>
      <c r="BL200" s="78"/>
      <c r="BM200" s="78"/>
      <c r="BN200" s="78"/>
      <c r="BO200" s="78"/>
      <c r="BR200" s="82"/>
      <c r="BS200" s="82"/>
    </row>
    <row r="201" spans="1:72" ht="5.25" customHeight="1">
      <c r="A201" s="82"/>
      <c r="D201" s="84"/>
      <c r="Q201" s="82"/>
      <c r="R201" s="82"/>
      <c r="S201" s="82"/>
      <c r="T201" s="78"/>
      <c r="U201" s="78"/>
      <c r="V201" s="78"/>
      <c r="W201" s="78"/>
      <c r="X201" s="78"/>
      <c r="Y201" s="78"/>
      <c r="Z201" s="78"/>
      <c r="AA201" s="78"/>
      <c r="AB201" s="78"/>
      <c r="AC201" s="78"/>
      <c r="AD201" s="78"/>
      <c r="AE201" s="78"/>
      <c r="AF201" s="78"/>
      <c r="AG201" s="78"/>
      <c r="AH201" s="78"/>
      <c r="AI201" s="78"/>
      <c r="AJ201" s="78"/>
      <c r="AK201" s="78"/>
      <c r="AL201" s="78"/>
      <c r="AM201" s="78"/>
      <c r="AN201" s="78"/>
      <c r="AO201" s="78"/>
      <c r="AP201" s="78"/>
      <c r="AQ201" s="78"/>
      <c r="AR201" s="78"/>
      <c r="AS201" s="78"/>
      <c r="AT201" s="78"/>
      <c r="AU201" s="78"/>
      <c r="AV201" s="78"/>
      <c r="AW201" s="78"/>
      <c r="AX201" s="78"/>
      <c r="AY201" s="78"/>
      <c r="AZ201" s="78"/>
      <c r="BA201" s="78"/>
      <c r="BB201" s="78"/>
      <c r="BC201" s="78"/>
      <c r="BD201" s="78"/>
      <c r="BE201" s="78"/>
      <c r="BF201" s="78"/>
      <c r="BG201" s="78"/>
      <c r="BH201" s="78"/>
      <c r="BI201" s="78"/>
      <c r="BJ201" s="78"/>
      <c r="BK201" s="78"/>
      <c r="BL201" s="78"/>
      <c r="BM201" s="78"/>
      <c r="BN201" s="78"/>
      <c r="BO201" s="78"/>
    </row>
    <row r="202" spans="1:72" ht="5.25" customHeight="1">
      <c r="A202" s="82"/>
      <c r="D202" s="84"/>
      <c r="E202" s="84"/>
      <c r="F202" s="84"/>
      <c r="G202" s="84"/>
      <c r="H202" s="84"/>
      <c r="I202" s="84"/>
      <c r="J202" s="84"/>
      <c r="K202" s="84"/>
      <c r="L202" s="84"/>
      <c r="M202" s="84"/>
      <c r="N202" s="84"/>
      <c r="O202" s="84"/>
      <c r="P202" s="84"/>
      <c r="Q202" s="83"/>
      <c r="R202" s="83"/>
      <c r="S202" s="82"/>
      <c r="T202" s="78"/>
      <c r="U202" s="78"/>
      <c r="V202" s="78"/>
      <c r="W202" s="78"/>
      <c r="X202" s="78"/>
      <c r="Y202" s="78"/>
      <c r="Z202" s="78"/>
      <c r="AA202" s="78"/>
      <c r="AB202" s="78"/>
      <c r="AC202" s="78"/>
      <c r="AD202" s="78"/>
      <c r="AE202" s="78"/>
      <c r="AF202" s="78"/>
      <c r="AG202" s="78"/>
      <c r="AH202" s="78"/>
      <c r="AI202" s="78"/>
      <c r="AJ202" s="78"/>
      <c r="AK202" s="78"/>
      <c r="AL202" s="78"/>
      <c r="AM202" s="78"/>
      <c r="AN202" s="78"/>
      <c r="AO202" s="78"/>
      <c r="AP202" s="78"/>
      <c r="AQ202" s="78"/>
      <c r="AR202" s="78"/>
      <c r="AS202" s="78"/>
      <c r="AT202" s="78"/>
      <c r="AU202" s="78"/>
      <c r="AV202" s="78"/>
      <c r="AW202" s="78"/>
      <c r="AX202" s="78"/>
      <c r="AY202" s="78"/>
      <c r="AZ202" s="78"/>
      <c r="BA202" s="78"/>
      <c r="BB202" s="78"/>
      <c r="BC202" s="78"/>
      <c r="BD202" s="78"/>
      <c r="BE202" s="78"/>
      <c r="BF202" s="78"/>
      <c r="BG202" s="78"/>
      <c r="BH202" s="78"/>
      <c r="BI202" s="78"/>
      <c r="BJ202" s="78"/>
      <c r="BK202" s="78"/>
      <c r="BL202" s="78"/>
      <c r="BM202" s="78"/>
      <c r="BN202" s="78"/>
      <c r="BO202" s="78"/>
    </row>
    <row r="203" spans="1:72" ht="5.25" customHeight="1">
      <c r="A203" s="82"/>
      <c r="Q203" s="81"/>
      <c r="R203" s="81"/>
      <c r="S203" s="78"/>
      <c r="T203" s="78"/>
      <c r="U203" s="78"/>
      <c r="V203" s="78"/>
      <c r="W203" s="78"/>
      <c r="X203" s="78"/>
      <c r="Y203" s="78"/>
      <c r="Z203" s="78"/>
      <c r="AA203" s="78"/>
      <c r="AB203" s="78"/>
      <c r="AC203" s="78"/>
      <c r="AD203" s="78"/>
      <c r="AE203" s="78"/>
      <c r="AF203" s="78"/>
      <c r="AG203" s="78"/>
      <c r="AH203" s="78"/>
      <c r="AI203" s="78"/>
      <c r="AJ203" s="78"/>
      <c r="AK203" s="78"/>
      <c r="AL203" s="78"/>
      <c r="AM203" s="78"/>
      <c r="AN203" s="78"/>
      <c r="AO203" s="78"/>
      <c r="AP203" s="78"/>
      <c r="AQ203" s="78"/>
      <c r="AR203" s="78"/>
      <c r="AS203" s="78"/>
      <c r="AT203" s="78"/>
      <c r="AU203" s="78"/>
      <c r="AV203" s="78"/>
      <c r="AW203" s="78"/>
      <c r="AX203" s="78"/>
      <c r="AY203" s="78"/>
      <c r="AZ203" s="78"/>
      <c r="BA203" s="78"/>
      <c r="BB203" s="78"/>
      <c r="BC203" s="78"/>
      <c r="BD203" s="78"/>
      <c r="BE203" s="78"/>
      <c r="BF203" s="78"/>
      <c r="BG203" s="78"/>
      <c r="BH203" s="78"/>
      <c r="BI203" s="78"/>
      <c r="BJ203" s="78"/>
      <c r="BK203" s="78"/>
      <c r="BL203" s="78"/>
      <c r="BM203" s="78"/>
      <c r="BN203" s="78"/>
      <c r="BO203" s="78"/>
    </row>
    <row r="204" spans="1:72" ht="5.25" customHeight="1">
      <c r="A204" s="82"/>
      <c r="Q204" s="81"/>
      <c r="R204" s="81"/>
      <c r="S204" s="78"/>
      <c r="T204" s="78"/>
      <c r="U204" s="78"/>
      <c r="V204" s="78"/>
      <c r="W204" s="78"/>
      <c r="X204" s="78"/>
      <c r="Y204" s="78"/>
      <c r="Z204" s="78"/>
      <c r="AA204" s="78"/>
      <c r="AB204" s="78"/>
      <c r="AC204" s="78"/>
      <c r="AD204" s="78"/>
      <c r="AE204" s="78"/>
      <c r="AF204" s="78"/>
      <c r="AG204" s="78"/>
      <c r="AH204" s="78"/>
      <c r="AI204" s="78"/>
      <c r="AJ204" s="78"/>
      <c r="AK204" s="78"/>
      <c r="AL204" s="78"/>
      <c r="AM204" s="78"/>
      <c r="AN204" s="78"/>
      <c r="AO204" s="78"/>
      <c r="AP204" s="78"/>
      <c r="AQ204" s="78"/>
      <c r="AR204" s="78"/>
      <c r="AS204" s="78"/>
      <c r="AT204" s="78"/>
      <c r="AU204" s="78"/>
      <c r="AV204" s="78"/>
      <c r="AW204" s="78"/>
      <c r="AX204" s="78"/>
      <c r="AY204" s="78"/>
      <c r="AZ204" s="78"/>
      <c r="BA204" s="78"/>
      <c r="BB204" s="78"/>
      <c r="BC204" s="78"/>
      <c r="BD204" s="78"/>
      <c r="BE204" s="78"/>
      <c r="BF204" s="78"/>
      <c r="BG204" s="78"/>
      <c r="BH204" s="78"/>
      <c r="BI204" s="78"/>
      <c r="BJ204" s="78"/>
      <c r="BK204" s="78"/>
      <c r="BL204" s="78"/>
      <c r="BM204" s="78"/>
      <c r="BN204" s="78"/>
      <c r="BO204" s="78"/>
    </row>
    <row r="205" spans="1:72" ht="5.25" customHeight="1">
      <c r="A205" s="82"/>
      <c r="Q205" s="81"/>
      <c r="R205" s="81"/>
      <c r="S205" s="78"/>
      <c r="T205" s="78"/>
      <c r="U205" s="78"/>
      <c r="V205" s="78"/>
      <c r="W205" s="78"/>
      <c r="X205" s="78"/>
      <c r="Y205" s="78"/>
      <c r="Z205" s="78"/>
      <c r="AA205" s="78"/>
      <c r="AB205" s="78"/>
      <c r="AC205" s="78"/>
      <c r="AD205" s="78"/>
      <c r="AE205" s="78"/>
      <c r="AF205" s="78"/>
      <c r="AG205" s="78"/>
      <c r="AH205" s="78"/>
      <c r="AI205" s="78"/>
      <c r="AJ205" s="78"/>
      <c r="AK205" s="78"/>
      <c r="AL205" s="78"/>
      <c r="AM205" s="78"/>
      <c r="AN205" s="78"/>
      <c r="AO205" s="78"/>
      <c r="AP205" s="78"/>
      <c r="AQ205" s="78"/>
      <c r="AR205" s="78"/>
      <c r="AS205" s="78"/>
      <c r="AT205" s="78"/>
      <c r="AU205" s="78"/>
      <c r="AV205" s="78"/>
      <c r="AW205" s="78"/>
      <c r="AX205" s="78"/>
      <c r="AY205" s="78"/>
      <c r="AZ205" s="78"/>
      <c r="BA205" s="78"/>
      <c r="BB205" s="78"/>
      <c r="BC205" s="78"/>
      <c r="BD205" s="78"/>
      <c r="BE205" s="78"/>
      <c r="BF205" s="78"/>
      <c r="BG205" s="78"/>
      <c r="BH205" s="78"/>
      <c r="BI205" s="78"/>
      <c r="BJ205" s="78"/>
      <c r="BK205" s="78"/>
      <c r="BL205" s="78"/>
      <c r="BM205" s="78"/>
      <c r="BN205" s="78"/>
      <c r="BO205" s="78"/>
    </row>
    <row r="206" spans="1:72" ht="5.25" customHeight="1">
      <c r="A206" s="82"/>
      <c r="Q206" s="81"/>
      <c r="R206" s="81"/>
      <c r="S206" s="78"/>
      <c r="T206" s="78"/>
      <c r="U206" s="78"/>
      <c r="V206" s="78"/>
      <c r="W206" s="78"/>
      <c r="X206" s="78"/>
      <c r="Y206" s="78"/>
      <c r="Z206" s="78"/>
      <c r="AA206" s="78"/>
      <c r="AB206" s="78"/>
      <c r="AC206" s="78"/>
      <c r="AD206" s="78"/>
      <c r="AE206" s="78"/>
      <c r="AF206" s="78"/>
      <c r="AG206" s="78"/>
      <c r="AH206" s="78"/>
      <c r="AI206" s="78"/>
      <c r="AJ206" s="78"/>
      <c r="AK206" s="78"/>
      <c r="AL206" s="78"/>
      <c r="AM206" s="78"/>
      <c r="AN206" s="78"/>
      <c r="AO206" s="78"/>
      <c r="AP206" s="78"/>
      <c r="AQ206" s="78"/>
      <c r="AR206" s="78"/>
      <c r="AS206" s="78"/>
      <c r="AT206" s="78"/>
      <c r="AU206" s="78"/>
      <c r="AV206" s="78"/>
      <c r="AW206" s="78"/>
      <c r="AX206" s="78"/>
      <c r="AY206" s="78"/>
      <c r="AZ206" s="78"/>
      <c r="BA206" s="78"/>
      <c r="BB206" s="78"/>
      <c r="BC206" s="78"/>
      <c r="BD206" s="78"/>
      <c r="BE206" s="78"/>
      <c r="BF206" s="78"/>
      <c r="BG206" s="78"/>
      <c r="BH206" s="78"/>
      <c r="BI206" s="78"/>
      <c r="BJ206" s="78"/>
      <c r="BK206" s="78"/>
      <c r="BL206" s="78"/>
      <c r="BM206" s="78"/>
      <c r="BN206" s="78"/>
      <c r="BO206" s="78"/>
    </row>
    <row r="207" spans="1:72" ht="5.25" customHeight="1">
      <c r="A207" s="82"/>
      <c r="Q207" s="81"/>
      <c r="R207" s="81"/>
      <c r="S207" s="78"/>
      <c r="T207" s="78"/>
      <c r="U207" s="78"/>
      <c r="V207" s="78"/>
      <c r="W207" s="78"/>
      <c r="X207" s="78"/>
      <c r="Y207" s="78"/>
      <c r="Z207" s="78"/>
      <c r="AA207" s="78"/>
      <c r="AB207" s="78"/>
      <c r="AC207" s="78"/>
      <c r="AD207" s="78"/>
      <c r="AE207" s="78"/>
      <c r="AF207" s="78"/>
      <c r="AG207" s="78"/>
      <c r="AH207" s="78"/>
      <c r="AI207" s="78"/>
      <c r="AJ207" s="78"/>
      <c r="AK207" s="78"/>
      <c r="AL207" s="78"/>
      <c r="AM207" s="78"/>
      <c r="AN207" s="78"/>
      <c r="AO207" s="78"/>
      <c r="AP207" s="78"/>
      <c r="AQ207" s="78"/>
      <c r="AR207" s="78"/>
      <c r="AS207" s="78"/>
      <c r="AT207" s="78"/>
      <c r="AU207" s="78"/>
      <c r="AV207" s="78"/>
      <c r="AW207" s="78"/>
      <c r="AX207" s="78"/>
      <c r="AY207" s="78"/>
      <c r="AZ207" s="78"/>
      <c r="BA207" s="78"/>
      <c r="BB207" s="78"/>
      <c r="BC207" s="78"/>
      <c r="BD207" s="78"/>
      <c r="BE207" s="78"/>
      <c r="BF207" s="78"/>
      <c r="BG207" s="78"/>
      <c r="BH207" s="78"/>
      <c r="BI207" s="78"/>
      <c r="BJ207" s="78"/>
      <c r="BK207" s="78"/>
      <c r="BL207" s="78"/>
      <c r="BM207" s="78"/>
      <c r="BN207" s="78"/>
      <c r="BO207" s="78"/>
    </row>
    <row r="208" spans="1:72" ht="5.25" customHeight="1">
      <c r="A208" s="82"/>
      <c r="Q208" s="81"/>
      <c r="R208" s="81"/>
      <c r="S208" s="78"/>
      <c r="T208" s="78"/>
      <c r="U208" s="78"/>
      <c r="V208" s="78"/>
      <c r="W208" s="78"/>
      <c r="X208" s="78"/>
      <c r="Y208" s="78"/>
      <c r="Z208" s="78"/>
      <c r="AA208" s="78"/>
      <c r="AB208" s="78"/>
      <c r="AC208" s="78"/>
      <c r="AD208" s="78"/>
      <c r="AE208" s="78"/>
      <c r="AF208" s="78"/>
      <c r="AG208" s="78"/>
      <c r="AH208" s="78"/>
      <c r="AI208" s="78"/>
      <c r="AJ208" s="78"/>
      <c r="AK208" s="78"/>
      <c r="AL208" s="78"/>
      <c r="AM208" s="78"/>
      <c r="AN208" s="78"/>
      <c r="AO208" s="78"/>
      <c r="AP208" s="78"/>
      <c r="AQ208" s="78"/>
      <c r="AR208" s="78"/>
      <c r="AS208" s="78"/>
      <c r="AT208" s="78"/>
      <c r="AU208" s="78"/>
      <c r="AV208" s="78"/>
      <c r="AW208" s="78"/>
      <c r="AX208" s="78"/>
      <c r="AY208" s="78"/>
      <c r="AZ208" s="78"/>
      <c r="BA208" s="78"/>
      <c r="BB208" s="78"/>
      <c r="BC208" s="78"/>
      <c r="BD208" s="78"/>
      <c r="BE208" s="78"/>
      <c r="BF208" s="78"/>
      <c r="BG208" s="78"/>
      <c r="BH208" s="78"/>
      <c r="BI208" s="78"/>
      <c r="BJ208" s="78"/>
      <c r="BK208" s="78"/>
      <c r="BL208" s="78"/>
      <c r="BM208" s="78"/>
      <c r="BN208" s="78"/>
      <c r="BO208" s="78"/>
    </row>
    <row r="209" spans="1:72" ht="5.25" customHeight="1">
      <c r="A209" s="82"/>
      <c r="Q209" s="81"/>
      <c r="R209" s="81"/>
      <c r="S209" s="78"/>
      <c r="T209" s="78"/>
      <c r="U209" s="78"/>
      <c r="V209" s="78"/>
      <c r="W209" s="78"/>
      <c r="X209" s="78"/>
      <c r="Y209" s="78"/>
      <c r="Z209" s="78"/>
      <c r="AA209" s="78"/>
      <c r="AB209" s="78"/>
      <c r="AC209" s="78"/>
      <c r="AD209" s="78"/>
      <c r="AE209" s="78"/>
      <c r="AF209" s="78"/>
      <c r="AG209" s="78"/>
      <c r="AH209" s="78"/>
      <c r="AI209" s="78"/>
      <c r="AJ209" s="78"/>
      <c r="AK209" s="78"/>
      <c r="AL209" s="78"/>
      <c r="AM209" s="78"/>
      <c r="AN209" s="78"/>
      <c r="AO209" s="78"/>
      <c r="AP209" s="78"/>
      <c r="AQ209" s="78"/>
      <c r="AR209" s="78"/>
      <c r="AS209" s="78"/>
      <c r="AT209" s="78"/>
      <c r="AU209" s="78"/>
      <c r="AV209" s="78"/>
      <c r="AW209" s="78"/>
      <c r="AX209" s="78"/>
      <c r="AY209" s="78"/>
      <c r="AZ209" s="78"/>
      <c r="BA209" s="78"/>
      <c r="BB209" s="78"/>
      <c r="BC209" s="78"/>
      <c r="BD209" s="78"/>
      <c r="BE209" s="78"/>
      <c r="BF209" s="78"/>
      <c r="BG209" s="78"/>
      <c r="BH209" s="78"/>
      <c r="BI209" s="78"/>
      <c r="BJ209" s="78"/>
      <c r="BK209" s="78"/>
      <c r="BL209" s="78"/>
      <c r="BM209" s="78"/>
      <c r="BN209" s="78"/>
      <c r="BO209" s="78"/>
    </row>
    <row r="210" spans="1:72" ht="5.25" customHeight="1">
      <c r="A210" s="82"/>
      <c r="Q210" s="81"/>
      <c r="R210" s="81"/>
      <c r="S210" s="78"/>
      <c r="T210" s="78"/>
      <c r="U210" s="78"/>
      <c r="V210" s="78"/>
      <c r="W210" s="78"/>
      <c r="X210" s="78"/>
      <c r="Y210" s="78"/>
      <c r="Z210" s="78"/>
      <c r="AA210" s="78"/>
      <c r="AB210" s="78"/>
      <c r="AC210" s="78"/>
      <c r="AD210" s="78"/>
      <c r="AE210" s="78"/>
      <c r="AF210" s="78"/>
      <c r="AG210" s="78"/>
      <c r="AH210" s="78"/>
      <c r="AI210" s="78"/>
      <c r="AJ210" s="78"/>
      <c r="AK210" s="78"/>
      <c r="AL210" s="78"/>
      <c r="AM210" s="78"/>
      <c r="AN210" s="78"/>
      <c r="AO210" s="78"/>
      <c r="AP210" s="78"/>
      <c r="AQ210" s="78"/>
      <c r="AR210" s="78"/>
      <c r="AS210" s="78"/>
      <c r="AT210" s="78"/>
      <c r="AU210" s="78"/>
      <c r="AV210" s="78"/>
      <c r="AW210" s="78"/>
      <c r="AX210" s="78"/>
      <c r="AY210" s="78"/>
      <c r="AZ210" s="78"/>
      <c r="BA210" s="78"/>
      <c r="BB210" s="78"/>
      <c r="BC210" s="78"/>
      <c r="BD210" s="78"/>
      <c r="BE210" s="78"/>
      <c r="BF210" s="78"/>
      <c r="BG210" s="78"/>
      <c r="BH210" s="78"/>
      <c r="BI210" s="78"/>
      <c r="BJ210" s="78"/>
      <c r="BK210" s="78"/>
      <c r="BL210" s="78"/>
      <c r="BM210" s="78"/>
      <c r="BN210" s="78"/>
      <c r="BO210" s="78"/>
    </row>
    <row r="211" spans="1:72" ht="5.25" customHeight="1">
      <c r="A211" s="82"/>
      <c r="Q211" s="81"/>
      <c r="R211" s="81"/>
      <c r="S211" s="78"/>
      <c r="T211" s="78"/>
      <c r="U211" s="78"/>
      <c r="V211" s="78"/>
      <c r="W211" s="78"/>
      <c r="X211" s="78"/>
      <c r="Y211" s="78"/>
      <c r="Z211" s="78"/>
      <c r="AA211" s="78"/>
      <c r="AB211" s="78"/>
      <c r="AC211" s="78"/>
      <c r="AD211" s="78"/>
      <c r="AE211" s="78"/>
      <c r="AF211" s="78"/>
      <c r="AG211" s="78"/>
      <c r="AH211" s="78"/>
      <c r="AI211" s="78"/>
      <c r="AJ211" s="78"/>
      <c r="AK211" s="78"/>
      <c r="AL211" s="78"/>
      <c r="AM211" s="78"/>
      <c r="AN211" s="78"/>
      <c r="AO211" s="78"/>
      <c r="AP211" s="78"/>
      <c r="AQ211" s="78"/>
      <c r="AR211" s="78"/>
      <c r="AS211" s="78"/>
      <c r="AT211" s="78"/>
      <c r="AU211" s="78"/>
      <c r="AV211" s="78"/>
      <c r="AW211" s="78"/>
      <c r="AX211" s="78"/>
      <c r="AY211" s="78"/>
      <c r="AZ211" s="78"/>
      <c r="BA211" s="78"/>
      <c r="BB211" s="78"/>
      <c r="BC211" s="78"/>
      <c r="BD211" s="78"/>
      <c r="BE211" s="78"/>
      <c r="BF211" s="78"/>
      <c r="BG211" s="78"/>
      <c r="BH211" s="78"/>
      <c r="BI211" s="78"/>
      <c r="BJ211" s="78"/>
      <c r="BK211" s="78"/>
      <c r="BL211" s="78"/>
      <c r="BM211" s="78"/>
      <c r="BN211" s="78"/>
      <c r="BO211" s="78"/>
    </row>
    <row r="212" spans="1:72" ht="5.25" customHeight="1">
      <c r="Q212" s="81"/>
      <c r="R212" s="81"/>
      <c r="S212" s="78"/>
      <c r="T212" s="78"/>
      <c r="U212" s="78"/>
      <c r="V212" s="78"/>
      <c r="W212" s="78"/>
      <c r="X212" s="78"/>
      <c r="Y212" s="78"/>
      <c r="Z212" s="78"/>
      <c r="AA212" s="78"/>
      <c r="AB212" s="78"/>
      <c r="AC212" s="78"/>
      <c r="AD212" s="78"/>
      <c r="AE212" s="78"/>
      <c r="AF212" s="78"/>
      <c r="AG212" s="78"/>
      <c r="AH212" s="78"/>
      <c r="AI212" s="78"/>
      <c r="AJ212" s="78"/>
      <c r="AK212" s="78"/>
      <c r="AL212" s="78"/>
      <c r="AM212" s="78"/>
      <c r="AN212" s="78"/>
      <c r="AO212" s="78"/>
      <c r="AP212" s="78"/>
      <c r="AQ212" s="78"/>
      <c r="AR212" s="78"/>
      <c r="AS212" s="78"/>
      <c r="AT212" s="78"/>
      <c r="AU212" s="78"/>
      <c r="AV212" s="78"/>
      <c r="AW212" s="78"/>
      <c r="AX212" s="78"/>
      <c r="AY212" s="78"/>
      <c r="AZ212" s="78"/>
      <c r="BA212" s="78"/>
      <c r="BB212" s="78"/>
      <c r="BC212" s="78"/>
      <c r="BD212" s="78"/>
      <c r="BE212" s="78"/>
      <c r="BF212" s="78"/>
      <c r="BG212" s="78"/>
      <c r="BH212" s="78"/>
      <c r="BI212" s="78"/>
      <c r="BJ212" s="78"/>
      <c r="BK212" s="78"/>
      <c r="BL212" s="78"/>
      <c r="BM212" s="78"/>
      <c r="BN212" s="78"/>
      <c r="BO212" s="78"/>
    </row>
    <row r="213" spans="1:72" ht="5.25" customHeight="1">
      <c r="Q213" s="81"/>
      <c r="R213" s="81"/>
      <c r="S213" s="78"/>
      <c r="T213" s="78"/>
      <c r="U213" s="78"/>
      <c r="V213" s="78"/>
      <c r="W213" s="78"/>
      <c r="X213" s="78"/>
      <c r="Y213" s="78"/>
      <c r="Z213" s="78"/>
      <c r="AA213" s="78"/>
      <c r="AB213" s="78"/>
      <c r="AC213" s="78"/>
      <c r="AD213" s="78"/>
      <c r="AE213" s="78"/>
      <c r="AF213" s="78"/>
      <c r="AG213" s="78"/>
      <c r="AH213" s="78"/>
      <c r="AI213" s="78"/>
      <c r="AJ213" s="78"/>
      <c r="AK213" s="78"/>
      <c r="AL213" s="78"/>
      <c r="AM213" s="78"/>
      <c r="AN213" s="78"/>
      <c r="AO213" s="78"/>
      <c r="AP213" s="78"/>
      <c r="AQ213" s="78"/>
      <c r="AR213" s="78"/>
      <c r="AS213" s="78"/>
      <c r="AT213" s="78"/>
      <c r="AU213" s="78"/>
      <c r="AV213" s="78"/>
      <c r="AW213" s="78"/>
      <c r="AX213" s="78"/>
      <c r="AY213" s="78"/>
      <c r="AZ213" s="78"/>
      <c r="BA213" s="78"/>
      <c r="BB213" s="78"/>
      <c r="BC213" s="78"/>
      <c r="BD213" s="78"/>
      <c r="BE213" s="78"/>
      <c r="BF213" s="78"/>
      <c r="BG213" s="78"/>
      <c r="BH213" s="78"/>
      <c r="BI213" s="78"/>
      <c r="BJ213" s="78"/>
      <c r="BK213" s="78"/>
      <c r="BL213" s="78"/>
      <c r="BM213" s="78"/>
      <c r="BN213" s="78"/>
      <c r="BO213" s="78"/>
    </row>
    <row r="214" spans="1:72" ht="5.25" customHeight="1">
      <c r="Q214" s="81"/>
      <c r="R214" s="81"/>
      <c r="S214" s="78"/>
      <c r="T214" s="78"/>
      <c r="U214" s="78"/>
      <c r="V214" s="78"/>
      <c r="W214" s="78"/>
      <c r="X214" s="78"/>
      <c r="Y214" s="78"/>
      <c r="Z214" s="78"/>
      <c r="AA214" s="78"/>
      <c r="AB214" s="78"/>
      <c r="AC214" s="78"/>
      <c r="AD214" s="78"/>
      <c r="AE214" s="78"/>
      <c r="AF214" s="78"/>
      <c r="AG214" s="78"/>
      <c r="AH214" s="78"/>
      <c r="AI214" s="78"/>
      <c r="AJ214" s="78"/>
      <c r="AK214" s="78"/>
      <c r="AL214" s="78"/>
      <c r="AM214" s="78"/>
      <c r="AN214" s="78"/>
      <c r="AO214" s="78"/>
      <c r="AP214" s="78"/>
      <c r="AQ214" s="78"/>
      <c r="AR214" s="78"/>
      <c r="AS214" s="78"/>
      <c r="AT214" s="78"/>
      <c r="AU214" s="78"/>
      <c r="AV214" s="78"/>
      <c r="AW214" s="78"/>
      <c r="AX214" s="78"/>
      <c r="AY214" s="78"/>
      <c r="AZ214" s="78"/>
      <c r="BA214" s="78"/>
      <c r="BB214" s="78"/>
      <c r="BC214" s="78"/>
      <c r="BD214" s="78"/>
      <c r="BE214" s="78"/>
      <c r="BF214" s="78"/>
      <c r="BG214" s="78"/>
      <c r="BH214" s="78"/>
      <c r="BI214" s="78"/>
      <c r="BJ214" s="78"/>
      <c r="BK214" s="78"/>
      <c r="BL214" s="78"/>
      <c r="BM214" s="78"/>
      <c r="BN214" s="78"/>
      <c r="BO214" s="78"/>
    </row>
    <row r="215" spans="1:72" ht="5.25" customHeight="1">
      <c r="Q215" s="81"/>
      <c r="R215" s="81"/>
      <c r="S215" s="78"/>
      <c r="T215" s="78"/>
      <c r="U215" s="78"/>
      <c r="V215" s="78"/>
      <c r="W215" s="78"/>
      <c r="X215" s="78"/>
      <c r="Y215" s="78"/>
      <c r="Z215" s="78"/>
      <c r="AA215" s="78"/>
      <c r="AB215" s="78"/>
      <c r="AC215" s="78"/>
      <c r="AD215" s="78"/>
      <c r="AE215" s="78"/>
      <c r="AF215" s="78"/>
      <c r="AG215" s="78"/>
      <c r="AH215" s="78"/>
      <c r="AI215" s="78"/>
      <c r="AJ215" s="78"/>
      <c r="AK215" s="78"/>
      <c r="AL215" s="78"/>
      <c r="AM215" s="78"/>
      <c r="AN215" s="78"/>
      <c r="AO215" s="78"/>
      <c r="AP215" s="78"/>
      <c r="AQ215" s="78"/>
      <c r="AR215" s="78"/>
      <c r="AS215" s="78"/>
      <c r="AT215" s="78"/>
      <c r="AU215" s="78"/>
      <c r="AV215" s="78"/>
      <c r="AW215" s="78"/>
      <c r="AX215" s="78"/>
      <c r="AY215" s="78"/>
      <c r="AZ215" s="78"/>
      <c r="BA215" s="78"/>
      <c r="BB215" s="78"/>
      <c r="BC215" s="78"/>
      <c r="BD215" s="78"/>
      <c r="BE215" s="78"/>
      <c r="BF215" s="78"/>
      <c r="BG215" s="78"/>
      <c r="BH215" s="78"/>
      <c r="BI215" s="78"/>
      <c r="BJ215" s="78"/>
      <c r="BK215" s="78"/>
      <c r="BL215" s="78"/>
      <c r="BM215" s="78"/>
      <c r="BN215" s="78"/>
      <c r="BO215" s="78"/>
    </row>
    <row r="216" spans="1:72" ht="5.25" customHeight="1">
      <c r="Q216" s="81"/>
      <c r="R216" s="81"/>
      <c r="S216" s="78"/>
      <c r="T216" s="78"/>
      <c r="U216" s="78"/>
      <c r="V216" s="78"/>
      <c r="W216" s="78"/>
      <c r="X216" s="78"/>
      <c r="Y216" s="78"/>
      <c r="Z216" s="78"/>
      <c r="AA216" s="78"/>
      <c r="AB216" s="78"/>
      <c r="AC216" s="78"/>
      <c r="AD216" s="78"/>
      <c r="AE216" s="78"/>
      <c r="AF216" s="78"/>
      <c r="AG216" s="78"/>
      <c r="AH216" s="78"/>
      <c r="AI216" s="78"/>
      <c r="AJ216" s="78"/>
      <c r="AK216" s="78"/>
      <c r="AL216" s="78"/>
      <c r="AM216" s="78"/>
      <c r="AN216" s="78"/>
      <c r="AO216" s="78"/>
      <c r="AP216" s="78"/>
      <c r="AQ216" s="78"/>
      <c r="AR216" s="78"/>
      <c r="AS216" s="78"/>
      <c r="AT216" s="78"/>
      <c r="AU216" s="78"/>
      <c r="AV216" s="78"/>
      <c r="AW216" s="78"/>
      <c r="AX216" s="78"/>
      <c r="AY216" s="78"/>
      <c r="AZ216" s="78"/>
      <c r="BA216" s="78"/>
      <c r="BB216" s="78"/>
      <c r="BC216" s="78"/>
      <c r="BD216" s="78"/>
      <c r="BE216" s="78"/>
      <c r="BF216" s="78"/>
      <c r="BG216" s="78"/>
      <c r="BH216" s="78"/>
      <c r="BI216" s="78"/>
      <c r="BJ216" s="78"/>
      <c r="BK216" s="78"/>
      <c r="BL216" s="78"/>
      <c r="BM216" s="78"/>
      <c r="BN216" s="78"/>
      <c r="BO216" s="78"/>
    </row>
    <row r="217" spans="1:72" ht="5.25" customHeight="1">
      <c r="Q217" s="81"/>
      <c r="R217" s="81"/>
      <c r="S217" s="78"/>
      <c r="T217" s="78"/>
      <c r="U217" s="78"/>
      <c r="V217" s="78"/>
      <c r="W217" s="78"/>
      <c r="X217" s="78"/>
      <c r="Y217" s="78"/>
      <c r="Z217" s="78"/>
      <c r="AA217" s="78"/>
      <c r="AB217" s="78"/>
      <c r="AC217" s="78"/>
      <c r="AD217" s="78"/>
      <c r="AE217" s="78"/>
      <c r="AF217" s="78"/>
      <c r="AG217" s="78"/>
      <c r="AH217" s="78"/>
      <c r="AI217" s="78"/>
      <c r="AJ217" s="78"/>
      <c r="AK217" s="78"/>
      <c r="AL217" s="78"/>
      <c r="AM217" s="78"/>
      <c r="AN217" s="78"/>
      <c r="AO217" s="78"/>
      <c r="AP217" s="78"/>
      <c r="AQ217" s="78"/>
      <c r="AR217" s="78"/>
      <c r="AS217" s="78"/>
      <c r="AT217" s="78"/>
      <c r="AU217" s="78"/>
      <c r="AV217" s="78"/>
      <c r="AW217" s="78"/>
      <c r="AX217" s="78"/>
      <c r="AY217" s="78"/>
      <c r="AZ217" s="78"/>
      <c r="BA217" s="78"/>
      <c r="BB217" s="78"/>
      <c r="BC217" s="78"/>
      <c r="BD217" s="78"/>
      <c r="BE217" s="78"/>
      <c r="BF217" s="78"/>
      <c r="BG217" s="78"/>
      <c r="BH217" s="78"/>
      <c r="BI217" s="78"/>
      <c r="BJ217" s="78"/>
      <c r="BK217" s="78"/>
      <c r="BL217" s="78"/>
      <c r="BM217" s="78"/>
      <c r="BN217" s="78"/>
      <c r="BO217" s="78"/>
    </row>
    <row r="218" spans="1:72" ht="5.25" customHeight="1">
      <c r="Q218" s="81"/>
      <c r="R218" s="81"/>
      <c r="S218" s="78"/>
      <c r="T218" s="78"/>
      <c r="U218" s="78"/>
      <c r="V218" s="78"/>
      <c r="W218" s="78"/>
      <c r="X218" s="78"/>
      <c r="Y218" s="78"/>
      <c r="Z218" s="78"/>
      <c r="AA218" s="78"/>
      <c r="AB218" s="78"/>
      <c r="AC218" s="78"/>
      <c r="AD218" s="78"/>
      <c r="AE218" s="78"/>
      <c r="AF218" s="78"/>
      <c r="AG218" s="78"/>
      <c r="AH218" s="78"/>
      <c r="AI218" s="78"/>
      <c r="AJ218" s="78"/>
      <c r="AK218" s="78"/>
      <c r="AL218" s="78"/>
      <c r="AM218" s="78"/>
      <c r="AN218" s="78"/>
      <c r="AO218" s="78"/>
      <c r="AP218" s="78"/>
      <c r="AQ218" s="78"/>
      <c r="AR218" s="78"/>
      <c r="AS218" s="78"/>
      <c r="AT218" s="78"/>
      <c r="AU218" s="78"/>
      <c r="AV218" s="78"/>
      <c r="AW218" s="78"/>
      <c r="AX218" s="78"/>
      <c r="AY218" s="78"/>
      <c r="AZ218" s="78"/>
      <c r="BA218" s="78"/>
      <c r="BB218" s="78"/>
      <c r="BC218" s="78"/>
      <c r="BD218" s="78"/>
      <c r="BE218" s="78"/>
      <c r="BF218" s="78"/>
      <c r="BG218" s="78"/>
      <c r="BH218" s="78"/>
      <c r="BI218" s="78"/>
      <c r="BJ218" s="78"/>
      <c r="BK218" s="78"/>
      <c r="BL218" s="78"/>
      <c r="BM218" s="78"/>
      <c r="BN218" s="78"/>
      <c r="BO218" s="78"/>
    </row>
    <row r="219" spans="1:72" ht="5.25" customHeight="1">
      <c r="Q219" s="81"/>
      <c r="R219" s="81"/>
      <c r="S219" s="78"/>
      <c r="T219" s="78"/>
      <c r="U219" s="78"/>
      <c r="V219" s="78"/>
      <c r="W219" s="78"/>
      <c r="X219" s="78"/>
      <c r="Y219" s="78"/>
      <c r="Z219" s="78"/>
      <c r="AA219" s="78"/>
      <c r="AB219" s="78"/>
      <c r="AC219" s="78"/>
      <c r="AD219" s="78"/>
      <c r="AE219" s="78"/>
      <c r="AF219" s="78"/>
      <c r="AG219" s="78"/>
      <c r="AH219" s="78"/>
      <c r="AI219" s="78"/>
      <c r="AJ219" s="78"/>
      <c r="AK219" s="78"/>
      <c r="AL219" s="78"/>
      <c r="AM219" s="78"/>
      <c r="AN219" s="78"/>
      <c r="AO219" s="78"/>
      <c r="AP219" s="78"/>
      <c r="AQ219" s="78"/>
      <c r="AR219" s="78"/>
      <c r="AS219" s="78"/>
      <c r="AT219" s="78"/>
      <c r="AU219" s="78"/>
      <c r="AV219" s="78"/>
      <c r="AW219" s="78"/>
      <c r="AX219" s="78"/>
      <c r="AY219" s="78"/>
      <c r="AZ219" s="78"/>
      <c r="BA219" s="78"/>
      <c r="BB219" s="78"/>
      <c r="BC219" s="78"/>
      <c r="BD219" s="78"/>
      <c r="BE219" s="78"/>
      <c r="BF219" s="78"/>
      <c r="BG219" s="78"/>
      <c r="BH219" s="78"/>
      <c r="BI219" s="78"/>
      <c r="BJ219" s="78"/>
      <c r="BK219" s="78"/>
      <c r="BL219" s="78"/>
      <c r="BM219" s="78"/>
      <c r="BN219" s="78"/>
      <c r="BO219" s="78"/>
    </row>
    <row r="220" spans="1:72" ht="5.25" customHeight="1">
      <c r="Q220" s="81"/>
      <c r="R220" s="81"/>
      <c r="S220" s="78"/>
      <c r="T220" s="78"/>
      <c r="U220" s="78"/>
      <c r="V220" s="78"/>
      <c r="W220" s="78"/>
      <c r="X220" s="78"/>
      <c r="Y220" s="78"/>
      <c r="Z220" s="78"/>
      <c r="AA220" s="78"/>
      <c r="AB220" s="78"/>
      <c r="AC220" s="78"/>
      <c r="AD220" s="78"/>
      <c r="AE220" s="78"/>
      <c r="AF220" s="78"/>
      <c r="AG220" s="78"/>
      <c r="AH220" s="78"/>
      <c r="AI220" s="78"/>
      <c r="AJ220" s="78"/>
      <c r="AK220" s="78"/>
      <c r="AL220" s="78"/>
      <c r="AM220" s="78"/>
      <c r="AN220" s="78"/>
      <c r="AO220" s="78"/>
      <c r="AP220" s="78"/>
      <c r="AQ220" s="78"/>
      <c r="AR220" s="78"/>
      <c r="AS220" s="78"/>
      <c r="AT220" s="78"/>
      <c r="AU220" s="78"/>
      <c r="AV220" s="78"/>
      <c r="AW220" s="78"/>
      <c r="AX220" s="78"/>
      <c r="AY220" s="78"/>
      <c r="AZ220" s="78"/>
      <c r="BA220" s="78"/>
      <c r="BB220" s="78"/>
      <c r="BC220" s="78"/>
      <c r="BD220" s="78"/>
      <c r="BE220" s="78"/>
      <c r="BF220" s="78"/>
      <c r="BG220" s="78"/>
      <c r="BH220" s="78"/>
      <c r="BI220" s="78"/>
      <c r="BJ220" s="78"/>
      <c r="BK220" s="78"/>
      <c r="BL220" s="78"/>
      <c r="BM220" s="78"/>
      <c r="BN220" s="78"/>
      <c r="BO220" s="78"/>
    </row>
    <row r="221" spans="1:72" ht="5.25" customHeight="1">
      <c r="Q221" s="81"/>
      <c r="R221" s="81"/>
      <c r="S221" s="78"/>
      <c r="T221" s="78"/>
      <c r="U221" s="78"/>
      <c r="V221" s="78"/>
      <c r="W221" s="78"/>
      <c r="X221" s="78"/>
      <c r="Y221" s="78"/>
      <c r="Z221" s="78"/>
      <c r="AA221" s="78"/>
      <c r="AB221" s="78"/>
      <c r="AC221" s="78"/>
      <c r="AD221" s="78"/>
      <c r="AE221" s="78"/>
      <c r="AF221" s="78"/>
      <c r="AG221" s="78"/>
      <c r="AH221" s="78"/>
      <c r="AI221" s="78"/>
      <c r="AJ221" s="78"/>
      <c r="AK221" s="78"/>
      <c r="AL221" s="78"/>
      <c r="AM221" s="78"/>
      <c r="AN221" s="78"/>
      <c r="AO221" s="78"/>
      <c r="AP221" s="78"/>
      <c r="AQ221" s="78"/>
      <c r="AR221" s="78"/>
      <c r="AS221" s="78"/>
      <c r="AT221" s="78"/>
      <c r="AU221" s="78"/>
      <c r="AV221" s="78"/>
      <c r="AW221" s="78"/>
      <c r="AX221" s="78"/>
      <c r="AY221" s="78"/>
      <c r="AZ221" s="78"/>
      <c r="BA221" s="78"/>
      <c r="BB221" s="78"/>
      <c r="BC221" s="78"/>
      <c r="BD221" s="78"/>
      <c r="BE221" s="78"/>
      <c r="BF221" s="78"/>
      <c r="BG221" s="78"/>
      <c r="BH221" s="78"/>
      <c r="BI221" s="78"/>
      <c r="BJ221" s="78"/>
      <c r="BK221" s="78"/>
      <c r="BL221" s="78"/>
      <c r="BM221" s="78"/>
      <c r="BN221" s="78"/>
      <c r="BO221" s="78"/>
      <c r="BT221" s="82"/>
    </row>
    <row r="222" spans="1:72" ht="5.25" customHeight="1">
      <c r="Q222" s="81"/>
      <c r="R222" s="81"/>
      <c r="S222" s="78"/>
      <c r="T222" s="78"/>
      <c r="U222" s="78"/>
      <c r="V222" s="78"/>
      <c r="W222" s="78"/>
      <c r="X222" s="78"/>
      <c r="Y222" s="78"/>
      <c r="Z222" s="78"/>
      <c r="AA222" s="78"/>
      <c r="AB222" s="78"/>
      <c r="AC222" s="78"/>
      <c r="AD222" s="78"/>
      <c r="AE222" s="78"/>
      <c r="AF222" s="78"/>
      <c r="AG222" s="78"/>
      <c r="AH222" s="78"/>
      <c r="AI222" s="78"/>
      <c r="AJ222" s="78"/>
      <c r="AK222" s="78"/>
      <c r="AL222" s="78"/>
      <c r="AM222" s="78"/>
      <c r="AN222" s="78"/>
      <c r="AO222" s="78"/>
      <c r="AP222" s="78"/>
      <c r="AQ222" s="78"/>
      <c r="AR222" s="78"/>
      <c r="AS222" s="78"/>
      <c r="AT222" s="78"/>
      <c r="AU222" s="78"/>
      <c r="AV222" s="78"/>
      <c r="AW222" s="78"/>
      <c r="AX222" s="78"/>
      <c r="AY222" s="78"/>
      <c r="AZ222" s="78"/>
      <c r="BA222" s="78"/>
      <c r="BB222" s="78"/>
      <c r="BC222" s="78"/>
      <c r="BD222" s="78"/>
      <c r="BE222" s="78"/>
      <c r="BF222" s="78"/>
      <c r="BG222" s="78"/>
      <c r="BH222" s="78"/>
      <c r="BI222" s="78"/>
      <c r="BJ222" s="78"/>
      <c r="BK222" s="78"/>
      <c r="BL222" s="78"/>
      <c r="BM222" s="78"/>
      <c r="BN222" s="78"/>
      <c r="BO222" s="78"/>
      <c r="BT222" s="82"/>
    </row>
    <row r="223" spans="1:72" ht="5.25" customHeight="1">
      <c r="Q223" s="81"/>
      <c r="R223" s="81"/>
      <c r="S223" s="78"/>
      <c r="T223" s="78"/>
      <c r="U223" s="78"/>
      <c r="V223" s="78"/>
      <c r="W223" s="78"/>
      <c r="X223" s="78"/>
      <c r="Y223" s="78"/>
      <c r="Z223" s="78"/>
      <c r="AA223" s="78"/>
      <c r="AB223" s="78"/>
      <c r="AC223" s="78"/>
      <c r="AD223" s="78"/>
      <c r="AE223" s="78"/>
      <c r="AF223" s="78"/>
      <c r="AG223" s="78"/>
      <c r="AH223" s="78"/>
      <c r="AI223" s="78"/>
      <c r="AJ223" s="78"/>
      <c r="AK223" s="78"/>
      <c r="AL223" s="78"/>
      <c r="AM223" s="78"/>
      <c r="AN223" s="78"/>
      <c r="AO223" s="78"/>
      <c r="AP223" s="78"/>
      <c r="AQ223" s="78"/>
      <c r="AR223" s="78"/>
      <c r="AS223" s="78"/>
      <c r="AT223" s="78"/>
      <c r="AU223" s="78"/>
      <c r="AV223" s="78"/>
      <c r="AW223" s="78"/>
      <c r="AX223" s="78"/>
      <c r="AY223" s="78"/>
      <c r="AZ223" s="78"/>
      <c r="BA223" s="78"/>
      <c r="BB223" s="78"/>
      <c r="BC223" s="78"/>
      <c r="BD223" s="78"/>
      <c r="BE223" s="78"/>
      <c r="BF223" s="78"/>
      <c r="BG223" s="78"/>
      <c r="BH223" s="78"/>
      <c r="BI223" s="78"/>
      <c r="BJ223" s="78"/>
      <c r="BK223" s="78"/>
      <c r="BL223" s="78"/>
      <c r="BM223" s="78"/>
      <c r="BN223" s="78"/>
      <c r="BO223" s="78"/>
      <c r="BT223" s="82"/>
    </row>
    <row r="224" spans="1:72" ht="5.25" customHeight="1">
      <c r="Q224" s="81"/>
      <c r="R224" s="81"/>
      <c r="S224" s="78"/>
      <c r="T224" s="78"/>
      <c r="U224" s="78"/>
      <c r="V224" s="78"/>
      <c r="W224" s="78"/>
      <c r="X224" s="78"/>
      <c r="Y224" s="78"/>
      <c r="Z224" s="78"/>
      <c r="AA224" s="78"/>
      <c r="AB224" s="78"/>
      <c r="AC224" s="78"/>
      <c r="AD224" s="78"/>
      <c r="AE224" s="78"/>
      <c r="AF224" s="78"/>
      <c r="AG224" s="78"/>
      <c r="AH224" s="78"/>
      <c r="AI224" s="78"/>
      <c r="AJ224" s="78"/>
      <c r="AK224" s="78"/>
      <c r="AL224" s="78"/>
      <c r="AM224" s="78"/>
      <c r="AN224" s="78"/>
      <c r="AO224" s="78"/>
      <c r="AP224" s="78"/>
      <c r="AQ224" s="78"/>
      <c r="AR224" s="78"/>
      <c r="AS224" s="78"/>
      <c r="AT224" s="78"/>
      <c r="AU224" s="78"/>
      <c r="AV224" s="78"/>
      <c r="AW224" s="78"/>
      <c r="AX224" s="78"/>
      <c r="AY224" s="78"/>
      <c r="AZ224" s="78"/>
      <c r="BA224" s="78"/>
      <c r="BB224" s="78"/>
      <c r="BC224" s="78"/>
      <c r="BD224" s="78"/>
      <c r="BE224" s="78"/>
      <c r="BF224" s="78"/>
      <c r="BG224" s="78"/>
      <c r="BH224" s="78"/>
      <c r="BI224" s="78"/>
      <c r="BJ224" s="78"/>
      <c r="BK224" s="78"/>
      <c r="BL224" s="78"/>
      <c r="BM224" s="78"/>
      <c r="BN224" s="78"/>
      <c r="BO224" s="78"/>
      <c r="BT224" s="82"/>
    </row>
    <row r="225" spans="17:72" ht="5.25" customHeight="1">
      <c r="Q225" s="81"/>
      <c r="R225" s="81"/>
      <c r="S225" s="78"/>
      <c r="T225" s="78"/>
      <c r="U225" s="78"/>
      <c r="V225" s="78"/>
      <c r="W225" s="78"/>
      <c r="X225" s="78"/>
      <c r="Y225" s="78"/>
      <c r="Z225" s="78"/>
      <c r="AA225" s="78"/>
      <c r="AB225" s="78"/>
      <c r="AC225" s="78"/>
      <c r="AD225" s="78"/>
      <c r="AE225" s="78"/>
      <c r="AF225" s="78"/>
      <c r="AG225" s="78"/>
      <c r="AH225" s="78"/>
      <c r="AI225" s="78"/>
      <c r="AJ225" s="78"/>
      <c r="AK225" s="78"/>
      <c r="AL225" s="78"/>
      <c r="AM225" s="78"/>
      <c r="AN225" s="78"/>
      <c r="AO225" s="78"/>
      <c r="AP225" s="78"/>
      <c r="AQ225" s="78"/>
      <c r="AR225" s="78"/>
      <c r="AS225" s="78"/>
      <c r="AT225" s="78"/>
      <c r="AU225" s="78"/>
      <c r="AV225" s="78"/>
      <c r="AW225" s="78"/>
      <c r="AX225" s="78"/>
      <c r="AY225" s="78"/>
      <c r="AZ225" s="78"/>
      <c r="BA225" s="78"/>
      <c r="BB225" s="78"/>
      <c r="BC225" s="78"/>
      <c r="BD225" s="78"/>
      <c r="BE225" s="78"/>
      <c r="BF225" s="78"/>
      <c r="BG225" s="78"/>
      <c r="BH225" s="78"/>
      <c r="BI225" s="78"/>
      <c r="BJ225" s="78"/>
      <c r="BK225" s="78"/>
      <c r="BL225" s="78"/>
      <c r="BM225" s="78"/>
      <c r="BN225" s="78"/>
      <c r="BO225" s="78"/>
      <c r="BT225" s="82"/>
    </row>
    <row r="226" spans="17:72" ht="5.25" customHeight="1">
      <c r="Q226" s="81"/>
      <c r="R226" s="81"/>
      <c r="S226" s="78"/>
      <c r="T226" s="78"/>
      <c r="U226" s="78"/>
      <c r="V226" s="78"/>
      <c r="W226" s="78"/>
      <c r="X226" s="78"/>
      <c r="Y226" s="78"/>
      <c r="Z226" s="78"/>
      <c r="AA226" s="78"/>
      <c r="AB226" s="78"/>
      <c r="AC226" s="78"/>
      <c r="AD226" s="78"/>
      <c r="AE226" s="78"/>
      <c r="AF226" s="78"/>
      <c r="AG226" s="78"/>
      <c r="AH226" s="78"/>
      <c r="AI226" s="78"/>
      <c r="AJ226" s="78"/>
      <c r="AK226" s="78"/>
      <c r="AL226" s="78"/>
      <c r="AM226" s="78"/>
      <c r="AN226" s="78"/>
      <c r="AO226" s="78"/>
      <c r="AP226" s="78"/>
      <c r="AQ226" s="78"/>
      <c r="AR226" s="78"/>
      <c r="AS226" s="78"/>
      <c r="AT226" s="78"/>
      <c r="AU226" s="78"/>
      <c r="AV226" s="78"/>
      <c r="AW226" s="78"/>
      <c r="AX226" s="78"/>
      <c r="AY226" s="78"/>
      <c r="AZ226" s="78"/>
      <c r="BA226" s="78"/>
      <c r="BB226" s="78"/>
      <c r="BC226" s="78"/>
      <c r="BD226" s="78"/>
      <c r="BE226" s="78"/>
      <c r="BF226" s="78"/>
      <c r="BG226" s="78"/>
      <c r="BH226" s="78"/>
      <c r="BI226" s="78"/>
      <c r="BJ226" s="78"/>
      <c r="BK226" s="78"/>
      <c r="BL226" s="78"/>
      <c r="BM226" s="78"/>
      <c r="BN226" s="78"/>
      <c r="BO226" s="78"/>
      <c r="BT226" s="82"/>
    </row>
    <row r="227" spans="17:72" ht="5.25" customHeight="1">
      <c r="Q227" s="81"/>
      <c r="R227" s="81"/>
      <c r="S227" s="78"/>
      <c r="T227" s="78"/>
      <c r="U227" s="78"/>
      <c r="V227" s="78"/>
      <c r="W227" s="78"/>
      <c r="X227" s="78"/>
      <c r="Y227" s="78"/>
      <c r="Z227" s="78"/>
      <c r="AA227" s="78"/>
      <c r="AB227" s="78"/>
      <c r="AC227" s="78"/>
      <c r="AD227" s="78"/>
      <c r="AE227" s="78"/>
      <c r="AF227" s="78"/>
      <c r="AG227" s="78"/>
      <c r="AH227" s="78"/>
      <c r="AI227" s="78"/>
      <c r="AJ227" s="78"/>
      <c r="AK227" s="78"/>
      <c r="AL227" s="78"/>
      <c r="AM227" s="78"/>
      <c r="AN227" s="78"/>
      <c r="AO227" s="78"/>
      <c r="AP227" s="78"/>
      <c r="AQ227" s="78"/>
      <c r="AR227" s="78"/>
      <c r="AS227" s="78"/>
      <c r="AT227" s="78"/>
      <c r="AU227" s="78"/>
      <c r="AV227" s="78"/>
      <c r="AW227" s="78"/>
      <c r="AX227" s="78"/>
      <c r="AY227" s="78"/>
      <c r="AZ227" s="78"/>
      <c r="BA227" s="78"/>
      <c r="BB227" s="78"/>
      <c r="BC227" s="78"/>
      <c r="BD227" s="78"/>
      <c r="BE227" s="78"/>
      <c r="BF227" s="78"/>
      <c r="BG227" s="78"/>
      <c r="BH227" s="78"/>
      <c r="BI227" s="78"/>
      <c r="BJ227" s="78"/>
      <c r="BK227" s="78"/>
      <c r="BL227" s="78"/>
      <c r="BM227" s="78"/>
      <c r="BN227" s="78"/>
      <c r="BO227" s="78"/>
      <c r="BT227" s="82"/>
    </row>
    <row r="228" spans="17:72" ht="5.25" customHeight="1">
      <c r="Q228" s="81"/>
      <c r="R228" s="81"/>
      <c r="S228" s="78"/>
      <c r="T228" s="78"/>
      <c r="U228" s="78"/>
      <c r="V228" s="78"/>
      <c r="W228" s="78"/>
      <c r="X228" s="78"/>
      <c r="Y228" s="78"/>
      <c r="Z228" s="78"/>
      <c r="AA228" s="78"/>
      <c r="AB228" s="78"/>
      <c r="AC228" s="78"/>
      <c r="AD228" s="78"/>
      <c r="AE228" s="78"/>
      <c r="AF228" s="78"/>
      <c r="AG228" s="78"/>
      <c r="AH228" s="78"/>
      <c r="AI228" s="78"/>
      <c r="AJ228" s="78"/>
      <c r="AK228" s="78"/>
      <c r="AL228" s="78"/>
      <c r="AM228" s="78"/>
      <c r="AN228" s="78"/>
      <c r="AO228" s="78"/>
      <c r="AP228" s="78"/>
      <c r="AQ228" s="78"/>
      <c r="AR228" s="78"/>
      <c r="AS228" s="78"/>
      <c r="AT228" s="78"/>
      <c r="AU228" s="78"/>
      <c r="AV228" s="78"/>
      <c r="AW228" s="78"/>
      <c r="AX228" s="78"/>
      <c r="AY228" s="78"/>
      <c r="AZ228" s="78"/>
      <c r="BA228" s="78"/>
      <c r="BB228" s="78"/>
      <c r="BC228" s="78"/>
      <c r="BD228" s="78"/>
      <c r="BE228" s="78"/>
      <c r="BF228" s="78"/>
      <c r="BG228" s="78"/>
      <c r="BH228" s="78"/>
      <c r="BI228" s="78"/>
      <c r="BJ228" s="78"/>
      <c r="BK228" s="78"/>
      <c r="BL228" s="78"/>
      <c r="BM228" s="78"/>
      <c r="BN228" s="78"/>
      <c r="BO228" s="78"/>
      <c r="BT228" s="82"/>
    </row>
    <row r="229" spans="17:72" ht="5.25" customHeight="1">
      <c r="Q229" s="81"/>
      <c r="R229" s="81"/>
      <c r="S229" s="78"/>
      <c r="T229" s="78"/>
      <c r="U229" s="78"/>
      <c r="V229" s="78"/>
      <c r="W229" s="78"/>
      <c r="X229" s="78"/>
      <c r="Y229" s="78"/>
      <c r="Z229" s="78"/>
      <c r="AA229" s="78"/>
      <c r="AB229" s="78"/>
      <c r="AC229" s="78"/>
      <c r="AD229" s="78"/>
      <c r="AE229" s="78"/>
      <c r="AF229" s="78"/>
      <c r="AG229" s="78"/>
      <c r="AH229" s="78"/>
      <c r="AI229" s="78"/>
      <c r="AJ229" s="78"/>
      <c r="AK229" s="78"/>
      <c r="AL229" s="78"/>
      <c r="AM229" s="78"/>
      <c r="AN229" s="78"/>
      <c r="AO229" s="78"/>
      <c r="AP229" s="78"/>
      <c r="AQ229" s="78"/>
      <c r="AR229" s="78"/>
      <c r="AS229" s="78"/>
      <c r="AT229" s="78"/>
      <c r="AU229" s="78"/>
      <c r="AV229" s="78"/>
      <c r="AW229" s="78"/>
      <c r="AX229" s="78"/>
      <c r="AY229" s="78"/>
      <c r="AZ229" s="78"/>
      <c r="BA229" s="78"/>
      <c r="BB229" s="78"/>
      <c r="BC229" s="78"/>
      <c r="BD229" s="78"/>
      <c r="BE229" s="78"/>
      <c r="BF229" s="78"/>
      <c r="BG229" s="78"/>
      <c r="BH229" s="78"/>
      <c r="BI229" s="78"/>
      <c r="BJ229" s="78"/>
      <c r="BK229" s="78"/>
      <c r="BL229" s="78"/>
      <c r="BM229" s="78"/>
      <c r="BN229" s="78"/>
      <c r="BO229" s="78"/>
    </row>
    <row r="230" spans="17:72" ht="5.25" customHeight="1">
      <c r="Q230" s="81"/>
      <c r="R230" s="81"/>
      <c r="S230" s="78"/>
      <c r="T230" s="78"/>
      <c r="U230" s="78"/>
      <c r="V230" s="78"/>
      <c r="W230" s="78"/>
      <c r="X230" s="78"/>
      <c r="Y230" s="78"/>
      <c r="Z230" s="78"/>
      <c r="AA230" s="78"/>
      <c r="AB230" s="78"/>
      <c r="AC230" s="78"/>
      <c r="AD230" s="78"/>
      <c r="AE230" s="78"/>
      <c r="AF230" s="78"/>
      <c r="AG230" s="78"/>
      <c r="AH230" s="78"/>
      <c r="AI230" s="78"/>
      <c r="AJ230" s="78"/>
      <c r="AK230" s="78"/>
      <c r="AL230" s="78"/>
      <c r="AM230" s="78"/>
      <c r="AN230" s="78"/>
      <c r="AO230" s="78"/>
      <c r="AP230" s="78"/>
      <c r="AQ230" s="78"/>
      <c r="AR230" s="78"/>
      <c r="AS230" s="78"/>
      <c r="AT230" s="78"/>
      <c r="AU230" s="78"/>
      <c r="AV230" s="78"/>
      <c r="AW230" s="78"/>
      <c r="AX230" s="78"/>
      <c r="AY230" s="78"/>
      <c r="AZ230" s="78"/>
      <c r="BA230" s="78"/>
      <c r="BB230" s="78"/>
      <c r="BC230" s="78"/>
      <c r="BD230" s="78"/>
      <c r="BE230" s="78"/>
      <c r="BF230" s="78"/>
      <c r="BG230" s="78"/>
      <c r="BH230" s="78"/>
      <c r="BI230" s="78"/>
      <c r="BJ230" s="78"/>
      <c r="BK230" s="78"/>
      <c r="BL230" s="78"/>
      <c r="BM230" s="78"/>
      <c r="BN230" s="78"/>
      <c r="BO230" s="78"/>
    </row>
    <row r="231" spans="17:72" ht="5.25" customHeight="1">
      <c r="Q231" s="81"/>
      <c r="R231" s="81"/>
      <c r="S231" s="78"/>
      <c r="T231" s="78"/>
      <c r="U231" s="78"/>
      <c r="V231" s="78"/>
      <c r="W231" s="78"/>
      <c r="X231" s="78"/>
      <c r="Y231" s="78"/>
      <c r="Z231" s="78"/>
      <c r="AA231" s="78"/>
      <c r="AB231" s="78"/>
      <c r="AC231" s="78"/>
      <c r="AD231" s="78"/>
      <c r="AE231" s="78"/>
      <c r="AF231" s="78"/>
      <c r="AG231" s="78"/>
      <c r="AH231" s="78"/>
      <c r="AI231" s="78"/>
      <c r="AJ231" s="78"/>
      <c r="AK231" s="78"/>
      <c r="AL231" s="78"/>
      <c r="AM231" s="78"/>
      <c r="AN231" s="78"/>
      <c r="AO231" s="78"/>
      <c r="AP231" s="78"/>
      <c r="AQ231" s="78"/>
      <c r="AR231" s="78"/>
      <c r="AS231" s="78"/>
      <c r="AT231" s="78"/>
      <c r="AU231" s="78"/>
      <c r="AV231" s="78"/>
      <c r="AW231" s="78"/>
      <c r="AX231" s="78"/>
      <c r="AY231" s="78"/>
      <c r="AZ231" s="78"/>
      <c r="BA231" s="78"/>
      <c r="BB231" s="78"/>
      <c r="BC231" s="78"/>
      <c r="BD231" s="78"/>
      <c r="BE231" s="78"/>
      <c r="BF231" s="78"/>
      <c r="BG231" s="78"/>
      <c r="BH231" s="78"/>
      <c r="BI231" s="78"/>
      <c r="BJ231" s="78"/>
      <c r="BK231" s="78"/>
      <c r="BL231" s="78"/>
      <c r="BM231" s="78"/>
      <c r="BN231" s="78"/>
      <c r="BO231" s="78"/>
    </row>
    <row r="232" spans="17:72" ht="5.25" customHeight="1">
      <c r="Q232" s="81"/>
      <c r="R232" s="81"/>
      <c r="S232" s="78"/>
      <c r="T232" s="78"/>
      <c r="U232" s="78"/>
      <c r="V232" s="78"/>
      <c r="W232" s="78"/>
      <c r="X232" s="78"/>
      <c r="Y232" s="78"/>
      <c r="Z232" s="78"/>
      <c r="AA232" s="78"/>
      <c r="AB232" s="78"/>
      <c r="AC232" s="78"/>
      <c r="AD232" s="78"/>
      <c r="AE232" s="78"/>
      <c r="AF232" s="78"/>
      <c r="AG232" s="78"/>
      <c r="AH232" s="78"/>
      <c r="AI232" s="78"/>
      <c r="AJ232" s="78"/>
      <c r="AK232" s="78"/>
      <c r="AL232" s="78"/>
      <c r="AM232" s="78"/>
      <c r="AN232" s="78"/>
      <c r="AO232" s="78"/>
      <c r="AP232" s="78"/>
      <c r="AQ232" s="78"/>
      <c r="AR232" s="78"/>
      <c r="AS232" s="78"/>
      <c r="AT232" s="78"/>
      <c r="AU232" s="78"/>
      <c r="AV232" s="78"/>
      <c r="AW232" s="78"/>
      <c r="AX232" s="78"/>
      <c r="AY232" s="78"/>
      <c r="AZ232" s="78"/>
      <c r="BA232" s="78"/>
      <c r="BB232" s="78"/>
      <c r="BC232" s="78"/>
      <c r="BD232" s="78"/>
      <c r="BE232" s="78"/>
      <c r="BF232" s="78"/>
      <c r="BG232" s="78"/>
      <c r="BH232" s="78"/>
      <c r="BI232" s="78"/>
      <c r="BJ232" s="78"/>
      <c r="BK232" s="78"/>
      <c r="BL232" s="78"/>
      <c r="BM232" s="78"/>
      <c r="BN232" s="78"/>
      <c r="BO232" s="78"/>
    </row>
    <row r="233" spans="17:72" ht="5.25" customHeight="1">
      <c r="Q233" s="81"/>
      <c r="R233" s="81"/>
      <c r="S233" s="78"/>
      <c r="T233" s="78"/>
      <c r="U233" s="78"/>
      <c r="V233" s="78"/>
      <c r="W233" s="78"/>
      <c r="X233" s="78"/>
      <c r="Y233" s="78"/>
      <c r="Z233" s="78"/>
      <c r="AA233" s="78"/>
      <c r="AB233" s="78"/>
      <c r="AC233" s="78"/>
      <c r="AD233" s="78"/>
      <c r="AE233" s="78"/>
      <c r="AF233" s="78"/>
      <c r="AG233" s="78"/>
      <c r="AH233" s="78"/>
      <c r="AI233" s="78"/>
      <c r="AJ233" s="78"/>
      <c r="AK233" s="78"/>
      <c r="AL233" s="78"/>
      <c r="AM233" s="78"/>
      <c r="AN233" s="78"/>
      <c r="AO233" s="78"/>
      <c r="AP233" s="78"/>
      <c r="AQ233" s="78"/>
      <c r="AR233" s="78"/>
      <c r="AS233" s="78"/>
      <c r="AT233" s="78"/>
      <c r="AU233" s="78"/>
      <c r="AV233" s="78"/>
      <c r="AW233" s="78"/>
      <c r="AX233" s="78"/>
      <c r="AY233" s="78"/>
      <c r="AZ233" s="78"/>
      <c r="BA233" s="78"/>
      <c r="BB233" s="78"/>
      <c r="BC233" s="78"/>
      <c r="BD233" s="78"/>
      <c r="BE233" s="78"/>
      <c r="BF233" s="78"/>
      <c r="BG233" s="78"/>
      <c r="BH233" s="78"/>
      <c r="BI233" s="78"/>
      <c r="BJ233" s="78"/>
      <c r="BK233" s="78"/>
      <c r="BL233" s="78"/>
      <c r="BM233" s="78"/>
      <c r="BN233" s="78"/>
      <c r="BO233" s="78"/>
    </row>
    <row r="234" spans="17:72" ht="5.25" customHeight="1">
      <c r="Q234" s="81"/>
      <c r="R234" s="81"/>
      <c r="S234" s="78"/>
      <c r="T234" s="78"/>
      <c r="U234" s="78"/>
      <c r="V234" s="78"/>
      <c r="W234" s="78"/>
      <c r="X234" s="78"/>
      <c r="Y234" s="78"/>
      <c r="Z234" s="78"/>
      <c r="AA234" s="78"/>
      <c r="AB234" s="78"/>
      <c r="AC234" s="78"/>
      <c r="AD234" s="78"/>
      <c r="AE234" s="78"/>
      <c r="AF234" s="78"/>
      <c r="AG234" s="78"/>
      <c r="AH234" s="78"/>
      <c r="AI234" s="78"/>
      <c r="AJ234" s="78"/>
      <c r="AK234" s="78"/>
      <c r="AL234" s="78"/>
      <c r="AM234" s="78"/>
      <c r="AN234" s="78"/>
      <c r="AO234" s="78"/>
      <c r="AP234" s="78"/>
      <c r="AQ234" s="78"/>
      <c r="AR234" s="78"/>
      <c r="AS234" s="78"/>
      <c r="AT234" s="78"/>
      <c r="AU234" s="78"/>
      <c r="AV234" s="78"/>
      <c r="AW234" s="78"/>
      <c r="AX234" s="78"/>
      <c r="AY234" s="78"/>
      <c r="AZ234" s="78"/>
      <c r="BA234" s="78"/>
      <c r="BB234" s="78"/>
      <c r="BC234" s="78"/>
      <c r="BD234" s="78"/>
      <c r="BE234" s="78"/>
      <c r="BF234" s="78"/>
      <c r="BG234" s="78"/>
      <c r="BH234" s="78"/>
      <c r="BI234" s="78"/>
      <c r="BJ234" s="78"/>
      <c r="BK234" s="78"/>
      <c r="BL234" s="78"/>
      <c r="BM234" s="78"/>
      <c r="BN234" s="78"/>
      <c r="BO234" s="78"/>
    </row>
    <row r="235" spans="17:72" ht="5.25" customHeight="1">
      <c r="AO235" s="78"/>
      <c r="AP235" s="78"/>
      <c r="AQ235" s="78"/>
      <c r="AR235" s="78"/>
      <c r="AS235" s="78"/>
      <c r="AT235" s="78"/>
      <c r="AU235" s="78"/>
      <c r="AV235" s="78"/>
      <c r="AW235" s="78"/>
      <c r="AX235" s="78"/>
      <c r="AY235" s="78"/>
      <c r="AZ235" s="78"/>
      <c r="BA235" s="78"/>
      <c r="BB235" s="78"/>
      <c r="BC235" s="78"/>
      <c r="BD235" s="78"/>
      <c r="BE235" s="78"/>
      <c r="BF235" s="78"/>
      <c r="BG235" s="78"/>
      <c r="BH235" s="78"/>
      <c r="BI235" s="78"/>
      <c r="BJ235" s="78"/>
      <c r="BK235" s="78"/>
      <c r="BL235" s="78"/>
      <c r="BM235" s="78"/>
      <c r="BN235" s="78"/>
      <c r="BO235" s="78"/>
    </row>
  </sheetData>
  <mergeCells count="210">
    <mergeCell ref="AO158:AZ161"/>
    <mergeCell ref="BA158:BG161"/>
    <mergeCell ref="D182:R185"/>
    <mergeCell ref="S182:AD185"/>
    <mergeCell ref="AB191:AP192"/>
    <mergeCell ref="BH158:BO161"/>
    <mergeCell ref="D160:L163"/>
    <mergeCell ref="AO162:BO165"/>
    <mergeCell ref="D166:AD168"/>
    <mergeCell ref="D169:AM177"/>
    <mergeCell ref="D178:R181"/>
    <mergeCell ref="S178:AD181"/>
    <mergeCell ref="Q131:AC134"/>
    <mergeCell ref="AD131:AM134"/>
    <mergeCell ref="AO131:BO140"/>
    <mergeCell ref="Q135:AC138"/>
    <mergeCell ref="AD135:AM138"/>
    <mergeCell ref="Q125:S126"/>
    <mergeCell ref="D141:Z143"/>
    <mergeCell ref="AO143:BO145"/>
    <mergeCell ref="D144:L147"/>
    <mergeCell ref="M144:AM147"/>
    <mergeCell ref="AO146:AZ149"/>
    <mergeCell ref="BA146:BE149"/>
    <mergeCell ref="BF146:BM149"/>
    <mergeCell ref="BN146:BO149"/>
    <mergeCell ref="D148:L151"/>
    <mergeCell ref="AO150:AZ153"/>
    <mergeCell ref="BA150:BO153"/>
    <mergeCell ref="D152:L155"/>
    <mergeCell ref="AO154:AZ157"/>
    <mergeCell ref="BA154:BG155"/>
    <mergeCell ref="BH154:BO155"/>
    <mergeCell ref="D156:L159"/>
    <mergeCell ref="BA156:BG157"/>
    <mergeCell ref="BH156:BO157"/>
    <mergeCell ref="D127:L130"/>
    <mergeCell ref="M127:P130"/>
    <mergeCell ref="Q127:S128"/>
    <mergeCell ref="T127:Y130"/>
    <mergeCell ref="AD127:AM130"/>
    <mergeCell ref="BA119:BO122"/>
    <mergeCell ref="Q121:S122"/>
    <mergeCell ref="D123:L126"/>
    <mergeCell ref="M123:P126"/>
    <mergeCell ref="Q123:S124"/>
    <mergeCell ref="T123:Y126"/>
    <mergeCell ref="AD123:AM126"/>
    <mergeCell ref="AO123:AT130"/>
    <mergeCell ref="AU123:AZ126"/>
    <mergeCell ref="BA123:BO126"/>
    <mergeCell ref="D119:L122"/>
    <mergeCell ref="M119:P122"/>
    <mergeCell ref="Q119:S120"/>
    <mergeCell ref="T119:Y122"/>
    <mergeCell ref="AD119:AM122"/>
    <mergeCell ref="AO119:AZ122"/>
    <mergeCell ref="AU127:AZ130"/>
    <mergeCell ref="BA127:BO130"/>
    <mergeCell ref="Q129:S130"/>
    <mergeCell ref="D112:U114"/>
    <mergeCell ref="AO112:BO114"/>
    <mergeCell ref="D115:L118"/>
    <mergeCell ref="M115:P118"/>
    <mergeCell ref="Q115:Y118"/>
    <mergeCell ref="Z115:AC118"/>
    <mergeCell ref="AD115:AM118"/>
    <mergeCell ref="AO115:AZ118"/>
    <mergeCell ref="BA115:BO118"/>
    <mergeCell ref="BD102:BJ105"/>
    <mergeCell ref="BK102:BO105"/>
    <mergeCell ref="D106:AP107"/>
    <mergeCell ref="AQ106:BC109"/>
    <mergeCell ref="BD106:BO109"/>
    <mergeCell ref="D108:AK109"/>
    <mergeCell ref="D102:M105"/>
    <mergeCell ref="N102:X105"/>
    <mergeCell ref="Y102:AH105"/>
    <mergeCell ref="AI102:AP105"/>
    <mergeCell ref="AQ102:AS105"/>
    <mergeCell ref="AT102:BC105"/>
    <mergeCell ref="BK94:BO97"/>
    <mergeCell ref="I98:M101"/>
    <mergeCell ref="N98:X101"/>
    <mergeCell ref="Y98:AH101"/>
    <mergeCell ref="AI98:AS101"/>
    <mergeCell ref="BD98:BJ101"/>
    <mergeCell ref="BK98:BO101"/>
    <mergeCell ref="BD90:BO91"/>
    <mergeCell ref="AI92:AS93"/>
    <mergeCell ref="BD92:BO93"/>
    <mergeCell ref="D94:H101"/>
    <mergeCell ref="I94:M97"/>
    <mergeCell ref="N94:X97"/>
    <mergeCell ref="Y94:AH97"/>
    <mergeCell ref="AI94:AS97"/>
    <mergeCell ref="AT94:BC101"/>
    <mergeCell ref="BD94:BJ97"/>
    <mergeCell ref="D87:AQ89"/>
    <mergeCell ref="D90:M93"/>
    <mergeCell ref="N90:X93"/>
    <mergeCell ref="Y90:AH93"/>
    <mergeCell ref="AI90:AS91"/>
    <mergeCell ref="AT90:BC93"/>
    <mergeCell ref="D81:J85"/>
    <mergeCell ref="K81:W85"/>
    <mergeCell ref="Y81:AC85"/>
    <mergeCell ref="AD81:AN85"/>
    <mergeCell ref="AO81:BB85"/>
    <mergeCell ref="BC81:BO85"/>
    <mergeCell ref="D76:J80"/>
    <mergeCell ref="K76:W80"/>
    <mergeCell ref="Y76:AC80"/>
    <mergeCell ref="AD76:AN80"/>
    <mergeCell ref="AO76:BB80"/>
    <mergeCell ref="BC76:BO80"/>
    <mergeCell ref="D71:J75"/>
    <mergeCell ref="K71:W75"/>
    <mergeCell ref="Y71:AC75"/>
    <mergeCell ref="AD71:AN75"/>
    <mergeCell ref="AO71:BB75"/>
    <mergeCell ref="BC71:BO75"/>
    <mergeCell ref="AX61:BF64"/>
    <mergeCell ref="Y64:AT66"/>
    <mergeCell ref="D66:L70"/>
    <mergeCell ref="M66:W70"/>
    <mergeCell ref="Y67:AC70"/>
    <mergeCell ref="AD67:AN70"/>
    <mergeCell ref="AO67:BB70"/>
    <mergeCell ref="BC67:BO70"/>
    <mergeCell ref="D57:E60"/>
    <mergeCell ref="F57:K60"/>
    <mergeCell ref="L57:N60"/>
    <mergeCell ref="O57:W60"/>
    <mergeCell ref="AO57:AW60"/>
    <mergeCell ref="D61:L65"/>
    <mergeCell ref="M61:W65"/>
    <mergeCell ref="D49:E52"/>
    <mergeCell ref="F49:K52"/>
    <mergeCell ref="L49:N52"/>
    <mergeCell ref="O49:W52"/>
    <mergeCell ref="AO49:AW52"/>
    <mergeCell ref="D53:E56"/>
    <mergeCell ref="F53:K56"/>
    <mergeCell ref="L53:N56"/>
    <mergeCell ref="O53:W56"/>
    <mergeCell ref="AO53:AW56"/>
    <mergeCell ref="AO41:AW44"/>
    <mergeCell ref="AX41:BF44"/>
    <mergeCell ref="BG41:BO44"/>
    <mergeCell ref="D45:E48"/>
    <mergeCell ref="F45:K48"/>
    <mergeCell ref="L45:N48"/>
    <mergeCell ref="O45:W48"/>
    <mergeCell ref="AO45:AW48"/>
    <mergeCell ref="AX45:BF48"/>
    <mergeCell ref="BG45:BO48"/>
    <mergeCell ref="Y38:AL40"/>
    <mergeCell ref="D41:E44"/>
    <mergeCell ref="F41:K44"/>
    <mergeCell ref="L41:N44"/>
    <mergeCell ref="O41:W44"/>
    <mergeCell ref="Y41:AC44"/>
    <mergeCell ref="AD41:AN44"/>
    <mergeCell ref="D33:E36"/>
    <mergeCell ref="F33:K36"/>
    <mergeCell ref="L33:N36"/>
    <mergeCell ref="O33:W36"/>
    <mergeCell ref="D37:E40"/>
    <mergeCell ref="F37:K40"/>
    <mergeCell ref="L37:N40"/>
    <mergeCell ref="O37:W40"/>
    <mergeCell ref="D25:E28"/>
    <mergeCell ref="F25:K28"/>
    <mergeCell ref="L25:N28"/>
    <mergeCell ref="O25:W28"/>
    <mergeCell ref="D29:E32"/>
    <mergeCell ref="F29:K32"/>
    <mergeCell ref="L29:N32"/>
    <mergeCell ref="O29:W32"/>
    <mergeCell ref="D17:E20"/>
    <mergeCell ref="F17:K20"/>
    <mergeCell ref="L17:N20"/>
    <mergeCell ref="O17:W20"/>
    <mergeCell ref="D21:E24"/>
    <mergeCell ref="F21:K24"/>
    <mergeCell ref="L21:N24"/>
    <mergeCell ref="O21:W24"/>
    <mergeCell ref="D13:E16"/>
    <mergeCell ref="F13:K16"/>
    <mergeCell ref="L13:N16"/>
    <mergeCell ref="O13:W16"/>
    <mergeCell ref="AO13:AW16"/>
    <mergeCell ref="AX13:BF16"/>
    <mergeCell ref="BG13:BO16"/>
    <mergeCell ref="D9:E12"/>
    <mergeCell ref="F9:K12"/>
    <mergeCell ref="L9:N12"/>
    <mergeCell ref="O9:W12"/>
    <mergeCell ref="Y9:AC12"/>
    <mergeCell ref="AD9:AN12"/>
    <mergeCell ref="D1:V3"/>
    <mergeCell ref="BN1:BP4"/>
    <mergeCell ref="D4:D8"/>
    <mergeCell ref="E4:V8"/>
    <mergeCell ref="W4:W8"/>
    <mergeCell ref="Y6:BG8"/>
    <mergeCell ref="AO9:AW12"/>
    <mergeCell ref="AX9:BF12"/>
    <mergeCell ref="BG9:BO12"/>
  </mergeCells>
  <phoneticPr fontId="2"/>
  <pageMargins left="0.22" right="0.27" top="0.6" bottom="0" header="0" footer="0"/>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BT235"/>
  <sheetViews>
    <sheetView view="pageBreakPreview" topLeftCell="A160" zoomScale="145" zoomScaleNormal="100" zoomScaleSheetLayoutView="145" workbookViewId="0">
      <selection activeCell="K76" sqref="K76:W80"/>
    </sheetView>
  </sheetViews>
  <sheetFormatPr defaultColWidth="1.5" defaultRowHeight="5.25" customHeight="1"/>
  <cols>
    <col min="1" max="2" width="1.5" style="78" customWidth="1"/>
    <col min="3" max="3" width="1.25" style="80" customWidth="1"/>
    <col min="4" max="67" width="1.5" style="79" customWidth="1"/>
    <col min="68" max="68" width="0.5" style="78" customWidth="1"/>
    <col min="69" max="256" width="1.5" style="78"/>
    <col min="257" max="258" width="1.5" style="78" customWidth="1"/>
    <col min="259" max="259" width="1.25" style="78" customWidth="1"/>
    <col min="260" max="323" width="1.5" style="78" customWidth="1"/>
    <col min="324" max="324" width="0.5" style="78" customWidth="1"/>
    <col min="325" max="512" width="1.5" style="78"/>
    <col min="513" max="514" width="1.5" style="78" customWidth="1"/>
    <col min="515" max="515" width="1.25" style="78" customWidth="1"/>
    <col min="516" max="579" width="1.5" style="78" customWidth="1"/>
    <col min="580" max="580" width="0.5" style="78" customWidth="1"/>
    <col min="581" max="768" width="1.5" style="78"/>
    <col min="769" max="770" width="1.5" style="78" customWidth="1"/>
    <col min="771" max="771" width="1.25" style="78" customWidth="1"/>
    <col min="772" max="835" width="1.5" style="78" customWidth="1"/>
    <col min="836" max="836" width="0.5" style="78" customWidth="1"/>
    <col min="837" max="1024" width="1.5" style="78"/>
    <col min="1025" max="1026" width="1.5" style="78" customWidth="1"/>
    <col min="1027" max="1027" width="1.25" style="78" customWidth="1"/>
    <col min="1028" max="1091" width="1.5" style="78" customWidth="1"/>
    <col min="1092" max="1092" width="0.5" style="78" customWidth="1"/>
    <col min="1093" max="1280" width="1.5" style="78"/>
    <col min="1281" max="1282" width="1.5" style="78" customWidth="1"/>
    <col min="1283" max="1283" width="1.25" style="78" customWidth="1"/>
    <col min="1284" max="1347" width="1.5" style="78" customWidth="1"/>
    <col min="1348" max="1348" width="0.5" style="78" customWidth="1"/>
    <col min="1349" max="1536" width="1.5" style="78"/>
    <col min="1537" max="1538" width="1.5" style="78" customWidth="1"/>
    <col min="1539" max="1539" width="1.25" style="78" customWidth="1"/>
    <col min="1540" max="1603" width="1.5" style="78" customWidth="1"/>
    <col min="1604" max="1604" width="0.5" style="78" customWidth="1"/>
    <col min="1605" max="1792" width="1.5" style="78"/>
    <col min="1793" max="1794" width="1.5" style="78" customWidth="1"/>
    <col min="1795" max="1795" width="1.25" style="78" customWidth="1"/>
    <col min="1796" max="1859" width="1.5" style="78" customWidth="1"/>
    <col min="1860" max="1860" width="0.5" style="78" customWidth="1"/>
    <col min="1861" max="2048" width="1.5" style="78"/>
    <col min="2049" max="2050" width="1.5" style="78" customWidth="1"/>
    <col min="2051" max="2051" width="1.25" style="78" customWidth="1"/>
    <col min="2052" max="2115" width="1.5" style="78" customWidth="1"/>
    <col min="2116" max="2116" width="0.5" style="78" customWidth="1"/>
    <col min="2117" max="2304" width="1.5" style="78"/>
    <col min="2305" max="2306" width="1.5" style="78" customWidth="1"/>
    <col min="2307" max="2307" width="1.25" style="78" customWidth="1"/>
    <col min="2308" max="2371" width="1.5" style="78" customWidth="1"/>
    <col min="2372" max="2372" width="0.5" style="78" customWidth="1"/>
    <col min="2373" max="2560" width="1.5" style="78"/>
    <col min="2561" max="2562" width="1.5" style="78" customWidth="1"/>
    <col min="2563" max="2563" width="1.25" style="78" customWidth="1"/>
    <col min="2564" max="2627" width="1.5" style="78" customWidth="1"/>
    <col min="2628" max="2628" width="0.5" style="78" customWidth="1"/>
    <col min="2629" max="2816" width="1.5" style="78"/>
    <col min="2817" max="2818" width="1.5" style="78" customWidth="1"/>
    <col min="2819" max="2819" width="1.25" style="78" customWidth="1"/>
    <col min="2820" max="2883" width="1.5" style="78" customWidth="1"/>
    <col min="2884" max="2884" width="0.5" style="78" customWidth="1"/>
    <col min="2885" max="3072" width="1.5" style="78"/>
    <col min="3073" max="3074" width="1.5" style="78" customWidth="1"/>
    <col min="3075" max="3075" width="1.25" style="78" customWidth="1"/>
    <col min="3076" max="3139" width="1.5" style="78" customWidth="1"/>
    <col min="3140" max="3140" width="0.5" style="78" customWidth="1"/>
    <col min="3141" max="3328" width="1.5" style="78"/>
    <col min="3329" max="3330" width="1.5" style="78" customWidth="1"/>
    <col min="3331" max="3331" width="1.25" style="78" customWidth="1"/>
    <col min="3332" max="3395" width="1.5" style="78" customWidth="1"/>
    <col min="3396" max="3396" width="0.5" style="78" customWidth="1"/>
    <col min="3397" max="3584" width="1.5" style="78"/>
    <col min="3585" max="3586" width="1.5" style="78" customWidth="1"/>
    <col min="3587" max="3587" width="1.25" style="78" customWidth="1"/>
    <col min="3588" max="3651" width="1.5" style="78" customWidth="1"/>
    <col min="3652" max="3652" width="0.5" style="78" customWidth="1"/>
    <col min="3653" max="3840" width="1.5" style="78"/>
    <col min="3841" max="3842" width="1.5" style="78" customWidth="1"/>
    <col min="3843" max="3843" width="1.25" style="78" customWidth="1"/>
    <col min="3844" max="3907" width="1.5" style="78" customWidth="1"/>
    <col min="3908" max="3908" width="0.5" style="78" customWidth="1"/>
    <col min="3909" max="4096" width="1.5" style="78"/>
    <col min="4097" max="4098" width="1.5" style="78" customWidth="1"/>
    <col min="4099" max="4099" width="1.25" style="78" customWidth="1"/>
    <col min="4100" max="4163" width="1.5" style="78" customWidth="1"/>
    <col min="4164" max="4164" width="0.5" style="78" customWidth="1"/>
    <col min="4165" max="4352" width="1.5" style="78"/>
    <col min="4353" max="4354" width="1.5" style="78" customWidth="1"/>
    <col min="4355" max="4355" width="1.25" style="78" customWidth="1"/>
    <col min="4356" max="4419" width="1.5" style="78" customWidth="1"/>
    <col min="4420" max="4420" width="0.5" style="78" customWidth="1"/>
    <col min="4421" max="4608" width="1.5" style="78"/>
    <col min="4609" max="4610" width="1.5" style="78" customWidth="1"/>
    <col min="4611" max="4611" width="1.25" style="78" customWidth="1"/>
    <col min="4612" max="4675" width="1.5" style="78" customWidth="1"/>
    <col min="4676" max="4676" width="0.5" style="78" customWidth="1"/>
    <col min="4677" max="4864" width="1.5" style="78"/>
    <col min="4865" max="4866" width="1.5" style="78" customWidth="1"/>
    <col min="4867" max="4867" width="1.25" style="78" customWidth="1"/>
    <col min="4868" max="4931" width="1.5" style="78" customWidth="1"/>
    <col min="4932" max="4932" width="0.5" style="78" customWidth="1"/>
    <col min="4933" max="5120" width="1.5" style="78"/>
    <col min="5121" max="5122" width="1.5" style="78" customWidth="1"/>
    <col min="5123" max="5123" width="1.25" style="78" customWidth="1"/>
    <col min="5124" max="5187" width="1.5" style="78" customWidth="1"/>
    <col min="5188" max="5188" width="0.5" style="78" customWidth="1"/>
    <col min="5189" max="5376" width="1.5" style="78"/>
    <col min="5377" max="5378" width="1.5" style="78" customWidth="1"/>
    <col min="5379" max="5379" width="1.25" style="78" customWidth="1"/>
    <col min="5380" max="5443" width="1.5" style="78" customWidth="1"/>
    <col min="5444" max="5444" width="0.5" style="78" customWidth="1"/>
    <col min="5445" max="5632" width="1.5" style="78"/>
    <col min="5633" max="5634" width="1.5" style="78" customWidth="1"/>
    <col min="5635" max="5635" width="1.25" style="78" customWidth="1"/>
    <col min="5636" max="5699" width="1.5" style="78" customWidth="1"/>
    <col min="5700" max="5700" width="0.5" style="78" customWidth="1"/>
    <col min="5701" max="5888" width="1.5" style="78"/>
    <col min="5889" max="5890" width="1.5" style="78" customWidth="1"/>
    <col min="5891" max="5891" width="1.25" style="78" customWidth="1"/>
    <col min="5892" max="5955" width="1.5" style="78" customWidth="1"/>
    <col min="5956" max="5956" width="0.5" style="78" customWidth="1"/>
    <col min="5957" max="6144" width="1.5" style="78"/>
    <col min="6145" max="6146" width="1.5" style="78" customWidth="1"/>
    <col min="6147" max="6147" width="1.25" style="78" customWidth="1"/>
    <col min="6148" max="6211" width="1.5" style="78" customWidth="1"/>
    <col min="6212" max="6212" width="0.5" style="78" customWidth="1"/>
    <col min="6213" max="6400" width="1.5" style="78"/>
    <col min="6401" max="6402" width="1.5" style="78" customWidth="1"/>
    <col min="6403" max="6403" width="1.25" style="78" customWidth="1"/>
    <col min="6404" max="6467" width="1.5" style="78" customWidth="1"/>
    <col min="6468" max="6468" width="0.5" style="78" customWidth="1"/>
    <col min="6469" max="6656" width="1.5" style="78"/>
    <col min="6657" max="6658" width="1.5" style="78" customWidth="1"/>
    <col min="6659" max="6659" width="1.25" style="78" customWidth="1"/>
    <col min="6660" max="6723" width="1.5" style="78" customWidth="1"/>
    <col min="6724" max="6724" width="0.5" style="78" customWidth="1"/>
    <col min="6725" max="6912" width="1.5" style="78"/>
    <col min="6913" max="6914" width="1.5" style="78" customWidth="1"/>
    <col min="6915" max="6915" width="1.25" style="78" customWidth="1"/>
    <col min="6916" max="6979" width="1.5" style="78" customWidth="1"/>
    <col min="6980" max="6980" width="0.5" style="78" customWidth="1"/>
    <col min="6981" max="7168" width="1.5" style="78"/>
    <col min="7169" max="7170" width="1.5" style="78" customWidth="1"/>
    <col min="7171" max="7171" width="1.25" style="78" customWidth="1"/>
    <col min="7172" max="7235" width="1.5" style="78" customWidth="1"/>
    <col min="7236" max="7236" width="0.5" style="78" customWidth="1"/>
    <col min="7237" max="7424" width="1.5" style="78"/>
    <col min="7425" max="7426" width="1.5" style="78" customWidth="1"/>
    <col min="7427" max="7427" width="1.25" style="78" customWidth="1"/>
    <col min="7428" max="7491" width="1.5" style="78" customWidth="1"/>
    <col min="7492" max="7492" width="0.5" style="78" customWidth="1"/>
    <col min="7493" max="7680" width="1.5" style="78"/>
    <col min="7681" max="7682" width="1.5" style="78" customWidth="1"/>
    <col min="7683" max="7683" width="1.25" style="78" customWidth="1"/>
    <col min="7684" max="7747" width="1.5" style="78" customWidth="1"/>
    <col min="7748" max="7748" width="0.5" style="78" customWidth="1"/>
    <col min="7749" max="7936" width="1.5" style="78"/>
    <col min="7937" max="7938" width="1.5" style="78" customWidth="1"/>
    <col min="7939" max="7939" width="1.25" style="78" customWidth="1"/>
    <col min="7940" max="8003" width="1.5" style="78" customWidth="1"/>
    <col min="8004" max="8004" width="0.5" style="78" customWidth="1"/>
    <col min="8005" max="8192" width="1.5" style="78"/>
    <col min="8193" max="8194" width="1.5" style="78" customWidth="1"/>
    <col min="8195" max="8195" width="1.25" style="78" customWidth="1"/>
    <col min="8196" max="8259" width="1.5" style="78" customWidth="1"/>
    <col min="8260" max="8260" width="0.5" style="78" customWidth="1"/>
    <col min="8261" max="8448" width="1.5" style="78"/>
    <col min="8449" max="8450" width="1.5" style="78" customWidth="1"/>
    <col min="8451" max="8451" width="1.25" style="78" customWidth="1"/>
    <col min="8452" max="8515" width="1.5" style="78" customWidth="1"/>
    <col min="8516" max="8516" width="0.5" style="78" customWidth="1"/>
    <col min="8517" max="8704" width="1.5" style="78"/>
    <col min="8705" max="8706" width="1.5" style="78" customWidth="1"/>
    <col min="8707" max="8707" width="1.25" style="78" customWidth="1"/>
    <col min="8708" max="8771" width="1.5" style="78" customWidth="1"/>
    <col min="8772" max="8772" width="0.5" style="78" customWidth="1"/>
    <col min="8773" max="8960" width="1.5" style="78"/>
    <col min="8961" max="8962" width="1.5" style="78" customWidth="1"/>
    <col min="8963" max="8963" width="1.25" style="78" customWidth="1"/>
    <col min="8964" max="9027" width="1.5" style="78" customWidth="1"/>
    <col min="9028" max="9028" width="0.5" style="78" customWidth="1"/>
    <col min="9029" max="9216" width="1.5" style="78"/>
    <col min="9217" max="9218" width="1.5" style="78" customWidth="1"/>
    <col min="9219" max="9219" width="1.25" style="78" customWidth="1"/>
    <col min="9220" max="9283" width="1.5" style="78" customWidth="1"/>
    <col min="9284" max="9284" width="0.5" style="78" customWidth="1"/>
    <col min="9285" max="9472" width="1.5" style="78"/>
    <col min="9473" max="9474" width="1.5" style="78" customWidth="1"/>
    <col min="9475" max="9475" width="1.25" style="78" customWidth="1"/>
    <col min="9476" max="9539" width="1.5" style="78" customWidth="1"/>
    <col min="9540" max="9540" width="0.5" style="78" customWidth="1"/>
    <col min="9541" max="9728" width="1.5" style="78"/>
    <col min="9729" max="9730" width="1.5" style="78" customWidth="1"/>
    <col min="9731" max="9731" width="1.25" style="78" customWidth="1"/>
    <col min="9732" max="9795" width="1.5" style="78" customWidth="1"/>
    <col min="9796" max="9796" width="0.5" style="78" customWidth="1"/>
    <col min="9797" max="9984" width="1.5" style="78"/>
    <col min="9985" max="9986" width="1.5" style="78" customWidth="1"/>
    <col min="9987" max="9987" width="1.25" style="78" customWidth="1"/>
    <col min="9988" max="10051" width="1.5" style="78" customWidth="1"/>
    <col min="10052" max="10052" width="0.5" style="78" customWidth="1"/>
    <col min="10053" max="10240" width="1.5" style="78"/>
    <col min="10241" max="10242" width="1.5" style="78" customWidth="1"/>
    <col min="10243" max="10243" width="1.25" style="78" customWidth="1"/>
    <col min="10244" max="10307" width="1.5" style="78" customWidth="1"/>
    <col min="10308" max="10308" width="0.5" style="78" customWidth="1"/>
    <col min="10309" max="10496" width="1.5" style="78"/>
    <col min="10497" max="10498" width="1.5" style="78" customWidth="1"/>
    <col min="10499" max="10499" width="1.25" style="78" customWidth="1"/>
    <col min="10500" max="10563" width="1.5" style="78" customWidth="1"/>
    <col min="10564" max="10564" width="0.5" style="78" customWidth="1"/>
    <col min="10565" max="10752" width="1.5" style="78"/>
    <col min="10753" max="10754" width="1.5" style="78" customWidth="1"/>
    <col min="10755" max="10755" width="1.25" style="78" customWidth="1"/>
    <col min="10756" max="10819" width="1.5" style="78" customWidth="1"/>
    <col min="10820" max="10820" width="0.5" style="78" customWidth="1"/>
    <col min="10821" max="11008" width="1.5" style="78"/>
    <col min="11009" max="11010" width="1.5" style="78" customWidth="1"/>
    <col min="11011" max="11011" width="1.25" style="78" customWidth="1"/>
    <col min="11012" max="11075" width="1.5" style="78" customWidth="1"/>
    <col min="11076" max="11076" width="0.5" style="78" customWidth="1"/>
    <col min="11077" max="11264" width="1.5" style="78"/>
    <col min="11265" max="11266" width="1.5" style="78" customWidth="1"/>
    <col min="11267" max="11267" width="1.25" style="78" customWidth="1"/>
    <col min="11268" max="11331" width="1.5" style="78" customWidth="1"/>
    <col min="11332" max="11332" width="0.5" style="78" customWidth="1"/>
    <col min="11333" max="11520" width="1.5" style="78"/>
    <col min="11521" max="11522" width="1.5" style="78" customWidth="1"/>
    <col min="11523" max="11523" width="1.25" style="78" customWidth="1"/>
    <col min="11524" max="11587" width="1.5" style="78" customWidth="1"/>
    <col min="11588" max="11588" width="0.5" style="78" customWidth="1"/>
    <col min="11589" max="11776" width="1.5" style="78"/>
    <col min="11777" max="11778" width="1.5" style="78" customWidth="1"/>
    <col min="11779" max="11779" width="1.25" style="78" customWidth="1"/>
    <col min="11780" max="11843" width="1.5" style="78" customWidth="1"/>
    <col min="11844" max="11844" width="0.5" style="78" customWidth="1"/>
    <col min="11845" max="12032" width="1.5" style="78"/>
    <col min="12033" max="12034" width="1.5" style="78" customWidth="1"/>
    <col min="12035" max="12035" width="1.25" style="78" customWidth="1"/>
    <col min="12036" max="12099" width="1.5" style="78" customWidth="1"/>
    <col min="12100" max="12100" width="0.5" style="78" customWidth="1"/>
    <col min="12101" max="12288" width="1.5" style="78"/>
    <col min="12289" max="12290" width="1.5" style="78" customWidth="1"/>
    <col min="12291" max="12291" width="1.25" style="78" customWidth="1"/>
    <col min="12292" max="12355" width="1.5" style="78" customWidth="1"/>
    <col min="12356" max="12356" width="0.5" style="78" customWidth="1"/>
    <col min="12357" max="12544" width="1.5" style="78"/>
    <col min="12545" max="12546" width="1.5" style="78" customWidth="1"/>
    <col min="12547" max="12547" width="1.25" style="78" customWidth="1"/>
    <col min="12548" max="12611" width="1.5" style="78" customWidth="1"/>
    <col min="12612" max="12612" width="0.5" style="78" customWidth="1"/>
    <col min="12613" max="12800" width="1.5" style="78"/>
    <col min="12801" max="12802" width="1.5" style="78" customWidth="1"/>
    <col min="12803" max="12803" width="1.25" style="78" customWidth="1"/>
    <col min="12804" max="12867" width="1.5" style="78" customWidth="1"/>
    <col min="12868" max="12868" width="0.5" style="78" customWidth="1"/>
    <col min="12869" max="13056" width="1.5" style="78"/>
    <col min="13057" max="13058" width="1.5" style="78" customWidth="1"/>
    <col min="13059" max="13059" width="1.25" style="78" customWidth="1"/>
    <col min="13060" max="13123" width="1.5" style="78" customWidth="1"/>
    <col min="13124" max="13124" width="0.5" style="78" customWidth="1"/>
    <col min="13125" max="13312" width="1.5" style="78"/>
    <col min="13313" max="13314" width="1.5" style="78" customWidth="1"/>
    <col min="13315" max="13315" width="1.25" style="78" customWidth="1"/>
    <col min="13316" max="13379" width="1.5" style="78" customWidth="1"/>
    <col min="13380" max="13380" width="0.5" style="78" customWidth="1"/>
    <col min="13381" max="13568" width="1.5" style="78"/>
    <col min="13569" max="13570" width="1.5" style="78" customWidth="1"/>
    <col min="13571" max="13571" width="1.25" style="78" customWidth="1"/>
    <col min="13572" max="13635" width="1.5" style="78" customWidth="1"/>
    <col min="13636" max="13636" width="0.5" style="78" customWidth="1"/>
    <col min="13637" max="13824" width="1.5" style="78"/>
    <col min="13825" max="13826" width="1.5" style="78" customWidth="1"/>
    <col min="13827" max="13827" width="1.25" style="78" customWidth="1"/>
    <col min="13828" max="13891" width="1.5" style="78" customWidth="1"/>
    <col min="13892" max="13892" width="0.5" style="78" customWidth="1"/>
    <col min="13893" max="14080" width="1.5" style="78"/>
    <col min="14081" max="14082" width="1.5" style="78" customWidth="1"/>
    <col min="14083" max="14083" width="1.25" style="78" customWidth="1"/>
    <col min="14084" max="14147" width="1.5" style="78" customWidth="1"/>
    <col min="14148" max="14148" width="0.5" style="78" customWidth="1"/>
    <col min="14149" max="14336" width="1.5" style="78"/>
    <col min="14337" max="14338" width="1.5" style="78" customWidth="1"/>
    <col min="14339" max="14339" width="1.25" style="78" customWidth="1"/>
    <col min="14340" max="14403" width="1.5" style="78" customWidth="1"/>
    <col min="14404" max="14404" width="0.5" style="78" customWidth="1"/>
    <col min="14405" max="14592" width="1.5" style="78"/>
    <col min="14593" max="14594" width="1.5" style="78" customWidth="1"/>
    <col min="14595" max="14595" width="1.25" style="78" customWidth="1"/>
    <col min="14596" max="14659" width="1.5" style="78" customWidth="1"/>
    <col min="14660" max="14660" width="0.5" style="78" customWidth="1"/>
    <col min="14661" max="14848" width="1.5" style="78"/>
    <col min="14849" max="14850" width="1.5" style="78" customWidth="1"/>
    <col min="14851" max="14851" width="1.25" style="78" customWidth="1"/>
    <col min="14852" max="14915" width="1.5" style="78" customWidth="1"/>
    <col min="14916" max="14916" width="0.5" style="78" customWidth="1"/>
    <col min="14917" max="15104" width="1.5" style="78"/>
    <col min="15105" max="15106" width="1.5" style="78" customWidth="1"/>
    <col min="15107" max="15107" width="1.25" style="78" customWidth="1"/>
    <col min="15108" max="15171" width="1.5" style="78" customWidth="1"/>
    <col min="15172" max="15172" width="0.5" style="78" customWidth="1"/>
    <col min="15173" max="15360" width="1.5" style="78"/>
    <col min="15361" max="15362" width="1.5" style="78" customWidth="1"/>
    <col min="15363" max="15363" width="1.25" style="78" customWidth="1"/>
    <col min="15364" max="15427" width="1.5" style="78" customWidth="1"/>
    <col min="15428" max="15428" width="0.5" style="78" customWidth="1"/>
    <col min="15429" max="15616" width="1.5" style="78"/>
    <col min="15617" max="15618" width="1.5" style="78" customWidth="1"/>
    <col min="15619" max="15619" width="1.25" style="78" customWidth="1"/>
    <col min="15620" max="15683" width="1.5" style="78" customWidth="1"/>
    <col min="15684" max="15684" width="0.5" style="78" customWidth="1"/>
    <col min="15685" max="15872" width="1.5" style="78"/>
    <col min="15873" max="15874" width="1.5" style="78" customWidth="1"/>
    <col min="15875" max="15875" width="1.25" style="78" customWidth="1"/>
    <col min="15876" max="15939" width="1.5" style="78" customWidth="1"/>
    <col min="15940" max="15940" width="0.5" style="78" customWidth="1"/>
    <col min="15941" max="16128" width="1.5" style="78"/>
    <col min="16129" max="16130" width="1.5" style="78" customWidth="1"/>
    <col min="16131" max="16131" width="1.25" style="78" customWidth="1"/>
    <col min="16132" max="16195" width="1.5" style="78" customWidth="1"/>
    <col min="16196" max="16196" width="0.5" style="78" customWidth="1"/>
    <col min="16197" max="16384" width="1.5" style="78"/>
  </cols>
  <sheetData>
    <row r="1" spans="1:72" ht="4.5" customHeight="1">
      <c r="A1" s="82"/>
      <c r="D1" s="897" t="s">
        <v>245</v>
      </c>
      <c r="E1" s="897"/>
      <c r="F1" s="897"/>
      <c r="G1" s="897"/>
      <c r="H1" s="897"/>
      <c r="I1" s="897"/>
      <c r="J1" s="897"/>
      <c r="K1" s="897"/>
      <c r="L1" s="897"/>
      <c r="M1" s="897"/>
      <c r="N1" s="897"/>
      <c r="O1" s="897"/>
      <c r="P1" s="897"/>
      <c r="Q1" s="897"/>
      <c r="R1" s="897"/>
      <c r="S1" s="897"/>
      <c r="T1" s="897"/>
      <c r="U1" s="897"/>
      <c r="V1" s="897"/>
      <c r="W1" s="205"/>
      <c r="X1" s="205"/>
      <c r="BN1" s="899" t="s">
        <v>244</v>
      </c>
      <c r="BO1" s="899"/>
      <c r="BP1" s="899"/>
      <c r="BQ1" s="82"/>
      <c r="BR1" s="148"/>
      <c r="BS1" s="148"/>
      <c r="BT1" s="148"/>
    </row>
    <row r="2" spans="1:72" s="110" customFormat="1" ht="4.5" customHeight="1">
      <c r="A2" s="153"/>
      <c r="D2" s="897"/>
      <c r="E2" s="897"/>
      <c r="F2" s="897"/>
      <c r="G2" s="897"/>
      <c r="H2" s="897"/>
      <c r="I2" s="897"/>
      <c r="J2" s="897"/>
      <c r="K2" s="897"/>
      <c r="L2" s="897"/>
      <c r="M2" s="897"/>
      <c r="N2" s="897"/>
      <c r="O2" s="897"/>
      <c r="P2" s="897"/>
      <c r="Q2" s="897"/>
      <c r="R2" s="897"/>
      <c r="S2" s="897"/>
      <c r="T2" s="897"/>
      <c r="U2" s="897"/>
      <c r="V2" s="897"/>
      <c r="W2" s="205"/>
      <c r="X2" s="205"/>
      <c r="AN2" s="159"/>
      <c r="AO2" s="159"/>
      <c r="AP2" s="159"/>
      <c r="BE2" s="156"/>
      <c r="BF2" s="156"/>
      <c r="BG2" s="158"/>
      <c r="BH2" s="158"/>
      <c r="BI2" s="158"/>
      <c r="BJ2" s="158"/>
      <c r="BK2" s="158"/>
      <c r="BL2" s="158"/>
      <c r="BM2" s="158"/>
      <c r="BN2" s="899"/>
      <c r="BO2" s="899"/>
      <c r="BP2" s="899"/>
      <c r="BR2" s="148"/>
      <c r="BS2" s="148"/>
      <c r="BT2" s="148"/>
    </row>
    <row r="3" spans="1:72" s="110" customFormat="1" ht="4.5" customHeight="1">
      <c r="A3" s="153"/>
      <c r="D3" s="898"/>
      <c r="E3" s="898"/>
      <c r="F3" s="898"/>
      <c r="G3" s="898"/>
      <c r="H3" s="898"/>
      <c r="I3" s="898"/>
      <c r="J3" s="898"/>
      <c r="K3" s="898"/>
      <c r="L3" s="898"/>
      <c r="M3" s="898"/>
      <c r="N3" s="898"/>
      <c r="O3" s="898"/>
      <c r="P3" s="898"/>
      <c r="Q3" s="898"/>
      <c r="R3" s="898"/>
      <c r="S3" s="898"/>
      <c r="T3" s="898"/>
      <c r="U3" s="898"/>
      <c r="V3" s="898"/>
      <c r="W3" s="205"/>
      <c r="X3" s="205"/>
      <c r="AN3" s="159"/>
      <c r="AO3" s="159"/>
      <c r="AP3" s="159"/>
      <c r="BE3" s="156"/>
      <c r="BF3" s="156"/>
      <c r="BG3" s="158"/>
      <c r="BH3" s="158"/>
      <c r="BI3" s="158"/>
      <c r="BJ3" s="158"/>
      <c r="BK3" s="158"/>
      <c r="BL3" s="158"/>
      <c r="BM3" s="158"/>
      <c r="BN3" s="899"/>
      <c r="BO3" s="899"/>
      <c r="BP3" s="899"/>
      <c r="BR3" s="148"/>
      <c r="BS3" s="148"/>
      <c r="BT3" s="148"/>
    </row>
    <row r="4" spans="1:72" s="110" customFormat="1" ht="5.25" customHeight="1">
      <c r="A4" s="153"/>
      <c r="D4" s="900" t="s">
        <v>243</v>
      </c>
      <c r="E4" s="902" t="s">
        <v>242</v>
      </c>
      <c r="F4" s="902"/>
      <c r="G4" s="902"/>
      <c r="H4" s="902"/>
      <c r="I4" s="902"/>
      <c r="J4" s="902"/>
      <c r="K4" s="902"/>
      <c r="L4" s="902"/>
      <c r="M4" s="902"/>
      <c r="N4" s="902"/>
      <c r="O4" s="902"/>
      <c r="P4" s="902"/>
      <c r="Q4" s="902"/>
      <c r="R4" s="902"/>
      <c r="S4" s="902"/>
      <c r="T4" s="902"/>
      <c r="U4" s="902"/>
      <c r="V4" s="902"/>
      <c r="W4" s="904" t="s">
        <v>241</v>
      </c>
      <c r="X4" s="153"/>
      <c r="AN4" s="159"/>
      <c r="AO4" s="159"/>
      <c r="AP4" s="159"/>
      <c r="BE4" s="156"/>
      <c r="BF4" s="156"/>
      <c r="BG4" s="158"/>
      <c r="BH4" s="158"/>
      <c r="BI4" s="158"/>
      <c r="BJ4" s="158"/>
      <c r="BK4" s="158"/>
      <c r="BL4" s="158"/>
      <c r="BM4" s="158"/>
      <c r="BN4" s="899"/>
      <c r="BO4" s="899"/>
      <c r="BP4" s="899"/>
      <c r="BR4" s="148"/>
      <c r="BS4" s="148"/>
      <c r="BT4" s="148"/>
    </row>
    <row r="5" spans="1:72" s="110" customFormat="1" ht="5.25" customHeight="1">
      <c r="A5" s="153"/>
      <c r="C5" s="156"/>
      <c r="D5" s="900"/>
      <c r="E5" s="902"/>
      <c r="F5" s="902"/>
      <c r="G5" s="902"/>
      <c r="H5" s="902"/>
      <c r="I5" s="902"/>
      <c r="J5" s="902"/>
      <c r="K5" s="902"/>
      <c r="L5" s="902"/>
      <c r="M5" s="902"/>
      <c r="N5" s="902"/>
      <c r="O5" s="902"/>
      <c r="P5" s="902"/>
      <c r="Q5" s="902"/>
      <c r="R5" s="902"/>
      <c r="S5" s="902"/>
      <c r="T5" s="902"/>
      <c r="U5" s="902"/>
      <c r="V5" s="902"/>
      <c r="W5" s="905"/>
      <c r="X5" s="153"/>
      <c r="AN5" s="157"/>
      <c r="AO5" s="157"/>
      <c r="AP5" s="157"/>
      <c r="BE5" s="156"/>
      <c r="BF5" s="156"/>
      <c r="BG5" s="155"/>
      <c r="BH5" s="155"/>
      <c r="BI5" s="155"/>
      <c r="BJ5" s="155"/>
      <c r="BK5" s="155"/>
      <c r="BL5" s="155"/>
      <c r="BM5" s="155"/>
      <c r="BN5" s="155"/>
      <c r="BO5" s="207"/>
      <c r="BR5" s="148"/>
      <c r="BS5" s="148"/>
      <c r="BT5" s="148"/>
    </row>
    <row r="6" spans="1:72" s="110" customFormat="1" ht="5.25" customHeight="1">
      <c r="A6" s="153"/>
      <c r="B6" s="84"/>
      <c r="C6" s="154"/>
      <c r="D6" s="900"/>
      <c r="E6" s="902"/>
      <c r="F6" s="902"/>
      <c r="G6" s="902"/>
      <c r="H6" s="902"/>
      <c r="I6" s="902"/>
      <c r="J6" s="902"/>
      <c r="K6" s="902"/>
      <c r="L6" s="902"/>
      <c r="M6" s="902"/>
      <c r="N6" s="902"/>
      <c r="O6" s="902"/>
      <c r="P6" s="902"/>
      <c r="Q6" s="902"/>
      <c r="R6" s="902"/>
      <c r="S6" s="902"/>
      <c r="T6" s="902"/>
      <c r="U6" s="902"/>
      <c r="V6" s="902"/>
      <c r="W6" s="905"/>
      <c r="X6" s="153"/>
      <c r="Y6" s="907" t="s">
        <v>240</v>
      </c>
      <c r="Z6" s="907"/>
      <c r="AA6" s="907"/>
      <c r="AB6" s="907"/>
      <c r="AC6" s="907"/>
      <c r="AD6" s="907"/>
      <c r="AE6" s="907"/>
      <c r="AF6" s="907"/>
      <c r="AG6" s="907"/>
      <c r="AH6" s="907"/>
      <c r="AI6" s="907"/>
      <c r="AJ6" s="907"/>
      <c r="AK6" s="907"/>
      <c r="AL6" s="907"/>
      <c r="AM6" s="907"/>
      <c r="AN6" s="907"/>
      <c r="AO6" s="907"/>
      <c r="AP6" s="907"/>
      <c r="AQ6" s="907"/>
      <c r="AR6" s="907"/>
      <c r="AS6" s="907"/>
      <c r="AT6" s="907"/>
      <c r="AU6" s="907"/>
      <c r="AV6" s="907"/>
      <c r="AW6" s="907"/>
      <c r="AX6" s="907"/>
      <c r="AY6" s="907"/>
      <c r="AZ6" s="907"/>
      <c r="BA6" s="907"/>
      <c r="BB6" s="907"/>
      <c r="BC6" s="907"/>
      <c r="BD6" s="907"/>
      <c r="BE6" s="907"/>
      <c r="BF6" s="907"/>
      <c r="BG6" s="907"/>
      <c r="BP6" s="84"/>
      <c r="BQ6" s="153"/>
      <c r="BR6" s="148"/>
      <c r="BS6" s="148"/>
      <c r="BT6" s="148"/>
    </row>
    <row r="7" spans="1:72" s="110" customFormat="1" ht="5.25" customHeight="1">
      <c r="A7" s="153"/>
      <c r="B7" s="84"/>
      <c r="C7" s="154"/>
      <c r="D7" s="900"/>
      <c r="E7" s="902"/>
      <c r="F7" s="902"/>
      <c r="G7" s="902"/>
      <c r="H7" s="902"/>
      <c r="I7" s="902"/>
      <c r="J7" s="902"/>
      <c r="K7" s="902"/>
      <c r="L7" s="902"/>
      <c r="M7" s="902"/>
      <c r="N7" s="902"/>
      <c r="O7" s="902"/>
      <c r="P7" s="902"/>
      <c r="Q7" s="902"/>
      <c r="R7" s="902"/>
      <c r="S7" s="902"/>
      <c r="T7" s="902"/>
      <c r="U7" s="902"/>
      <c r="V7" s="902"/>
      <c r="W7" s="905"/>
      <c r="X7" s="153"/>
      <c r="Y7" s="907"/>
      <c r="Z7" s="907"/>
      <c r="AA7" s="907"/>
      <c r="AB7" s="907"/>
      <c r="AC7" s="907"/>
      <c r="AD7" s="907"/>
      <c r="AE7" s="907"/>
      <c r="AF7" s="907"/>
      <c r="AG7" s="907"/>
      <c r="AH7" s="907"/>
      <c r="AI7" s="907"/>
      <c r="AJ7" s="907"/>
      <c r="AK7" s="907"/>
      <c r="AL7" s="907"/>
      <c r="AM7" s="907"/>
      <c r="AN7" s="907"/>
      <c r="AO7" s="907"/>
      <c r="AP7" s="907"/>
      <c r="AQ7" s="907"/>
      <c r="AR7" s="907"/>
      <c r="AS7" s="907"/>
      <c r="AT7" s="907"/>
      <c r="AU7" s="907"/>
      <c r="AV7" s="907"/>
      <c r="AW7" s="907"/>
      <c r="AX7" s="907"/>
      <c r="AY7" s="907"/>
      <c r="AZ7" s="907"/>
      <c r="BA7" s="907"/>
      <c r="BB7" s="907"/>
      <c r="BC7" s="907"/>
      <c r="BD7" s="907"/>
      <c r="BE7" s="907"/>
      <c r="BF7" s="907"/>
      <c r="BG7" s="907"/>
      <c r="BP7" s="84"/>
      <c r="BQ7" s="153"/>
      <c r="BR7" s="148"/>
      <c r="BS7" s="148"/>
      <c r="BT7" s="148"/>
    </row>
    <row r="8" spans="1:72" s="110" customFormat="1" ht="5.25" customHeight="1">
      <c r="A8" s="153"/>
      <c r="B8" s="153"/>
      <c r="C8" s="154"/>
      <c r="D8" s="901"/>
      <c r="E8" s="903"/>
      <c r="F8" s="903"/>
      <c r="G8" s="903"/>
      <c r="H8" s="903"/>
      <c r="I8" s="903"/>
      <c r="J8" s="903"/>
      <c r="K8" s="903"/>
      <c r="L8" s="903"/>
      <c r="M8" s="903"/>
      <c r="N8" s="903"/>
      <c r="O8" s="903"/>
      <c r="P8" s="903"/>
      <c r="Q8" s="903"/>
      <c r="R8" s="903"/>
      <c r="S8" s="903"/>
      <c r="T8" s="903"/>
      <c r="U8" s="903"/>
      <c r="V8" s="903"/>
      <c r="W8" s="906"/>
      <c r="X8" s="153"/>
      <c r="Y8" s="908"/>
      <c r="Z8" s="908"/>
      <c r="AA8" s="908"/>
      <c r="AB8" s="908"/>
      <c r="AC8" s="908"/>
      <c r="AD8" s="908"/>
      <c r="AE8" s="908"/>
      <c r="AF8" s="908"/>
      <c r="AG8" s="908"/>
      <c r="AH8" s="908"/>
      <c r="AI8" s="908"/>
      <c r="AJ8" s="908"/>
      <c r="AK8" s="908"/>
      <c r="AL8" s="908"/>
      <c r="AM8" s="908"/>
      <c r="AN8" s="908"/>
      <c r="AO8" s="908"/>
      <c r="AP8" s="908"/>
      <c r="AQ8" s="908"/>
      <c r="AR8" s="908"/>
      <c r="AS8" s="908"/>
      <c r="AT8" s="908"/>
      <c r="AU8" s="908"/>
      <c r="AV8" s="908"/>
      <c r="AW8" s="908"/>
      <c r="AX8" s="908"/>
      <c r="AY8" s="908"/>
      <c r="AZ8" s="908"/>
      <c r="BA8" s="908"/>
      <c r="BB8" s="908"/>
      <c r="BC8" s="908"/>
      <c r="BD8" s="908"/>
      <c r="BE8" s="908"/>
      <c r="BF8" s="908"/>
      <c r="BG8" s="908"/>
      <c r="BP8" s="153"/>
      <c r="BQ8" s="153"/>
      <c r="BR8" s="148"/>
      <c r="BS8" s="148"/>
      <c r="BT8" s="148"/>
    </row>
    <row r="9" spans="1:72" s="110" customFormat="1" ht="5.25" customHeight="1">
      <c r="A9" s="113"/>
      <c r="B9" s="113"/>
      <c r="D9" s="954" t="s">
        <v>17</v>
      </c>
      <c r="E9" s="955"/>
      <c r="F9" s="960" t="s">
        <v>239</v>
      </c>
      <c r="G9" s="961"/>
      <c r="H9" s="961"/>
      <c r="I9" s="961"/>
      <c r="J9" s="961"/>
      <c r="K9" s="962"/>
      <c r="L9" s="969" t="s">
        <v>238</v>
      </c>
      <c r="M9" s="970"/>
      <c r="N9" s="971"/>
      <c r="O9" s="960" t="s">
        <v>237</v>
      </c>
      <c r="P9" s="961"/>
      <c r="Q9" s="961"/>
      <c r="R9" s="961"/>
      <c r="S9" s="961"/>
      <c r="T9" s="961"/>
      <c r="U9" s="961"/>
      <c r="V9" s="961"/>
      <c r="W9" s="978"/>
      <c r="X9" s="153"/>
      <c r="Y9" s="981" t="s">
        <v>10</v>
      </c>
      <c r="Z9" s="982"/>
      <c r="AA9" s="982"/>
      <c r="AB9" s="982"/>
      <c r="AC9" s="983"/>
      <c r="AD9" s="990" t="s">
        <v>7</v>
      </c>
      <c r="AE9" s="991"/>
      <c r="AF9" s="991"/>
      <c r="AG9" s="991"/>
      <c r="AH9" s="991"/>
      <c r="AI9" s="991"/>
      <c r="AJ9" s="991"/>
      <c r="AK9" s="991"/>
      <c r="AL9" s="991"/>
      <c r="AM9" s="991"/>
      <c r="AN9" s="992"/>
      <c r="AO9" s="909" t="s">
        <v>6</v>
      </c>
      <c r="AP9" s="910"/>
      <c r="AQ9" s="910"/>
      <c r="AR9" s="910"/>
      <c r="AS9" s="910"/>
      <c r="AT9" s="910"/>
      <c r="AU9" s="910"/>
      <c r="AV9" s="910"/>
      <c r="AW9" s="911"/>
      <c r="AX9" s="909" t="s">
        <v>220</v>
      </c>
      <c r="AY9" s="910"/>
      <c r="AZ9" s="910"/>
      <c r="BA9" s="910"/>
      <c r="BB9" s="910"/>
      <c r="BC9" s="910"/>
      <c r="BD9" s="910"/>
      <c r="BE9" s="910"/>
      <c r="BF9" s="911"/>
      <c r="BG9" s="918" t="s">
        <v>236</v>
      </c>
      <c r="BH9" s="919"/>
      <c r="BI9" s="919"/>
      <c r="BJ9" s="919"/>
      <c r="BK9" s="919"/>
      <c r="BL9" s="919"/>
      <c r="BM9" s="919"/>
      <c r="BN9" s="919"/>
      <c r="BO9" s="920"/>
      <c r="BP9" s="84"/>
      <c r="BQ9" s="153"/>
      <c r="BR9" s="148"/>
      <c r="BS9" s="148"/>
      <c r="BT9" s="148"/>
    </row>
    <row r="10" spans="1:72" s="110" customFormat="1" ht="5.25" customHeight="1">
      <c r="A10" s="113"/>
      <c r="B10" s="113"/>
      <c r="D10" s="956"/>
      <c r="E10" s="957"/>
      <c r="F10" s="963"/>
      <c r="G10" s="964"/>
      <c r="H10" s="964"/>
      <c r="I10" s="964"/>
      <c r="J10" s="964"/>
      <c r="K10" s="965"/>
      <c r="L10" s="972"/>
      <c r="M10" s="973"/>
      <c r="N10" s="974"/>
      <c r="O10" s="963"/>
      <c r="P10" s="964"/>
      <c r="Q10" s="964"/>
      <c r="R10" s="964"/>
      <c r="S10" s="964"/>
      <c r="T10" s="964"/>
      <c r="U10" s="964"/>
      <c r="V10" s="964"/>
      <c r="W10" s="979"/>
      <c r="X10" s="153"/>
      <c r="Y10" s="984"/>
      <c r="Z10" s="985"/>
      <c r="AA10" s="985"/>
      <c r="AB10" s="985"/>
      <c r="AC10" s="986"/>
      <c r="AD10" s="993"/>
      <c r="AE10" s="994"/>
      <c r="AF10" s="994"/>
      <c r="AG10" s="994"/>
      <c r="AH10" s="994"/>
      <c r="AI10" s="994"/>
      <c r="AJ10" s="994"/>
      <c r="AK10" s="994"/>
      <c r="AL10" s="994"/>
      <c r="AM10" s="994"/>
      <c r="AN10" s="995"/>
      <c r="AO10" s="912"/>
      <c r="AP10" s="913"/>
      <c r="AQ10" s="913"/>
      <c r="AR10" s="913"/>
      <c r="AS10" s="913"/>
      <c r="AT10" s="913"/>
      <c r="AU10" s="913"/>
      <c r="AV10" s="913"/>
      <c r="AW10" s="914"/>
      <c r="AX10" s="912"/>
      <c r="AY10" s="913"/>
      <c r="AZ10" s="913"/>
      <c r="BA10" s="913"/>
      <c r="BB10" s="913"/>
      <c r="BC10" s="913"/>
      <c r="BD10" s="913"/>
      <c r="BE10" s="913"/>
      <c r="BF10" s="914"/>
      <c r="BG10" s="921"/>
      <c r="BH10" s="922"/>
      <c r="BI10" s="922"/>
      <c r="BJ10" s="922"/>
      <c r="BK10" s="922"/>
      <c r="BL10" s="922"/>
      <c r="BM10" s="922"/>
      <c r="BN10" s="922"/>
      <c r="BO10" s="923"/>
      <c r="BP10" s="84"/>
      <c r="BQ10" s="153"/>
      <c r="BR10" s="148"/>
      <c r="BS10" s="148"/>
      <c r="BT10" s="148"/>
    </row>
    <row r="11" spans="1:72" s="110" customFormat="1" ht="5.25" customHeight="1">
      <c r="A11" s="113"/>
      <c r="B11" s="113"/>
      <c r="D11" s="956"/>
      <c r="E11" s="957"/>
      <c r="F11" s="963"/>
      <c r="G11" s="964"/>
      <c r="H11" s="964"/>
      <c r="I11" s="964"/>
      <c r="J11" s="964"/>
      <c r="K11" s="965"/>
      <c r="L11" s="972"/>
      <c r="M11" s="973"/>
      <c r="N11" s="974"/>
      <c r="O11" s="963"/>
      <c r="P11" s="964"/>
      <c r="Q11" s="964"/>
      <c r="R11" s="964"/>
      <c r="S11" s="964"/>
      <c r="T11" s="964"/>
      <c r="U11" s="964"/>
      <c r="V11" s="964"/>
      <c r="W11" s="979"/>
      <c r="X11" s="153"/>
      <c r="Y11" s="984"/>
      <c r="Z11" s="985"/>
      <c r="AA11" s="985"/>
      <c r="AB11" s="985"/>
      <c r="AC11" s="986"/>
      <c r="AD11" s="993"/>
      <c r="AE11" s="994"/>
      <c r="AF11" s="994"/>
      <c r="AG11" s="994"/>
      <c r="AH11" s="994"/>
      <c r="AI11" s="994"/>
      <c r="AJ11" s="994"/>
      <c r="AK11" s="994"/>
      <c r="AL11" s="994"/>
      <c r="AM11" s="994"/>
      <c r="AN11" s="995"/>
      <c r="AO11" s="912"/>
      <c r="AP11" s="913"/>
      <c r="AQ11" s="913"/>
      <c r="AR11" s="913"/>
      <c r="AS11" s="913"/>
      <c r="AT11" s="913"/>
      <c r="AU11" s="913"/>
      <c r="AV11" s="913"/>
      <c r="AW11" s="914"/>
      <c r="AX11" s="912"/>
      <c r="AY11" s="913"/>
      <c r="AZ11" s="913"/>
      <c r="BA11" s="913"/>
      <c r="BB11" s="913"/>
      <c r="BC11" s="913"/>
      <c r="BD11" s="913"/>
      <c r="BE11" s="913"/>
      <c r="BF11" s="914"/>
      <c r="BG11" s="921"/>
      <c r="BH11" s="922"/>
      <c r="BI11" s="922"/>
      <c r="BJ11" s="922"/>
      <c r="BK11" s="922"/>
      <c r="BL11" s="922"/>
      <c r="BM11" s="922"/>
      <c r="BN11" s="922"/>
      <c r="BO11" s="923"/>
      <c r="BP11" s="84"/>
      <c r="BQ11" s="153"/>
      <c r="BR11" s="148"/>
      <c r="BS11" s="148"/>
      <c r="BT11" s="148"/>
    </row>
    <row r="12" spans="1:72" ht="5.25" customHeight="1">
      <c r="A12" s="113"/>
      <c r="B12" s="113"/>
      <c r="D12" s="958"/>
      <c r="E12" s="959"/>
      <c r="F12" s="966"/>
      <c r="G12" s="967"/>
      <c r="H12" s="967"/>
      <c r="I12" s="967"/>
      <c r="J12" s="967"/>
      <c r="K12" s="968"/>
      <c r="L12" s="975"/>
      <c r="M12" s="976"/>
      <c r="N12" s="977"/>
      <c r="O12" s="966"/>
      <c r="P12" s="967"/>
      <c r="Q12" s="967"/>
      <c r="R12" s="967"/>
      <c r="S12" s="967"/>
      <c r="T12" s="967"/>
      <c r="U12" s="967"/>
      <c r="V12" s="967"/>
      <c r="W12" s="980"/>
      <c r="X12" s="153"/>
      <c r="Y12" s="987"/>
      <c r="Z12" s="988"/>
      <c r="AA12" s="988"/>
      <c r="AB12" s="988"/>
      <c r="AC12" s="989"/>
      <c r="AD12" s="996"/>
      <c r="AE12" s="997"/>
      <c r="AF12" s="997"/>
      <c r="AG12" s="997"/>
      <c r="AH12" s="997"/>
      <c r="AI12" s="997"/>
      <c r="AJ12" s="997"/>
      <c r="AK12" s="997"/>
      <c r="AL12" s="997"/>
      <c r="AM12" s="997"/>
      <c r="AN12" s="998"/>
      <c r="AO12" s="915"/>
      <c r="AP12" s="916"/>
      <c r="AQ12" s="916"/>
      <c r="AR12" s="916"/>
      <c r="AS12" s="916"/>
      <c r="AT12" s="916"/>
      <c r="AU12" s="916"/>
      <c r="AV12" s="916"/>
      <c r="AW12" s="917"/>
      <c r="AX12" s="915"/>
      <c r="AY12" s="916"/>
      <c r="AZ12" s="916"/>
      <c r="BA12" s="916"/>
      <c r="BB12" s="916"/>
      <c r="BC12" s="916"/>
      <c r="BD12" s="916"/>
      <c r="BE12" s="916"/>
      <c r="BF12" s="917"/>
      <c r="BG12" s="924"/>
      <c r="BH12" s="925"/>
      <c r="BI12" s="925"/>
      <c r="BJ12" s="925"/>
      <c r="BK12" s="925"/>
      <c r="BL12" s="925"/>
      <c r="BM12" s="925"/>
      <c r="BN12" s="925"/>
      <c r="BO12" s="926"/>
      <c r="BP12" s="84"/>
      <c r="BQ12" s="82"/>
      <c r="BR12" s="148"/>
      <c r="BS12" s="148"/>
      <c r="BT12" s="148"/>
    </row>
    <row r="13" spans="1:72" ht="5.25" customHeight="1">
      <c r="A13" s="113"/>
      <c r="B13" s="113"/>
      <c r="D13" s="927">
        <v>1</v>
      </c>
      <c r="E13" s="928"/>
      <c r="F13" s="933" t="s">
        <v>4</v>
      </c>
      <c r="G13" s="934"/>
      <c r="H13" s="934"/>
      <c r="I13" s="934"/>
      <c r="J13" s="934"/>
      <c r="K13" s="935"/>
      <c r="L13" s="942"/>
      <c r="M13" s="943"/>
      <c r="N13" s="944"/>
      <c r="O13" s="933" t="s">
        <v>4</v>
      </c>
      <c r="P13" s="934"/>
      <c r="Q13" s="934"/>
      <c r="R13" s="934"/>
      <c r="S13" s="934"/>
      <c r="T13" s="934"/>
      <c r="U13" s="934"/>
      <c r="V13" s="934"/>
      <c r="W13" s="951"/>
      <c r="X13" s="84"/>
      <c r="Y13" s="230"/>
      <c r="Z13" s="247"/>
      <c r="AA13" s="247"/>
      <c r="AB13" s="247"/>
      <c r="AC13" s="147"/>
      <c r="AD13" s="232"/>
      <c r="AE13" s="233"/>
      <c r="AF13" s="233"/>
      <c r="AG13" s="233"/>
      <c r="AH13" s="233"/>
      <c r="AI13" s="233"/>
      <c r="AJ13" s="233"/>
      <c r="AK13" s="233"/>
      <c r="AL13" s="233"/>
      <c r="AM13" s="233"/>
      <c r="AN13" s="234"/>
      <c r="AO13" s="933" t="s">
        <v>4</v>
      </c>
      <c r="AP13" s="934"/>
      <c r="AQ13" s="934"/>
      <c r="AR13" s="934"/>
      <c r="AS13" s="934"/>
      <c r="AT13" s="934"/>
      <c r="AU13" s="934"/>
      <c r="AV13" s="934"/>
      <c r="AW13" s="935"/>
      <c r="AX13" s="933" t="s">
        <v>4</v>
      </c>
      <c r="AY13" s="934"/>
      <c r="AZ13" s="934"/>
      <c r="BA13" s="934"/>
      <c r="BB13" s="934"/>
      <c r="BC13" s="934"/>
      <c r="BD13" s="934"/>
      <c r="BE13" s="934"/>
      <c r="BF13" s="935"/>
      <c r="BG13" s="933" t="s">
        <v>4</v>
      </c>
      <c r="BH13" s="934"/>
      <c r="BI13" s="934"/>
      <c r="BJ13" s="934"/>
      <c r="BK13" s="934"/>
      <c r="BL13" s="934"/>
      <c r="BM13" s="934"/>
      <c r="BN13" s="934"/>
      <c r="BO13" s="951"/>
      <c r="BP13" s="84"/>
      <c r="BQ13" s="82"/>
      <c r="BR13" s="148"/>
      <c r="BS13" s="148"/>
      <c r="BT13" s="148"/>
    </row>
    <row r="14" spans="1:72" ht="5.25" customHeight="1">
      <c r="A14" s="113"/>
      <c r="B14" s="113"/>
      <c r="D14" s="929"/>
      <c r="E14" s="930"/>
      <c r="F14" s="936"/>
      <c r="G14" s="937"/>
      <c r="H14" s="937"/>
      <c r="I14" s="937"/>
      <c r="J14" s="937"/>
      <c r="K14" s="938"/>
      <c r="L14" s="945"/>
      <c r="M14" s="946"/>
      <c r="N14" s="947"/>
      <c r="O14" s="936"/>
      <c r="P14" s="937"/>
      <c r="Q14" s="937"/>
      <c r="R14" s="937"/>
      <c r="S14" s="937"/>
      <c r="T14" s="937"/>
      <c r="U14" s="937"/>
      <c r="V14" s="937"/>
      <c r="W14" s="952"/>
      <c r="X14" s="84"/>
      <c r="Y14" s="242"/>
      <c r="Z14" s="146"/>
      <c r="AA14" s="146"/>
      <c r="AB14" s="146"/>
      <c r="AC14" s="145"/>
      <c r="AD14" s="235"/>
      <c r="AE14" s="236"/>
      <c r="AF14" s="236"/>
      <c r="AG14" s="236"/>
      <c r="AH14" s="236"/>
      <c r="AI14" s="236"/>
      <c r="AJ14" s="236"/>
      <c r="AK14" s="236"/>
      <c r="AL14" s="236"/>
      <c r="AM14" s="236"/>
      <c r="AN14" s="237"/>
      <c r="AO14" s="936"/>
      <c r="AP14" s="937"/>
      <c r="AQ14" s="937"/>
      <c r="AR14" s="937"/>
      <c r="AS14" s="937"/>
      <c r="AT14" s="937"/>
      <c r="AU14" s="937"/>
      <c r="AV14" s="937"/>
      <c r="AW14" s="938"/>
      <c r="AX14" s="936"/>
      <c r="AY14" s="937"/>
      <c r="AZ14" s="937"/>
      <c r="BA14" s="937"/>
      <c r="BB14" s="937"/>
      <c r="BC14" s="937"/>
      <c r="BD14" s="937"/>
      <c r="BE14" s="937"/>
      <c r="BF14" s="938"/>
      <c r="BG14" s="936"/>
      <c r="BH14" s="937"/>
      <c r="BI14" s="937"/>
      <c r="BJ14" s="937"/>
      <c r="BK14" s="937"/>
      <c r="BL14" s="937"/>
      <c r="BM14" s="937"/>
      <c r="BN14" s="937"/>
      <c r="BO14" s="952"/>
      <c r="BP14" s="84"/>
      <c r="BQ14" s="82"/>
      <c r="BR14" s="148"/>
      <c r="BS14" s="148"/>
      <c r="BT14" s="148"/>
    </row>
    <row r="15" spans="1:72" ht="5.25" customHeight="1">
      <c r="A15" s="113"/>
      <c r="B15" s="113"/>
      <c r="D15" s="929"/>
      <c r="E15" s="930"/>
      <c r="F15" s="936"/>
      <c r="G15" s="937"/>
      <c r="H15" s="937"/>
      <c r="I15" s="937"/>
      <c r="J15" s="937"/>
      <c r="K15" s="938"/>
      <c r="L15" s="945"/>
      <c r="M15" s="946"/>
      <c r="N15" s="947"/>
      <c r="O15" s="936"/>
      <c r="P15" s="937"/>
      <c r="Q15" s="937"/>
      <c r="R15" s="937"/>
      <c r="S15" s="937"/>
      <c r="T15" s="937"/>
      <c r="U15" s="937"/>
      <c r="V15" s="937"/>
      <c r="W15" s="952"/>
      <c r="X15" s="84"/>
      <c r="Y15" s="242"/>
      <c r="Z15" s="146"/>
      <c r="AA15" s="146"/>
      <c r="AB15" s="146"/>
      <c r="AC15" s="145"/>
      <c r="AD15" s="235"/>
      <c r="AE15" s="236"/>
      <c r="AF15" s="236"/>
      <c r="AG15" s="236"/>
      <c r="AH15" s="236"/>
      <c r="AI15" s="236"/>
      <c r="AJ15" s="236"/>
      <c r="AK15" s="236"/>
      <c r="AL15" s="236"/>
      <c r="AM15" s="236"/>
      <c r="AN15" s="237"/>
      <c r="AO15" s="936"/>
      <c r="AP15" s="937"/>
      <c r="AQ15" s="937"/>
      <c r="AR15" s="937"/>
      <c r="AS15" s="937"/>
      <c r="AT15" s="937"/>
      <c r="AU15" s="937"/>
      <c r="AV15" s="937"/>
      <c r="AW15" s="938"/>
      <c r="AX15" s="936"/>
      <c r="AY15" s="937"/>
      <c r="AZ15" s="937"/>
      <c r="BA15" s="937"/>
      <c r="BB15" s="937"/>
      <c r="BC15" s="937"/>
      <c r="BD15" s="937"/>
      <c r="BE15" s="937"/>
      <c r="BF15" s="938"/>
      <c r="BG15" s="936"/>
      <c r="BH15" s="937"/>
      <c r="BI15" s="937"/>
      <c r="BJ15" s="937"/>
      <c r="BK15" s="937"/>
      <c r="BL15" s="937"/>
      <c r="BM15" s="937"/>
      <c r="BN15" s="937"/>
      <c r="BO15" s="952"/>
      <c r="BP15" s="84"/>
      <c r="BQ15" s="82"/>
      <c r="BR15" s="148"/>
      <c r="BS15" s="148"/>
      <c r="BT15" s="148"/>
    </row>
    <row r="16" spans="1:72" ht="5.25" customHeight="1">
      <c r="A16" s="113"/>
      <c r="B16" s="113"/>
      <c r="D16" s="931"/>
      <c r="E16" s="932"/>
      <c r="F16" s="939"/>
      <c r="G16" s="940"/>
      <c r="H16" s="940"/>
      <c r="I16" s="940"/>
      <c r="J16" s="940"/>
      <c r="K16" s="941"/>
      <c r="L16" s="948"/>
      <c r="M16" s="949"/>
      <c r="N16" s="950"/>
      <c r="O16" s="939"/>
      <c r="P16" s="940"/>
      <c r="Q16" s="940"/>
      <c r="R16" s="940"/>
      <c r="S16" s="940"/>
      <c r="T16" s="940"/>
      <c r="U16" s="940"/>
      <c r="V16" s="940"/>
      <c r="W16" s="953"/>
      <c r="X16" s="84"/>
      <c r="Y16" s="242"/>
      <c r="Z16" s="146"/>
      <c r="AA16" s="146"/>
      <c r="AB16" s="146"/>
      <c r="AC16" s="145"/>
      <c r="AD16" s="235"/>
      <c r="AE16" s="236"/>
      <c r="AF16" s="236"/>
      <c r="AG16" s="236"/>
      <c r="AH16" s="236"/>
      <c r="AI16" s="236"/>
      <c r="AJ16" s="236"/>
      <c r="AK16" s="236"/>
      <c r="AL16" s="236"/>
      <c r="AM16" s="236"/>
      <c r="AN16" s="237"/>
      <c r="AO16" s="939"/>
      <c r="AP16" s="940"/>
      <c r="AQ16" s="940"/>
      <c r="AR16" s="940"/>
      <c r="AS16" s="940"/>
      <c r="AT16" s="940"/>
      <c r="AU16" s="940"/>
      <c r="AV16" s="940"/>
      <c r="AW16" s="941"/>
      <c r="AX16" s="939"/>
      <c r="AY16" s="940"/>
      <c r="AZ16" s="940"/>
      <c r="BA16" s="940"/>
      <c r="BB16" s="940"/>
      <c r="BC16" s="940"/>
      <c r="BD16" s="940"/>
      <c r="BE16" s="940"/>
      <c r="BF16" s="941"/>
      <c r="BG16" s="939"/>
      <c r="BH16" s="940"/>
      <c r="BI16" s="940"/>
      <c r="BJ16" s="940"/>
      <c r="BK16" s="940"/>
      <c r="BL16" s="940"/>
      <c r="BM16" s="940"/>
      <c r="BN16" s="940"/>
      <c r="BO16" s="953"/>
      <c r="BP16" s="84"/>
      <c r="BQ16" s="82"/>
      <c r="BR16" s="148"/>
      <c r="BS16" s="148"/>
      <c r="BT16" s="148"/>
    </row>
    <row r="17" spans="1:72" ht="5.25" customHeight="1">
      <c r="A17" s="113"/>
      <c r="B17" s="113"/>
      <c r="D17" s="927">
        <v>2</v>
      </c>
      <c r="E17" s="928"/>
      <c r="F17" s="999"/>
      <c r="G17" s="1000"/>
      <c r="H17" s="1000"/>
      <c r="I17" s="1000"/>
      <c r="J17" s="1000"/>
      <c r="K17" s="1001"/>
      <c r="L17" s="942"/>
      <c r="M17" s="943"/>
      <c r="N17" s="944"/>
      <c r="O17" s="942"/>
      <c r="P17" s="943"/>
      <c r="Q17" s="943"/>
      <c r="R17" s="943"/>
      <c r="S17" s="943"/>
      <c r="T17" s="943"/>
      <c r="U17" s="943"/>
      <c r="V17" s="943"/>
      <c r="W17" s="1008"/>
      <c r="X17" s="84"/>
      <c r="Y17" s="151"/>
      <c r="Z17" s="247"/>
      <c r="AA17" s="247"/>
      <c r="AB17" s="247"/>
      <c r="AC17" s="147"/>
      <c r="AD17" s="232"/>
      <c r="AE17" s="233"/>
      <c r="AF17" s="233"/>
      <c r="AG17" s="233"/>
      <c r="AH17" s="233"/>
      <c r="AI17" s="233"/>
      <c r="AJ17" s="233"/>
      <c r="AK17" s="233"/>
      <c r="AL17" s="233"/>
      <c r="AM17" s="233"/>
      <c r="AN17" s="234"/>
      <c r="AO17" s="197"/>
      <c r="AP17" s="198"/>
      <c r="AQ17" s="198"/>
      <c r="AR17" s="198"/>
      <c r="AS17" s="198"/>
      <c r="AT17" s="198"/>
      <c r="AU17" s="198"/>
      <c r="AV17" s="198"/>
      <c r="AW17" s="203"/>
      <c r="AX17" s="197"/>
      <c r="AY17" s="198"/>
      <c r="AZ17" s="198"/>
      <c r="BA17" s="198"/>
      <c r="BB17" s="198"/>
      <c r="BC17" s="198"/>
      <c r="BD17" s="198"/>
      <c r="BE17" s="198"/>
      <c r="BF17" s="203"/>
      <c r="BG17" s="197"/>
      <c r="BH17" s="198"/>
      <c r="BI17" s="198"/>
      <c r="BJ17" s="198"/>
      <c r="BK17" s="198"/>
      <c r="BL17" s="198"/>
      <c r="BM17" s="198"/>
      <c r="BN17" s="198"/>
      <c r="BO17" s="199"/>
      <c r="BP17" s="84"/>
      <c r="BQ17" s="82"/>
      <c r="BR17" s="148"/>
      <c r="BS17" s="148"/>
      <c r="BT17" s="148"/>
    </row>
    <row r="18" spans="1:72" ht="5.25" customHeight="1">
      <c r="A18" s="113"/>
      <c r="B18" s="113"/>
      <c r="D18" s="929"/>
      <c r="E18" s="930"/>
      <c r="F18" s="1002"/>
      <c r="G18" s="1003"/>
      <c r="H18" s="1003"/>
      <c r="I18" s="1003"/>
      <c r="J18" s="1003"/>
      <c r="K18" s="1004"/>
      <c r="L18" s="945"/>
      <c r="M18" s="946"/>
      <c r="N18" s="947"/>
      <c r="O18" s="945"/>
      <c r="P18" s="946"/>
      <c r="Q18" s="946"/>
      <c r="R18" s="946"/>
      <c r="S18" s="946"/>
      <c r="T18" s="946"/>
      <c r="U18" s="946"/>
      <c r="V18" s="946"/>
      <c r="W18" s="1009"/>
      <c r="X18" s="84"/>
      <c r="Y18" s="152"/>
      <c r="Z18" s="146"/>
      <c r="AA18" s="146"/>
      <c r="AB18" s="146"/>
      <c r="AC18" s="145"/>
      <c r="AD18" s="127"/>
      <c r="AE18" s="126"/>
      <c r="AF18" s="126"/>
      <c r="AG18" s="126"/>
      <c r="AH18" s="126"/>
      <c r="AI18" s="126"/>
      <c r="AJ18" s="126"/>
      <c r="AK18" s="126"/>
      <c r="AL18" s="126"/>
      <c r="AM18" s="126"/>
      <c r="AN18" s="137"/>
      <c r="AO18" s="215"/>
      <c r="AP18" s="216"/>
      <c r="AQ18" s="216"/>
      <c r="AR18" s="216"/>
      <c r="AS18" s="216"/>
      <c r="AT18" s="216"/>
      <c r="AU18" s="216"/>
      <c r="AV18" s="216"/>
      <c r="AW18" s="217"/>
      <c r="AX18" s="215"/>
      <c r="AY18" s="216"/>
      <c r="AZ18" s="216"/>
      <c r="BA18" s="216"/>
      <c r="BB18" s="216"/>
      <c r="BC18" s="216"/>
      <c r="BD18" s="216"/>
      <c r="BE18" s="216"/>
      <c r="BF18" s="217"/>
      <c r="BG18" s="215"/>
      <c r="BH18" s="216"/>
      <c r="BI18" s="216"/>
      <c r="BJ18" s="216"/>
      <c r="BK18" s="216"/>
      <c r="BL18" s="216"/>
      <c r="BM18" s="216"/>
      <c r="BN18" s="216"/>
      <c r="BO18" s="258"/>
      <c r="BP18" s="84"/>
      <c r="BQ18" s="82"/>
      <c r="BR18" s="148"/>
      <c r="BS18" s="148"/>
      <c r="BT18" s="148"/>
    </row>
    <row r="19" spans="1:72" ht="5.25" customHeight="1">
      <c r="A19" s="113"/>
      <c r="B19" s="113"/>
      <c r="D19" s="929"/>
      <c r="E19" s="930"/>
      <c r="F19" s="1002"/>
      <c r="G19" s="1003"/>
      <c r="H19" s="1003"/>
      <c r="I19" s="1003"/>
      <c r="J19" s="1003"/>
      <c r="K19" s="1004"/>
      <c r="L19" s="945"/>
      <c r="M19" s="946"/>
      <c r="N19" s="947"/>
      <c r="O19" s="945"/>
      <c r="P19" s="946"/>
      <c r="Q19" s="946"/>
      <c r="R19" s="946"/>
      <c r="S19" s="946"/>
      <c r="T19" s="946"/>
      <c r="U19" s="946"/>
      <c r="V19" s="946"/>
      <c r="W19" s="1009"/>
      <c r="X19" s="84"/>
      <c r="Y19" s="242"/>
      <c r="Z19" s="146"/>
      <c r="AA19" s="146"/>
      <c r="AB19" s="146"/>
      <c r="AC19" s="145"/>
      <c r="AD19" s="127"/>
      <c r="AE19" s="126"/>
      <c r="AF19" s="126"/>
      <c r="AG19" s="126"/>
      <c r="AH19" s="126"/>
      <c r="AI19" s="126"/>
      <c r="AJ19" s="126"/>
      <c r="AK19" s="126"/>
      <c r="AL19" s="126"/>
      <c r="AM19" s="126"/>
      <c r="AN19" s="137"/>
      <c r="AO19" s="215"/>
      <c r="AP19" s="216"/>
      <c r="AQ19" s="216"/>
      <c r="AR19" s="216"/>
      <c r="AS19" s="216"/>
      <c r="AT19" s="216"/>
      <c r="AU19" s="216"/>
      <c r="AV19" s="216"/>
      <c r="AW19" s="217"/>
      <c r="AX19" s="215"/>
      <c r="AY19" s="216"/>
      <c r="AZ19" s="216"/>
      <c r="BA19" s="216"/>
      <c r="BB19" s="216"/>
      <c r="BC19" s="216"/>
      <c r="BD19" s="216"/>
      <c r="BE19" s="216"/>
      <c r="BF19" s="217"/>
      <c r="BG19" s="215"/>
      <c r="BH19" s="216"/>
      <c r="BI19" s="216"/>
      <c r="BJ19" s="216"/>
      <c r="BK19" s="216"/>
      <c r="BL19" s="216"/>
      <c r="BM19" s="216"/>
      <c r="BN19" s="216"/>
      <c r="BO19" s="258"/>
      <c r="BP19" s="84"/>
      <c r="BQ19" s="82"/>
      <c r="BR19" s="148"/>
      <c r="BS19" s="148"/>
      <c r="BT19" s="148"/>
    </row>
    <row r="20" spans="1:72" ht="5.25" customHeight="1">
      <c r="A20" s="113"/>
      <c r="B20" s="113"/>
      <c r="D20" s="931"/>
      <c r="E20" s="932"/>
      <c r="F20" s="1005"/>
      <c r="G20" s="1006"/>
      <c r="H20" s="1006"/>
      <c r="I20" s="1006"/>
      <c r="J20" s="1006"/>
      <c r="K20" s="1007"/>
      <c r="L20" s="948"/>
      <c r="M20" s="949"/>
      <c r="N20" s="950"/>
      <c r="O20" s="948"/>
      <c r="P20" s="949"/>
      <c r="Q20" s="949"/>
      <c r="R20" s="949"/>
      <c r="S20" s="949"/>
      <c r="T20" s="949"/>
      <c r="U20" s="949"/>
      <c r="V20" s="949"/>
      <c r="W20" s="1010"/>
      <c r="X20" s="84"/>
      <c r="Y20" s="244"/>
      <c r="Z20" s="245"/>
      <c r="AA20" s="245"/>
      <c r="AB20" s="245"/>
      <c r="AC20" s="149"/>
      <c r="AD20" s="135"/>
      <c r="AE20" s="134"/>
      <c r="AF20" s="134"/>
      <c r="AG20" s="134"/>
      <c r="AH20" s="134"/>
      <c r="AI20" s="134"/>
      <c r="AJ20" s="134"/>
      <c r="AK20" s="134"/>
      <c r="AL20" s="134"/>
      <c r="AM20" s="134"/>
      <c r="AN20" s="133"/>
      <c r="AO20" s="218"/>
      <c r="AP20" s="219"/>
      <c r="AQ20" s="219"/>
      <c r="AR20" s="219"/>
      <c r="AS20" s="219"/>
      <c r="AT20" s="219"/>
      <c r="AU20" s="219"/>
      <c r="AV20" s="219"/>
      <c r="AW20" s="220"/>
      <c r="AX20" s="218"/>
      <c r="AY20" s="219"/>
      <c r="AZ20" s="219"/>
      <c r="BA20" s="219"/>
      <c r="BB20" s="219"/>
      <c r="BC20" s="219"/>
      <c r="BD20" s="219"/>
      <c r="BE20" s="219"/>
      <c r="BF20" s="220"/>
      <c r="BG20" s="218"/>
      <c r="BH20" s="219"/>
      <c r="BI20" s="219"/>
      <c r="BJ20" s="219"/>
      <c r="BK20" s="219"/>
      <c r="BL20" s="219"/>
      <c r="BM20" s="219"/>
      <c r="BN20" s="219"/>
      <c r="BO20" s="132"/>
      <c r="BP20" s="84"/>
      <c r="BQ20" s="82"/>
      <c r="BR20" s="148"/>
      <c r="BS20" s="148"/>
      <c r="BT20" s="148"/>
    </row>
    <row r="21" spans="1:72" ht="5.25" customHeight="1">
      <c r="A21" s="113"/>
      <c r="B21" s="113"/>
      <c r="D21" s="927">
        <v>3</v>
      </c>
      <c r="E21" s="928"/>
      <c r="F21" s="999"/>
      <c r="G21" s="1000"/>
      <c r="H21" s="1000"/>
      <c r="I21" s="1000"/>
      <c r="J21" s="1000"/>
      <c r="K21" s="1001"/>
      <c r="L21" s="942"/>
      <c r="M21" s="943"/>
      <c r="N21" s="944"/>
      <c r="O21" s="942"/>
      <c r="P21" s="943"/>
      <c r="Q21" s="943"/>
      <c r="R21" s="943"/>
      <c r="S21" s="943"/>
      <c r="T21" s="943"/>
      <c r="U21" s="943"/>
      <c r="V21" s="943"/>
      <c r="W21" s="1008"/>
      <c r="X21" s="84"/>
      <c r="Y21" s="242"/>
      <c r="Z21" s="146"/>
      <c r="AA21" s="146"/>
      <c r="AB21" s="146"/>
      <c r="AC21" s="145"/>
      <c r="AD21" s="127"/>
      <c r="AE21" s="126"/>
      <c r="AF21" s="126"/>
      <c r="AG21" s="126"/>
      <c r="AH21" s="126"/>
      <c r="AI21" s="126"/>
      <c r="AJ21" s="126"/>
      <c r="AK21" s="126"/>
      <c r="AL21" s="126"/>
      <c r="AM21" s="126"/>
      <c r="AN21" s="137"/>
      <c r="AO21" s="215"/>
      <c r="AP21" s="216"/>
      <c r="AQ21" s="216"/>
      <c r="AR21" s="216"/>
      <c r="AS21" s="216"/>
      <c r="AT21" s="216"/>
      <c r="AU21" s="216"/>
      <c r="AV21" s="216"/>
      <c r="AW21" s="217"/>
      <c r="AX21" s="215"/>
      <c r="AY21" s="216"/>
      <c r="AZ21" s="216"/>
      <c r="BA21" s="216"/>
      <c r="BB21" s="216"/>
      <c r="BC21" s="216"/>
      <c r="BD21" s="216"/>
      <c r="BE21" s="216"/>
      <c r="BF21" s="217"/>
      <c r="BG21" s="215"/>
      <c r="BH21" s="216"/>
      <c r="BI21" s="216"/>
      <c r="BJ21" s="216"/>
      <c r="BK21" s="216"/>
      <c r="BL21" s="216"/>
      <c r="BM21" s="216"/>
      <c r="BN21" s="216"/>
      <c r="BO21" s="258"/>
      <c r="BP21" s="84"/>
      <c r="BQ21" s="82"/>
      <c r="BR21" s="148"/>
      <c r="BS21" s="148"/>
      <c r="BT21" s="148"/>
    </row>
    <row r="22" spans="1:72" ht="5.25" customHeight="1">
      <c r="A22" s="113"/>
      <c r="B22" s="113"/>
      <c r="D22" s="929"/>
      <c r="E22" s="930"/>
      <c r="F22" s="1002"/>
      <c r="G22" s="1003"/>
      <c r="H22" s="1003"/>
      <c r="I22" s="1003"/>
      <c r="J22" s="1003"/>
      <c r="K22" s="1004"/>
      <c r="L22" s="945"/>
      <c r="M22" s="946"/>
      <c r="N22" s="947"/>
      <c r="O22" s="945"/>
      <c r="P22" s="946"/>
      <c r="Q22" s="946"/>
      <c r="R22" s="946"/>
      <c r="S22" s="946"/>
      <c r="T22" s="946"/>
      <c r="U22" s="946"/>
      <c r="V22" s="946"/>
      <c r="W22" s="1009"/>
      <c r="X22" s="84"/>
      <c r="Y22" s="242"/>
      <c r="Z22" s="146"/>
      <c r="AA22" s="146"/>
      <c r="AB22" s="146"/>
      <c r="AC22" s="145"/>
      <c r="AD22" s="127"/>
      <c r="AE22" s="126"/>
      <c r="AF22" s="126"/>
      <c r="AG22" s="126"/>
      <c r="AH22" s="126"/>
      <c r="AI22" s="126"/>
      <c r="AJ22" s="126"/>
      <c r="AK22" s="126"/>
      <c r="AL22" s="126"/>
      <c r="AM22" s="126"/>
      <c r="AN22" s="137"/>
      <c r="AO22" s="215"/>
      <c r="AP22" s="216"/>
      <c r="AQ22" s="216"/>
      <c r="AR22" s="216"/>
      <c r="AS22" s="216"/>
      <c r="AT22" s="216"/>
      <c r="AU22" s="216"/>
      <c r="AV22" s="216"/>
      <c r="AW22" s="217"/>
      <c r="AX22" s="215"/>
      <c r="AY22" s="216"/>
      <c r="AZ22" s="216"/>
      <c r="BA22" s="216"/>
      <c r="BB22" s="216"/>
      <c r="BC22" s="216"/>
      <c r="BD22" s="216"/>
      <c r="BE22" s="216"/>
      <c r="BF22" s="217"/>
      <c r="BG22" s="215"/>
      <c r="BH22" s="216"/>
      <c r="BI22" s="216"/>
      <c r="BJ22" s="216"/>
      <c r="BK22" s="216"/>
      <c r="BL22" s="216"/>
      <c r="BM22" s="216"/>
      <c r="BN22" s="216"/>
      <c r="BO22" s="258"/>
      <c r="BP22" s="84"/>
      <c r="BQ22" s="82"/>
      <c r="BR22" s="148"/>
      <c r="BS22" s="148"/>
      <c r="BT22" s="148"/>
    </row>
    <row r="23" spans="1:72" ht="5.25" customHeight="1">
      <c r="A23" s="113"/>
      <c r="B23" s="113"/>
      <c r="D23" s="929"/>
      <c r="E23" s="930"/>
      <c r="F23" s="1002"/>
      <c r="G23" s="1003"/>
      <c r="H23" s="1003"/>
      <c r="I23" s="1003"/>
      <c r="J23" s="1003"/>
      <c r="K23" s="1004"/>
      <c r="L23" s="945"/>
      <c r="M23" s="946"/>
      <c r="N23" s="947"/>
      <c r="O23" s="945"/>
      <c r="P23" s="946"/>
      <c r="Q23" s="946"/>
      <c r="R23" s="946"/>
      <c r="S23" s="946"/>
      <c r="T23" s="946"/>
      <c r="U23" s="946"/>
      <c r="V23" s="946"/>
      <c r="W23" s="1009"/>
      <c r="X23" s="84"/>
      <c r="Y23" s="152"/>
      <c r="Z23" s="146"/>
      <c r="AA23" s="146"/>
      <c r="AB23" s="146"/>
      <c r="AC23" s="145"/>
      <c r="AD23" s="127"/>
      <c r="AE23" s="126"/>
      <c r="AF23" s="126"/>
      <c r="AG23" s="126"/>
      <c r="AH23" s="126"/>
      <c r="AI23" s="126"/>
      <c r="AJ23" s="126"/>
      <c r="AK23" s="126"/>
      <c r="AL23" s="126"/>
      <c r="AM23" s="126"/>
      <c r="AN23" s="137"/>
      <c r="AO23" s="215"/>
      <c r="AP23" s="216"/>
      <c r="AQ23" s="216"/>
      <c r="AR23" s="216"/>
      <c r="AS23" s="216"/>
      <c r="AT23" s="216"/>
      <c r="AU23" s="216"/>
      <c r="AV23" s="216"/>
      <c r="AW23" s="217"/>
      <c r="AX23" s="215"/>
      <c r="AY23" s="216"/>
      <c r="AZ23" s="216"/>
      <c r="BA23" s="216"/>
      <c r="BB23" s="216"/>
      <c r="BC23" s="216"/>
      <c r="BD23" s="216"/>
      <c r="BE23" s="216"/>
      <c r="BF23" s="217"/>
      <c r="BG23" s="215"/>
      <c r="BH23" s="216"/>
      <c r="BI23" s="216"/>
      <c r="BJ23" s="216"/>
      <c r="BK23" s="216"/>
      <c r="BL23" s="216"/>
      <c r="BM23" s="216"/>
      <c r="BN23" s="216"/>
      <c r="BO23" s="258"/>
      <c r="BP23" s="84"/>
      <c r="BQ23" s="82"/>
      <c r="BR23" s="148"/>
      <c r="BS23" s="148"/>
      <c r="BT23" s="148"/>
    </row>
    <row r="24" spans="1:72" ht="5.25" customHeight="1">
      <c r="A24" s="113"/>
      <c r="B24" s="113"/>
      <c r="D24" s="931"/>
      <c r="E24" s="932"/>
      <c r="F24" s="1005"/>
      <c r="G24" s="1006"/>
      <c r="H24" s="1006"/>
      <c r="I24" s="1006"/>
      <c r="J24" s="1006"/>
      <c r="K24" s="1007"/>
      <c r="L24" s="948"/>
      <c r="M24" s="949"/>
      <c r="N24" s="950"/>
      <c r="O24" s="948"/>
      <c r="P24" s="949"/>
      <c r="Q24" s="949"/>
      <c r="R24" s="949"/>
      <c r="S24" s="949"/>
      <c r="T24" s="949"/>
      <c r="U24" s="949"/>
      <c r="V24" s="949"/>
      <c r="W24" s="1010"/>
      <c r="X24" s="84"/>
      <c r="Y24" s="242"/>
      <c r="Z24" s="146"/>
      <c r="AA24" s="146"/>
      <c r="AB24" s="146"/>
      <c r="AC24" s="145"/>
      <c r="AD24" s="127"/>
      <c r="AE24" s="126"/>
      <c r="AF24" s="126"/>
      <c r="AG24" s="126"/>
      <c r="AH24" s="126"/>
      <c r="AI24" s="126"/>
      <c r="AJ24" s="126"/>
      <c r="AK24" s="126"/>
      <c r="AL24" s="126"/>
      <c r="AM24" s="126"/>
      <c r="AN24" s="137"/>
      <c r="AO24" s="215"/>
      <c r="AP24" s="216"/>
      <c r="AQ24" s="216"/>
      <c r="AR24" s="216"/>
      <c r="AS24" s="216"/>
      <c r="AT24" s="216"/>
      <c r="AU24" s="216"/>
      <c r="AV24" s="216"/>
      <c r="AW24" s="217"/>
      <c r="AX24" s="215"/>
      <c r="AY24" s="216"/>
      <c r="AZ24" s="216"/>
      <c r="BA24" s="216"/>
      <c r="BB24" s="216"/>
      <c r="BC24" s="216"/>
      <c r="BD24" s="216"/>
      <c r="BE24" s="216"/>
      <c r="BF24" s="217"/>
      <c r="BG24" s="215"/>
      <c r="BH24" s="216"/>
      <c r="BI24" s="216"/>
      <c r="BJ24" s="216"/>
      <c r="BK24" s="216"/>
      <c r="BL24" s="216"/>
      <c r="BM24" s="216"/>
      <c r="BN24" s="216"/>
      <c r="BO24" s="258"/>
      <c r="BP24" s="84"/>
      <c r="BQ24" s="82"/>
      <c r="BR24" s="148"/>
      <c r="BS24" s="148"/>
      <c r="BT24" s="148"/>
    </row>
    <row r="25" spans="1:72" ht="5.25" customHeight="1">
      <c r="A25" s="113"/>
      <c r="B25" s="113"/>
      <c r="D25" s="927">
        <v>4</v>
      </c>
      <c r="E25" s="928"/>
      <c r="F25" s="999"/>
      <c r="G25" s="1000"/>
      <c r="H25" s="1000"/>
      <c r="I25" s="1000"/>
      <c r="J25" s="1000"/>
      <c r="K25" s="1001"/>
      <c r="L25" s="942"/>
      <c r="M25" s="943"/>
      <c r="N25" s="944"/>
      <c r="O25" s="942"/>
      <c r="P25" s="943"/>
      <c r="Q25" s="943"/>
      <c r="R25" s="943"/>
      <c r="S25" s="943"/>
      <c r="T25" s="943"/>
      <c r="U25" s="943"/>
      <c r="V25" s="943"/>
      <c r="W25" s="1008"/>
      <c r="X25" s="84"/>
      <c r="Y25" s="151"/>
      <c r="Z25" s="247"/>
      <c r="AA25" s="247"/>
      <c r="AB25" s="247"/>
      <c r="AC25" s="147"/>
      <c r="AD25" s="130"/>
      <c r="AE25" s="129"/>
      <c r="AF25" s="129"/>
      <c r="AG25" s="129"/>
      <c r="AH25" s="129"/>
      <c r="AI25" s="129"/>
      <c r="AJ25" s="129"/>
      <c r="AK25" s="129"/>
      <c r="AL25" s="129"/>
      <c r="AM25" s="129"/>
      <c r="AN25" s="138"/>
      <c r="AO25" s="212"/>
      <c r="AP25" s="213"/>
      <c r="AQ25" s="213"/>
      <c r="AR25" s="213"/>
      <c r="AS25" s="213"/>
      <c r="AT25" s="213"/>
      <c r="AU25" s="213"/>
      <c r="AV25" s="213"/>
      <c r="AW25" s="214"/>
      <c r="AX25" s="212"/>
      <c r="AY25" s="213"/>
      <c r="AZ25" s="213"/>
      <c r="BA25" s="213"/>
      <c r="BB25" s="213"/>
      <c r="BC25" s="213"/>
      <c r="BD25" s="213"/>
      <c r="BE25" s="213"/>
      <c r="BF25" s="214"/>
      <c r="BG25" s="212"/>
      <c r="BH25" s="213"/>
      <c r="BI25" s="213"/>
      <c r="BJ25" s="213"/>
      <c r="BK25" s="213"/>
      <c r="BL25" s="213"/>
      <c r="BM25" s="213"/>
      <c r="BN25" s="213"/>
      <c r="BO25" s="257"/>
      <c r="BP25" s="84"/>
      <c r="BQ25" s="82"/>
      <c r="BR25" s="148"/>
      <c r="BS25" s="148"/>
      <c r="BT25" s="148"/>
    </row>
    <row r="26" spans="1:72" ht="5.25" customHeight="1">
      <c r="A26" s="113"/>
      <c r="B26" s="113"/>
      <c r="D26" s="929"/>
      <c r="E26" s="930"/>
      <c r="F26" s="1002"/>
      <c r="G26" s="1003"/>
      <c r="H26" s="1003"/>
      <c r="I26" s="1003"/>
      <c r="J26" s="1003"/>
      <c r="K26" s="1004"/>
      <c r="L26" s="945"/>
      <c r="M26" s="946"/>
      <c r="N26" s="947"/>
      <c r="O26" s="945"/>
      <c r="P26" s="946"/>
      <c r="Q26" s="946"/>
      <c r="R26" s="946"/>
      <c r="S26" s="946"/>
      <c r="T26" s="946"/>
      <c r="U26" s="946"/>
      <c r="V26" s="946"/>
      <c r="W26" s="1009"/>
      <c r="X26" s="84"/>
      <c r="Y26" s="242"/>
      <c r="Z26" s="146"/>
      <c r="AA26" s="146"/>
      <c r="AB26" s="146"/>
      <c r="AC26" s="145"/>
      <c r="AD26" s="127"/>
      <c r="AE26" s="126"/>
      <c r="AF26" s="126"/>
      <c r="AG26" s="126"/>
      <c r="AH26" s="126"/>
      <c r="AI26" s="126"/>
      <c r="AJ26" s="126"/>
      <c r="AK26" s="126"/>
      <c r="AL26" s="126"/>
      <c r="AM26" s="126"/>
      <c r="AN26" s="137"/>
      <c r="AO26" s="215"/>
      <c r="AP26" s="216"/>
      <c r="AQ26" s="216"/>
      <c r="AR26" s="216"/>
      <c r="AS26" s="216"/>
      <c r="AT26" s="216"/>
      <c r="AU26" s="216"/>
      <c r="AV26" s="216"/>
      <c r="AW26" s="217"/>
      <c r="AX26" s="215"/>
      <c r="AY26" s="216"/>
      <c r="AZ26" s="216"/>
      <c r="BA26" s="216"/>
      <c r="BB26" s="216"/>
      <c r="BC26" s="216"/>
      <c r="BD26" s="216"/>
      <c r="BE26" s="216"/>
      <c r="BF26" s="217"/>
      <c r="BG26" s="215"/>
      <c r="BH26" s="216"/>
      <c r="BI26" s="216"/>
      <c r="BJ26" s="216"/>
      <c r="BK26" s="216"/>
      <c r="BL26" s="216"/>
      <c r="BM26" s="216"/>
      <c r="BN26" s="216"/>
      <c r="BO26" s="258"/>
      <c r="BP26" s="84"/>
      <c r="BQ26" s="82"/>
      <c r="BR26" s="148"/>
      <c r="BS26" s="148"/>
      <c r="BT26" s="148"/>
    </row>
    <row r="27" spans="1:72" ht="5.25" customHeight="1">
      <c r="A27" s="113"/>
      <c r="B27" s="113"/>
      <c r="D27" s="929"/>
      <c r="E27" s="930"/>
      <c r="F27" s="1002"/>
      <c r="G27" s="1003"/>
      <c r="H27" s="1003"/>
      <c r="I27" s="1003"/>
      <c r="J27" s="1003"/>
      <c r="K27" s="1004"/>
      <c r="L27" s="945"/>
      <c r="M27" s="946"/>
      <c r="N27" s="947"/>
      <c r="O27" s="945"/>
      <c r="P27" s="946"/>
      <c r="Q27" s="946"/>
      <c r="R27" s="946"/>
      <c r="S27" s="946"/>
      <c r="T27" s="946"/>
      <c r="U27" s="946"/>
      <c r="V27" s="946"/>
      <c r="W27" s="1009"/>
      <c r="X27" s="84"/>
      <c r="Y27" s="242"/>
      <c r="Z27" s="146"/>
      <c r="AA27" s="146"/>
      <c r="AB27" s="146"/>
      <c r="AC27" s="145"/>
      <c r="AD27" s="127"/>
      <c r="AE27" s="126"/>
      <c r="AF27" s="126"/>
      <c r="AG27" s="126"/>
      <c r="AH27" s="126"/>
      <c r="AI27" s="126"/>
      <c r="AJ27" s="126"/>
      <c r="AK27" s="126"/>
      <c r="AL27" s="126"/>
      <c r="AM27" s="126"/>
      <c r="AN27" s="137"/>
      <c r="AO27" s="215"/>
      <c r="AP27" s="216"/>
      <c r="AQ27" s="216"/>
      <c r="AR27" s="216"/>
      <c r="AS27" s="216"/>
      <c r="AT27" s="216"/>
      <c r="AU27" s="216"/>
      <c r="AV27" s="216"/>
      <c r="AW27" s="217"/>
      <c r="AX27" s="215"/>
      <c r="AY27" s="216"/>
      <c r="AZ27" s="216"/>
      <c r="BA27" s="216"/>
      <c r="BB27" s="216"/>
      <c r="BC27" s="216"/>
      <c r="BD27" s="216"/>
      <c r="BE27" s="216"/>
      <c r="BF27" s="217"/>
      <c r="BG27" s="215"/>
      <c r="BH27" s="216"/>
      <c r="BI27" s="216"/>
      <c r="BJ27" s="216"/>
      <c r="BK27" s="216"/>
      <c r="BL27" s="216"/>
      <c r="BM27" s="216"/>
      <c r="BN27" s="216"/>
      <c r="BO27" s="258"/>
      <c r="BP27" s="84"/>
      <c r="BQ27" s="82"/>
      <c r="BR27" s="148"/>
      <c r="BS27" s="148"/>
      <c r="BT27" s="148"/>
    </row>
    <row r="28" spans="1:72" ht="5.25" customHeight="1">
      <c r="A28" s="113"/>
      <c r="B28" s="113"/>
      <c r="D28" s="931"/>
      <c r="E28" s="932"/>
      <c r="F28" s="1005"/>
      <c r="G28" s="1006"/>
      <c r="H28" s="1006"/>
      <c r="I28" s="1006"/>
      <c r="J28" s="1006"/>
      <c r="K28" s="1007"/>
      <c r="L28" s="948"/>
      <c r="M28" s="949"/>
      <c r="N28" s="950"/>
      <c r="O28" s="948"/>
      <c r="P28" s="949"/>
      <c r="Q28" s="949"/>
      <c r="R28" s="949"/>
      <c r="S28" s="949"/>
      <c r="T28" s="949"/>
      <c r="U28" s="949"/>
      <c r="V28" s="949"/>
      <c r="W28" s="1010"/>
      <c r="X28" s="84"/>
      <c r="Y28" s="150"/>
      <c r="Z28" s="245"/>
      <c r="AA28" s="245"/>
      <c r="AB28" s="245"/>
      <c r="AC28" s="149"/>
      <c r="AD28" s="135"/>
      <c r="AE28" s="134"/>
      <c r="AF28" s="134"/>
      <c r="AG28" s="134"/>
      <c r="AH28" s="134"/>
      <c r="AI28" s="134"/>
      <c r="AJ28" s="134"/>
      <c r="AK28" s="134"/>
      <c r="AL28" s="134"/>
      <c r="AM28" s="134"/>
      <c r="AN28" s="133"/>
      <c r="AO28" s="218"/>
      <c r="AP28" s="219"/>
      <c r="AQ28" s="219"/>
      <c r="AR28" s="219"/>
      <c r="AS28" s="219"/>
      <c r="AT28" s="219"/>
      <c r="AU28" s="219"/>
      <c r="AV28" s="219"/>
      <c r="AW28" s="220"/>
      <c r="AX28" s="218"/>
      <c r="AY28" s="219"/>
      <c r="AZ28" s="219"/>
      <c r="BA28" s="219"/>
      <c r="BB28" s="219"/>
      <c r="BC28" s="219"/>
      <c r="BD28" s="219"/>
      <c r="BE28" s="219"/>
      <c r="BF28" s="220"/>
      <c r="BG28" s="218"/>
      <c r="BH28" s="219"/>
      <c r="BI28" s="219"/>
      <c r="BJ28" s="219"/>
      <c r="BK28" s="219"/>
      <c r="BL28" s="219"/>
      <c r="BM28" s="219"/>
      <c r="BN28" s="219"/>
      <c r="BO28" s="132"/>
      <c r="BP28" s="84"/>
      <c r="BQ28" s="82"/>
      <c r="BR28" s="148"/>
      <c r="BS28" s="148"/>
      <c r="BT28" s="148"/>
    </row>
    <row r="29" spans="1:72" ht="5.25" customHeight="1">
      <c r="A29" s="113"/>
      <c r="B29" s="113"/>
      <c r="D29" s="927">
        <v>5</v>
      </c>
      <c r="E29" s="928"/>
      <c r="F29" s="999"/>
      <c r="G29" s="1000"/>
      <c r="H29" s="1000"/>
      <c r="I29" s="1000"/>
      <c r="J29" s="1000"/>
      <c r="K29" s="1001"/>
      <c r="L29" s="942"/>
      <c r="M29" s="943"/>
      <c r="N29" s="944"/>
      <c r="O29" s="942"/>
      <c r="P29" s="943"/>
      <c r="Q29" s="943"/>
      <c r="R29" s="943"/>
      <c r="S29" s="943"/>
      <c r="T29" s="943"/>
      <c r="U29" s="943"/>
      <c r="V29" s="943"/>
      <c r="W29" s="1008"/>
      <c r="X29" s="84"/>
      <c r="Y29" s="242"/>
      <c r="Z29" s="146"/>
      <c r="AA29" s="146"/>
      <c r="AB29" s="146"/>
      <c r="AC29" s="145"/>
      <c r="AD29" s="127"/>
      <c r="AE29" s="126"/>
      <c r="AF29" s="126"/>
      <c r="AG29" s="126"/>
      <c r="AH29" s="126"/>
      <c r="AI29" s="126"/>
      <c r="AJ29" s="126"/>
      <c r="AK29" s="126"/>
      <c r="AL29" s="126"/>
      <c r="AM29" s="126"/>
      <c r="AN29" s="137"/>
      <c r="AO29" s="215"/>
      <c r="AP29" s="216"/>
      <c r="AQ29" s="216"/>
      <c r="AR29" s="216"/>
      <c r="AS29" s="216"/>
      <c r="AT29" s="216"/>
      <c r="AU29" s="216"/>
      <c r="AV29" s="216"/>
      <c r="AW29" s="217"/>
      <c r="AX29" s="215"/>
      <c r="AY29" s="216"/>
      <c r="AZ29" s="216"/>
      <c r="BA29" s="216"/>
      <c r="BB29" s="216"/>
      <c r="BC29" s="216"/>
      <c r="BD29" s="216"/>
      <c r="BE29" s="216"/>
      <c r="BF29" s="217"/>
      <c r="BG29" s="215"/>
      <c r="BH29" s="216"/>
      <c r="BI29" s="216"/>
      <c r="BJ29" s="216"/>
      <c r="BK29" s="216"/>
      <c r="BL29" s="216"/>
      <c r="BM29" s="216"/>
      <c r="BN29" s="216"/>
      <c r="BO29" s="258"/>
      <c r="BP29" s="84"/>
      <c r="BQ29" s="82"/>
      <c r="BR29" s="148"/>
      <c r="BS29" s="148"/>
      <c r="BT29" s="148"/>
    </row>
    <row r="30" spans="1:72" ht="5.25" customHeight="1">
      <c r="A30" s="113"/>
      <c r="B30" s="113"/>
      <c r="D30" s="929"/>
      <c r="E30" s="930"/>
      <c r="F30" s="1002"/>
      <c r="G30" s="1003"/>
      <c r="H30" s="1003"/>
      <c r="I30" s="1003"/>
      <c r="J30" s="1003"/>
      <c r="K30" s="1004"/>
      <c r="L30" s="945"/>
      <c r="M30" s="946"/>
      <c r="N30" s="947"/>
      <c r="O30" s="945"/>
      <c r="P30" s="946"/>
      <c r="Q30" s="946"/>
      <c r="R30" s="946"/>
      <c r="S30" s="946"/>
      <c r="T30" s="946"/>
      <c r="U30" s="946"/>
      <c r="V30" s="946"/>
      <c r="W30" s="1009"/>
      <c r="X30" s="84"/>
      <c r="Y30" s="242"/>
      <c r="Z30" s="146"/>
      <c r="AA30" s="146"/>
      <c r="AB30" s="146"/>
      <c r="AC30" s="145"/>
      <c r="AD30" s="127"/>
      <c r="AE30" s="126"/>
      <c r="AF30" s="126"/>
      <c r="AG30" s="126"/>
      <c r="AH30" s="126"/>
      <c r="AI30" s="126"/>
      <c r="AJ30" s="126"/>
      <c r="AK30" s="126"/>
      <c r="AL30" s="126"/>
      <c r="AM30" s="126"/>
      <c r="AN30" s="137"/>
      <c r="AO30" s="215"/>
      <c r="AP30" s="216"/>
      <c r="AQ30" s="216"/>
      <c r="AR30" s="216"/>
      <c r="AS30" s="216"/>
      <c r="AT30" s="216"/>
      <c r="AU30" s="216"/>
      <c r="AV30" s="216"/>
      <c r="AW30" s="217"/>
      <c r="AX30" s="215"/>
      <c r="AY30" s="216"/>
      <c r="AZ30" s="216"/>
      <c r="BA30" s="216"/>
      <c r="BB30" s="216"/>
      <c r="BC30" s="216"/>
      <c r="BD30" s="216"/>
      <c r="BE30" s="216"/>
      <c r="BF30" s="217"/>
      <c r="BG30" s="215"/>
      <c r="BH30" s="216"/>
      <c r="BI30" s="216"/>
      <c r="BJ30" s="216"/>
      <c r="BK30" s="216"/>
      <c r="BL30" s="216"/>
      <c r="BM30" s="216"/>
      <c r="BN30" s="216"/>
      <c r="BO30" s="258"/>
      <c r="BP30" s="84"/>
      <c r="BQ30" s="82"/>
      <c r="BR30" s="82"/>
      <c r="BS30" s="82"/>
      <c r="BT30" s="116"/>
    </row>
    <row r="31" spans="1:72" ht="5.25" customHeight="1">
      <c r="A31" s="113"/>
      <c r="B31" s="113"/>
      <c r="D31" s="929"/>
      <c r="E31" s="930"/>
      <c r="F31" s="1002"/>
      <c r="G31" s="1003"/>
      <c r="H31" s="1003"/>
      <c r="I31" s="1003"/>
      <c r="J31" s="1003"/>
      <c r="K31" s="1004"/>
      <c r="L31" s="945"/>
      <c r="M31" s="946"/>
      <c r="N31" s="947"/>
      <c r="O31" s="945"/>
      <c r="P31" s="946"/>
      <c r="Q31" s="946"/>
      <c r="R31" s="946"/>
      <c r="S31" s="946"/>
      <c r="T31" s="946"/>
      <c r="U31" s="946"/>
      <c r="V31" s="946"/>
      <c r="W31" s="1009"/>
      <c r="X31" s="84"/>
      <c r="Y31" s="242"/>
      <c r="Z31" s="146"/>
      <c r="AA31" s="146"/>
      <c r="AB31" s="146"/>
      <c r="AC31" s="145"/>
      <c r="AD31" s="127"/>
      <c r="AE31" s="126"/>
      <c r="AF31" s="126"/>
      <c r="AG31" s="126"/>
      <c r="AH31" s="126"/>
      <c r="AI31" s="126"/>
      <c r="AJ31" s="126"/>
      <c r="AK31" s="126"/>
      <c r="AL31" s="126"/>
      <c r="AM31" s="126"/>
      <c r="AN31" s="137"/>
      <c r="AO31" s="215"/>
      <c r="AP31" s="216"/>
      <c r="AQ31" s="216"/>
      <c r="AR31" s="216"/>
      <c r="AS31" s="216"/>
      <c r="AT31" s="216"/>
      <c r="AU31" s="216"/>
      <c r="AV31" s="216"/>
      <c r="AW31" s="217"/>
      <c r="AX31" s="215"/>
      <c r="AY31" s="216"/>
      <c r="AZ31" s="216"/>
      <c r="BA31" s="216"/>
      <c r="BB31" s="216"/>
      <c r="BC31" s="216"/>
      <c r="BD31" s="216"/>
      <c r="BE31" s="216"/>
      <c r="BF31" s="217"/>
      <c r="BG31" s="215"/>
      <c r="BH31" s="216"/>
      <c r="BI31" s="216"/>
      <c r="BJ31" s="216"/>
      <c r="BK31" s="216"/>
      <c r="BL31" s="216"/>
      <c r="BM31" s="216"/>
      <c r="BN31" s="216"/>
      <c r="BO31" s="258"/>
      <c r="BP31" s="84"/>
      <c r="BQ31" s="82"/>
      <c r="BR31" s="82"/>
      <c r="BS31" s="82"/>
      <c r="BT31" s="116"/>
    </row>
    <row r="32" spans="1:72" ht="5.25" customHeight="1">
      <c r="A32" s="113"/>
      <c r="B32" s="113"/>
      <c r="D32" s="931"/>
      <c r="E32" s="932"/>
      <c r="F32" s="1005"/>
      <c r="G32" s="1006"/>
      <c r="H32" s="1006"/>
      <c r="I32" s="1006"/>
      <c r="J32" s="1006"/>
      <c r="K32" s="1007"/>
      <c r="L32" s="948"/>
      <c r="M32" s="949"/>
      <c r="N32" s="950"/>
      <c r="O32" s="948"/>
      <c r="P32" s="949"/>
      <c r="Q32" s="949"/>
      <c r="R32" s="949"/>
      <c r="S32" s="949"/>
      <c r="T32" s="949"/>
      <c r="U32" s="949"/>
      <c r="V32" s="949"/>
      <c r="W32" s="1010"/>
      <c r="X32" s="84"/>
      <c r="Y32" s="242"/>
      <c r="Z32" s="146"/>
      <c r="AA32" s="146"/>
      <c r="AB32" s="146"/>
      <c r="AC32" s="145"/>
      <c r="AD32" s="127"/>
      <c r="AE32" s="126"/>
      <c r="AF32" s="126"/>
      <c r="AG32" s="126"/>
      <c r="AH32" s="126"/>
      <c r="AI32" s="126"/>
      <c r="AJ32" s="126"/>
      <c r="AK32" s="126"/>
      <c r="AL32" s="126"/>
      <c r="AM32" s="126"/>
      <c r="AN32" s="137"/>
      <c r="AO32" s="215"/>
      <c r="AP32" s="216"/>
      <c r="AQ32" s="216"/>
      <c r="AR32" s="216"/>
      <c r="AS32" s="216"/>
      <c r="AT32" s="216"/>
      <c r="AU32" s="216"/>
      <c r="AV32" s="216"/>
      <c r="AW32" s="217"/>
      <c r="AX32" s="215"/>
      <c r="AY32" s="216"/>
      <c r="AZ32" s="216"/>
      <c r="BA32" s="216"/>
      <c r="BB32" s="216"/>
      <c r="BC32" s="216"/>
      <c r="BD32" s="216"/>
      <c r="BE32" s="216"/>
      <c r="BF32" s="217"/>
      <c r="BG32" s="215"/>
      <c r="BH32" s="216"/>
      <c r="BI32" s="216"/>
      <c r="BJ32" s="216"/>
      <c r="BK32" s="216"/>
      <c r="BL32" s="216"/>
      <c r="BM32" s="216"/>
      <c r="BN32" s="216"/>
      <c r="BO32" s="258"/>
      <c r="BP32" s="84"/>
      <c r="BQ32" s="82"/>
      <c r="BR32" s="82"/>
      <c r="BS32" s="82"/>
      <c r="BT32" s="116"/>
    </row>
    <row r="33" spans="1:72" ht="5.25" customHeight="1">
      <c r="A33" s="113"/>
      <c r="B33" s="113"/>
      <c r="D33" s="927">
        <v>6</v>
      </c>
      <c r="E33" s="928"/>
      <c r="F33" s="999"/>
      <c r="G33" s="1000"/>
      <c r="H33" s="1000"/>
      <c r="I33" s="1000"/>
      <c r="J33" s="1000"/>
      <c r="K33" s="1001"/>
      <c r="L33" s="942"/>
      <c r="M33" s="943"/>
      <c r="N33" s="944"/>
      <c r="O33" s="942"/>
      <c r="P33" s="943"/>
      <c r="Q33" s="943"/>
      <c r="R33" s="943"/>
      <c r="S33" s="943"/>
      <c r="T33" s="943"/>
      <c r="U33" s="943"/>
      <c r="V33" s="943"/>
      <c r="W33" s="1008"/>
      <c r="X33" s="84"/>
      <c r="Y33" s="230"/>
      <c r="Z33" s="247"/>
      <c r="AA33" s="247"/>
      <c r="AB33" s="247"/>
      <c r="AC33" s="147"/>
      <c r="AD33" s="130"/>
      <c r="AE33" s="129"/>
      <c r="AF33" s="129"/>
      <c r="AG33" s="129"/>
      <c r="AH33" s="129"/>
      <c r="AI33" s="129"/>
      <c r="AJ33" s="129"/>
      <c r="AK33" s="129"/>
      <c r="AL33" s="129"/>
      <c r="AM33" s="129"/>
      <c r="AN33" s="138"/>
      <c r="AO33" s="212"/>
      <c r="AP33" s="213"/>
      <c r="AQ33" s="213"/>
      <c r="AR33" s="213"/>
      <c r="AS33" s="213"/>
      <c r="AT33" s="213"/>
      <c r="AU33" s="213"/>
      <c r="AV33" s="213"/>
      <c r="AW33" s="214"/>
      <c r="AX33" s="212"/>
      <c r="AY33" s="213"/>
      <c r="AZ33" s="213"/>
      <c r="BA33" s="213"/>
      <c r="BB33" s="213"/>
      <c r="BC33" s="213"/>
      <c r="BD33" s="213"/>
      <c r="BE33" s="213"/>
      <c r="BF33" s="214"/>
      <c r="BG33" s="212"/>
      <c r="BH33" s="213"/>
      <c r="BI33" s="213"/>
      <c r="BJ33" s="213"/>
      <c r="BK33" s="213"/>
      <c r="BL33" s="213"/>
      <c r="BM33" s="213"/>
      <c r="BN33" s="213"/>
      <c r="BO33" s="257"/>
      <c r="BP33" s="216"/>
      <c r="BQ33" s="216"/>
      <c r="BR33" s="216"/>
      <c r="BS33" s="82"/>
      <c r="BT33" s="116"/>
    </row>
    <row r="34" spans="1:72" ht="5.25" customHeight="1">
      <c r="A34" s="113"/>
      <c r="B34" s="113"/>
      <c r="D34" s="929"/>
      <c r="E34" s="930"/>
      <c r="F34" s="1002"/>
      <c r="G34" s="1003"/>
      <c r="H34" s="1003"/>
      <c r="I34" s="1003"/>
      <c r="J34" s="1003"/>
      <c r="K34" s="1004"/>
      <c r="L34" s="945"/>
      <c r="M34" s="946"/>
      <c r="N34" s="947"/>
      <c r="O34" s="945"/>
      <c r="P34" s="946"/>
      <c r="Q34" s="946"/>
      <c r="R34" s="946"/>
      <c r="S34" s="946"/>
      <c r="T34" s="946"/>
      <c r="U34" s="946"/>
      <c r="V34" s="946"/>
      <c r="W34" s="1009"/>
      <c r="X34" s="84"/>
      <c r="Y34" s="242"/>
      <c r="Z34" s="146"/>
      <c r="AA34" s="146"/>
      <c r="AB34" s="146"/>
      <c r="AC34" s="145"/>
      <c r="AD34" s="127"/>
      <c r="AE34" s="126"/>
      <c r="AF34" s="126"/>
      <c r="AG34" s="126"/>
      <c r="AH34" s="126"/>
      <c r="AI34" s="126"/>
      <c r="AJ34" s="126"/>
      <c r="AK34" s="126"/>
      <c r="AL34" s="126"/>
      <c r="AM34" s="126"/>
      <c r="AN34" s="137"/>
      <c r="AO34" s="215"/>
      <c r="AP34" s="216"/>
      <c r="AQ34" s="216"/>
      <c r="AR34" s="216"/>
      <c r="AS34" s="216"/>
      <c r="AT34" s="216"/>
      <c r="AU34" s="216"/>
      <c r="AV34" s="216"/>
      <c r="AW34" s="217"/>
      <c r="AX34" s="215"/>
      <c r="AY34" s="216"/>
      <c r="AZ34" s="216"/>
      <c r="BA34" s="216"/>
      <c r="BB34" s="216"/>
      <c r="BC34" s="216"/>
      <c r="BD34" s="216"/>
      <c r="BE34" s="216"/>
      <c r="BF34" s="217"/>
      <c r="BG34" s="215"/>
      <c r="BH34" s="216"/>
      <c r="BI34" s="216"/>
      <c r="BJ34" s="216"/>
      <c r="BK34" s="216"/>
      <c r="BL34" s="216"/>
      <c r="BM34" s="216"/>
      <c r="BN34" s="216"/>
      <c r="BO34" s="258"/>
      <c r="BP34" s="216"/>
      <c r="BQ34" s="216"/>
      <c r="BR34" s="216"/>
      <c r="BS34" s="82"/>
      <c r="BT34" s="116"/>
    </row>
    <row r="35" spans="1:72" ht="5.25" customHeight="1">
      <c r="A35" s="113"/>
      <c r="B35" s="113"/>
      <c r="D35" s="929"/>
      <c r="E35" s="930"/>
      <c r="F35" s="1002"/>
      <c r="G35" s="1003"/>
      <c r="H35" s="1003"/>
      <c r="I35" s="1003"/>
      <c r="J35" s="1003"/>
      <c r="K35" s="1004"/>
      <c r="L35" s="945"/>
      <c r="M35" s="946"/>
      <c r="N35" s="947"/>
      <c r="O35" s="945"/>
      <c r="P35" s="946"/>
      <c r="Q35" s="946"/>
      <c r="R35" s="946"/>
      <c r="S35" s="946"/>
      <c r="T35" s="946"/>
      <c r="U35" s="946"/>
      <c r="V35" s="946"/>
      <c r="W35" s="1009"/>
      <c r="X35" s="84"/>
      <c r="Y35" s="242"/>
      <c r="Z35" s="146"/>
      <c r="AA35" s="146"/>
      <c r="AB35" s="146"/>
      <c r="AC35" s="145"/>
      <c r="AD35" s="127"/>
      <c r="AE35" s="126"/>
      <c r="AF35" s="126"/>
      <c r="AG35" s="126"/>
      <c r="AH35" s="126"/>
      <c r="AI35" s="126"/>
      <c r="AJ35" s="126"/>
      <c r="AK35" s="126"/>
      <c r="AL35" s="126"/>
      <c r="AM35" s="126"/>
      <c r="AN35" s="137"/>
      <c r="AO35" s="215"/>
      <c r="AP35" s="216"/>
      <c r="AQ35" s="216"/>
      <c r="AR35" s="216"/>
      <c r="AS35" s="216"/>
      <c r="AT35" s="216"/>
      <c r="AU35" s="216"/>
      <c r="AV35" s="216"/>
      <c r="AW35" s="217"/>
      <c r="AX35" s="215"/>
      <c r="AY35" s="216"/>
      <c r="AZ35" s="216"/>
      <c r="BA35" s="216"/>
      <c r="BB35" s="216"/>
      <c r="BC35" s="216"/>
      <c r="BD35" s="216"/>
      <c r="BE35" s="216"/>
      <c r="BF35" s="217"/>
      <c r="BG35" s="215"/>
      <c r="BH35" s="216"/>
      <c r="BI35" s="216"/>
      <c r="BJ35" s="216"/>
      <c r="BK35" s="216"/>
      <c r="BL35" s="216"/>
      <c r="BM35" s="216"/>
      <c r="BN35" s="216"/>
      <c r="BO35" s="258"/>
      <c r="BP35" s="216"/>
      <c r="BQ35" s="216"/>
      <c r="BR35" s="216"/>
      <c r="BS35" s="82"/>
      <c r="BT35" s="116"/>
    </row>
    <row r="36" spans="1:72" ht="5.25" customHeight="1">
      <c r="A36" s="113"/>
      <c r="B36" s="113"/>
      <c r="D36" s="931"/>
      <c r="E36" s="932"/>
      <c r="F36" s="1005"/>
      <c r="G36" s="1006"/>
      <c r="H36" s="1006"/>
      <c r="I36" s="1006"/>
      <c r="J36" s="1006"/>
      <c r="K36" s="1007"/>
      <c r="L36" s="948"/>
      <c r="M36" s="949"/>
      <c r="N36" s="950"/>
      <c r="O36" s="948"/>
      <c r="P36" s="949"/>
      <c r="Q36" s="949"/>
      <c r="R36" s="949"/>
      <c r="S36" s="949"/>
      <c r="T36" s="949"/>
      <c r="U36" s="949"/>
      <c r="V36" s="949"/>
      <c r="W36" s="1010"/>
      <c r="X36" s="84"/>
      <c r="Y36" s="248"/>
      <c r="Z36" s="249"/>
      <c r="AA36" s="249"/>
      <c r="AB36" s="249"/>
      <c r="AC36" s="144"/>
      <c r="AD36" s="143"/>
      <c r="AE36" s="142"/>
      <c r="AF36" s="142"/>
      <c r="AG36" s="142"/>
      <c r="AH36" s="142"/>
      <c r="AI36" s="142"/>
      <c r="AJ36" s="142"/>
      <c r="AK36" s="142"/>
      <c r="AL36" s="142"/>
      <c r="AM36" s="142"/>
      <c r="AN36" s="141"/>
      <c r="AO36" s="221"/>
      <c r="AP36" s="222"/>
      <c r="AQ36" s="222"/>
      <c r="AR36" s="222"/>
      <c r="AS36" s="222"/>
      <c r="AT36" s="222"/>
      <c r="AU36" s="222"/>
      <c r="AV36" s="222"/>
      <c r="AW36" s="223"/>
      <c r="AX36" s="221"/>
      <c r="AY36" s="222"/>
      <c r="AZ36" s="222"/>
      <c r="BA36" s="222"/>
      <c r="BB36" s="222"/>
      <c r="BC36" s="222"/>
      <c r="BD36" s="222"/>
      <c r="BE36" s="222"/>
      <c r="BF36" s="223"/>
      <c r="BG36" s="221"/>
      <c r="BH36" s="222"/>
      <c r="BI36" s="222"/>
      <c r="BJ36" s="222"/>
      <c r="BK36" s="222"/>
      <c r="BL36" s="222"/>
      <c r="BM36" s="222"/>
      <c r="BN36" s="222"/>
      <c r="BO36" s="259"/>
      <c r="BP36" s="85"/>
      <c r="BQ36" s="85"/>
      <c r="BR36" s="85"/>
      <c r="BS36" s="82"/>
      <c r="BT36" s="116"/>
    </row>
    <row r="37" spans="1:72" ht="5.25" customHeight="1">
      <c r="A37" s="113"/>
      <c r="B37" s="113"/>
      <c r="D37" s="927">
        <v>7</v>
      </c>
      <c r="E37" s="928"/>
      <c r="F37" s="999"/>
      <c r="G37" s="1000"/>
      <c r="H37" s="1000"/>
      <c r="I37" s="1000"/>
      <c r="J37" s="1000"/>
      <c r="K37" s="1001"/>
      <c r="L37" s="942"/>
      <c r="M37" s="943"/>
      <c r="N37" s="944"/>
      <c r="O37" s="942"/>
      <c r="P37" s="943"/>
      <c r="Q37" s="943"/>
      <c r="R37" s="943"/>
      <c r="S37" s="943"/>
      <c r="T37" s="943"/>
      <c r="U37" s="943"/>
      <c r="V37" s="943"/>
      <c r="W37" s="1008"/>
      <c r="X37" s="84"/>
      <c r="Y37" s="241"/>
      <c r="Z37" s="241"/>
      <c r="AA37" s="241"/>
      <c r="AB37" s="241"/>
      <c r="AC37" s="241"/>
      <c r="AD37" s="140"/>
      <c r="AE37" s="140"/>
      <c r="AF37" s="140"/>
      <c r="AG37" s="140"/>
      <c r="AH37" s="140"/>
      <c r="AI37" s="140"/>
      <c r="AJ37" s="140"/>
      <c r="AK37" s="140"/>
      <c r="AL37" s="140"/>
      <c r="AM37" s="140"/>
      <c r="AN37" s="140"/>
      <c r="AO37" s="139"/>
      <c r="AP37" s="139"/>
      <c r="AQ37" s="139"/>
      <c r="AR37" s="139"/>
      <c r="AS37" s="139"/>
      <c r="AT37" s="139"/>
      <c r="AU37" s="139"/>
      <c r="AV37" s="139"/>
      <c r="AW37" s="139"/>
      <c r="AX37" s="139"/>
      <c r="AY37" s="139"/>
      <c r="AZ37" s="139"/>
      <c r="BA37" s="139"/>
      <c r="BB37" s="139"/>
      <c r="BC37" s="139"/>
      <c r="BD37" s="139"/>
      <c r="BE37" s="139"/>
      <c r="BF37" s="139"/>
      <c r="BG37" s="139"/>
      <c r="BH37" s="139"/>
      <c r="BI37" s="139"/>
      <c r="BJ37" s="139"/>
      <c r="BK37" s="139"/>
      <c r="BL37" s="139"/>
      <c r="BM37" s="139"/>
      <c r="BN37" s="139"/>
      <c r="BO37" s="139"/>
      <c r="BP37" s="85"/>
      <c r="BQ37" s="85"/>
      <c r="BR37" s="85"/>
      <c r="BS37" s="82"/>
      <c r="BT37" s="116"/>
    </row>
    <row r="38" spans="1:72" ht="5.25" customHeight="1">
      <c r="A38" s="113"/>
      <c r="B38" s="113"/>
      <c r="D38" s="929"/>
      <c r="E38" s="930"/>
      <c r="F38" s="1002"/>
      <c r="G38" s="1003"/>
      <c r="H38" s="1003"/>
      <c r="I38" s="1003"/>
      <c r="J38" s="1003"/>
      <c r="K38" s="1004"/>
      <c r="L38" s="945"/>
      <c r="M38" s="946"/>
      <c r="N38" s="947"/>
      <c r="O38" s="945"/>
      <c r="P38" s="946"/>
      <c r="Q38" s="946"/>
      <c r="R38" s="946"/>
      <c r="S38" s="946"/>
      <c r="T38" s="946"/>
      <c r="U38" s="946"/>
      <c r="V38" s="946"/>
      <c r="W38" s="1009"/>
      <c r="X38" s="84"/>
      <c r="Y38" s="907" t="s">
        <v>235</v>
      </c>
      <c r="Z38" s="907"/>
      <c r="AA38" s="907"/>
      <c r="AB38" s="907"/>
      <c r="AC38" s="907"/>
      <c r="AD38" s="907"/>
      <c r="AE38" s="907"/>
      <c r="AF38" s="907"/>
      <c r="AG38" s="907"/>
      <c r="AH38" s="907"/>
      <c r="AI38" s="907"/>
      <c r="AJ38" s="907"/>
      <c r="AK38" s="907"/>
      <c r="AL38" s="907"/>
      <c r="AM38" s="260"/>
      <c r="AN38" s="260"/>
      <c r="AO38" s="260"/>
      <c r="AP38" s="260"/>
      <c r="AQ38" s="260"/>
      <c r="AR38" s="260"/>
      <c r="AS38" s="260"/>
      <c r="BP38" s="85"/>
      <c r="BQ38" s="85"/>
      <c r="BR38" s="85"/>
      <c r="BS38" s="82"/>
      <c r="BT38" s="116"/>
    </row>
    <row r="39" spans="1:72" ht="5.25" customHeight="1">
      <c r="A39" s="113"/>
      <c r="B39" s="113"/>
      <c r="D39" s="929"/>
      <c r="E39" s="930"/>
      <c r="F39" s="1002"/>
      <c r="G39" s="1003"/>
      <c r="H39" s="1003"/>
      <c r="I39" s="1003"/>
      <c r="J39" s="1003"/>
      <c r="K39" s="1004"/>
      <c r="L39" s="945"/>
      <c r="M39" s="946"/>
      <c r="N39" s="947"/>
      <c r="O39" s="945"/>
      <c r="P39" s="946"/>
      <c r="Q39" s="946"/>
      <c r="R39" s="946"/>
      <c r="S39" s="946"/>
      <c r="T39" s="946"/>
      <c r="U39" s="946"/>
      <c r="V39" s="946"/>
      <c r="W39" s="1009"/>
      <c r="X39" s="84"/>
      <c r="Y39" s="907"/>
      <c r="Z39" s="907"/>
      <c r="AA39" s="907"/>
      <c r="AB39" s="907"/>
      <c r="AC39" s="907"/>
      <c r="AD39" s="907"/>
      <c r="AE39" s="907"/>
      <c r="AF39" s="907"/>
      <c r="AG39" s="907"/>
      <c r="AH39" s="907"/>
      <c r="AI39" s="907"/>
      <c r="AJ39" s="907"/>
      <c r="AK39" s="907"/>
      <c r="AL39" s="907"/>
      <c r="AM39" s="260"/>
      <c r="AN39" s="260"/>
      <c r="AO39" s="260"/>
      <c r="AP39" s="260"/>
      <c r="AQ39" s="260"/>
      <c r="AR39" s="260"/>
      <c r="AS39" s="260"/>
      <c r="AT39" s="108"/>
      <c r="AU39" s="108"/>
      <c r="AV39" s="108"/>
      <c r="AW39" s="108"/>
      <c r="AX39" s="108"/>
      <c r="AY39" s="108"/>
      <c r="AZ39" s="108"/>
      <c r="BA39" s="108"/>
      <c r="BB39" s="108"/>
      <c r="BC39" s="108"/>
      <c r="BD39" s="108"/>
      <c r="BE39" s="108"/>
      <c r="BF39" s="108"/>
      <c r="BG39" s="108"/>
      <c r="BH39" s="108"/>
      <c r="BP39" s="85"/>
      <c r="BQ39" s="85"/>
      <c r="BR39" s="85"/>
      <c r="BS39" s="82"/>
      <c r="BT39" s="116"/>
    </row>
    <row r="40" spans="1:72" ht="5.25" customHeight="1">
      <c r="A40" s="113"/>
      <c r="B40" s="113"/>
      <c r="D40" s="931"/>
      <c r="E40" s="932"/>
      <c r="F40" s="1005"/>
      <c r="G40" s="1006"/>
      <c r="H40" s="1006"/>
      <c r="I40" s="1006"/>
      <c r="J40" s="1006"/>
      <c r="K40" s="1007"/>
      <c r="L40" s="948"/>
      <c r="M40" s="949"/>
      <c r="N40" s="950"/>
      <c r="O40" s="948"/>
      <c r="P40" s="949"/>
      <c r="Q40" s="949"/>
      <c r="R40" s="949"/>
      <c r="S40" s="949"/>
      <c r="T40" s="949"/>
      <c r="U40" s="949"/>
      <c r="V40" s="949"/>
      <c r="W40" s="1010"/>
      <c r="X40" s="84"/>
      <c r="Y40" s="907"/>
      <c r="Z40" s="907"/>
      <c r="AA40" s="907"/>
      <c r="AB40" s="907"/>
      <c r="AC40" s="907"/>
      <c r="AD40" s="907"/>
      <c r="AE40" s="907"/>
      <c r="AF40" s="907"/>
      <c r="AG40" s="907"/>
      <c r="AH40" s="907"/>
      <c r="AI40" s="907"/>
      <c r="AJ40" s="907"/>
      <c r="AK40" s="907"/>
      <c r="AL40" s="907"/>
      <c r="AM40" s="208"/>
      <c r="AN40" s="208"/>
      <c r="AO40" s="208"/>
      <c r="AP40" s="208"/>
      <c r="AQ40" s="208"/>
      <c r="AR40" s="208"/>
      <c r="AS40" s="208"/>
      <c r="AT40" s="112"/>
      <c r="AU40" s="116"/>
      <c r="AV40" s="116"/>
      <c r="AW40" s="116"/>
      <c r="AX40" s="116"/>
      <c r="AY40" s="116"/>
      <c r="AZ40" s="116"/>
      <c r="BA40" s="116"/>
      <c r="BB40" s="116"/>
      <c r="BC40" s="116"/>
      <c r="BD40" s="116"/>
      <c r="BE40" s="116"/>
      <c r="BF40" s="116"/>
      <c r="BG40" s="116"/>
      <c r="BH40" s="116"/>
      <c r="BP40" s="85"/>
      <c r="BQ40" s="85"/>
      <c r="BR40" s="85"/>
      <c r="BS40" s="82"/>
      <c r="BT40" s="116"/>
    </row>
    <row r="41" spans="1:72" ht="5.25" customHeight="1">
      <c r="A41" s="113"/>
      <c r="B41" s="113"/>
      <c r="D41" s="927">
        <v>8</v>
      </c>
      <c r="E41" s="928"/>
      <c r="F41" s="999"/>
      <c r="G41" s="1000"/>
      <c r="H41" s="1000"/>
      <c r="I41" s="1000"/>
      <c r="J41" s="1000"/>
      <c r="K41" s="1001"/>
      <c r="L41" s="942"/>
      <c r="M41" s="943"/>
      <c r="N41" s="944"/>
      <c r="O41" s="942"/>
      <c r="P41" s="943"/>
      <c r="Q41" s="943"/>
      <c r="R41" s="943"/>
      <c r="S41" s="943"/>
      <c r="T41" s="943"/>
      <c r="U41" s="943"/>
      <c r="V41" s="943"/>
      <c r="W41" s="1008"/>
      <c r="X41" s="84"/>
      <c r="Y41" s="1011" t="s">
        <v>234</v>
      </c>
      <c r="Z41" s="970"/>
      <c r="AA41" s="970"/>
      <c r="AB41" s="970"/>
      <c r="AC41" s="970"/>
      <c r="AD41" s="1014" t="s">
        <v>7</v>
      </c>
      <c r="AE41" s="1015"/>
      <c r="AF41" s="1015"/>
      <c r="AG41" s="1015"/>
      <c r="AH41" s="1015"/>
      <c r="AI41" s="1015"/>
      <c r="AJ41" s="1015"/>
      <c r="AK41" s="1015"/>
      <c r="AL41" s="1015"/>
      <c r="AM41" s="1015"/>
      <c r="AN41" s="1016"/>
      <c r="AO41" s="909" t="s">
        <v>233</v>
      </c>
      <c r="AP41" s="910"/>
      <c r="AQ41" s="910"/>
      <c r="AR41" s="910"/>
      <c r="AS41" s="910"/>
      <c r="AT41" s="910"/>
      <c r="AU41" s="910"/>
      <c r="AV41" s="910"/>
      <c r="AW41" s="911"/>
      <c r="AX41" s="909" t="s">
        <v>6</v>
      </c>
      <c r="AY41" s="910"/>
      <c r="AZ41" s="910"/>
      <c r="BA41" s="910"/>
      <c r="BB41" s="910"/>
      <c r="BC41" s="910"/>
      <c r="BD41" s="910"/>
      <c r="BE41" s="910"/>
      <c r="BF41" s="911"/>
      <c r="BG41" s="909" t="s">
        <v>5</v>
      </c>
      <c r="BH41" s="910"/>
      <c r="BI41" s="910"/>
      <c r="BJ41" s="910"/>
      <c r="BK41" s="910"/>
      <c r="BL41" s="910"/>
      <c r="BM41" s="910"/>
      <c r="BN41" s="910"/>
      <c r="BO41" s="1023"/>
      <c r="BP41" s="85"/>
      <c r="BQ41" s="85"/>
      <c r="BR41" s="85"/>
      <c r="BS41" s="82"/>
      <c r="BT41" s="116"/>
    </row>
    <row r="42" spans="1:72" ht="5.25" customHeight="1">
      <c r="A42" s="113"/>
      <c r="B42" s="113"/>
      <c r="D42" s="929"/>
      <c r="E42" s="930"/>
      <c r="F42" s="1002"/>
      <c r="G42" s="1003"/>
      <c r="H42" s="1003"/>
      <c r="I42" s="1003"/>
      <c r="J42" s="1003"/>
      <c r="K42" s="1004"/>
      <c r="L42" s="945"/>
      <c r="M42" s="946"/>
      <c r="N42" s="947"/>
      <c r="O42" s="945"/>
      <c r="P42" s="946"/>
      <c r="Q42" s="946"/>
      <c r="R42" s="946"/>
      <c r="S42" s="946"/>
      <c r="T42" s="946"/>
      <c r="U42" s="946"/>
      <c r="V42" s="946"/>
      <c r="W42" s="1009"/>
      <c r="X42" s="84"/>
      <c r="Y42" s="1012"/>
      <c r="Z42" s="973"/>
      <c r="AA42" s="973"/>
      <c r="AB42" s="973"/>
      <c r="AC42" s="973"/>
      <c r="AD42" s="1017"/>
      <c r="AE42" s="1018"/>
      <c r="AF42" s="1018"/>
      <c r="AG42" s="1018"/>
      <c r="AH42" s="1018"/>
      <c r="AI42" s="1018"/>
      <c r="AJ42" s="1018"/>
      <c r="AK42" s="1018"/>
      <c r="AL42" s="1018"/>
      <c r="AM42" s="1018"/>
      <c r="AN42" s="1019"/>
      <c r="AO42" s="912"/>
      <c r="AP42" s="913"/>
      <c r="AQ42" s="913"/>
      <c r="AR42" s="913"/>
      <c r="AS42" s="913"/>
      <c r="AT42" s="913"/>
      <c r="AU42" s="913"/>
      <c r="AV42" s="913"/>
      <c r="AW42" s="914"/>
      <c r="AX42" s="912"/>
      <c r="AY42" s="913"/>
      <c r="AZ42" s="913"/>
      <c r="BA42" s="913"/>
      <c r="BB42" s="913"/>
      <c r="BC42" s="913"/>
      <c r="BD42" s="913"/>
      <c r="BE42" s="913"/>
      <c r="BF42" s="914"/>
      <c r="BG42" s="912"/>
      <c r="BH42" s="913"/>
      <c r="BI42" s="913"/>
      <c r="BJ42" s="913"/>
      <c r="BK42" s="913"/>
      <c r="BL42" s="913"/>
      <c r="BM42" s="913"/>
      <c r="BN42" s="913"/>
      <c r="BO42" s="1024"/>
      <c r="BP42" s="79"/>
      <c r="BQ42" s="85"/>
      <c r="BR42" s="85"/>
      <c r="BS42" s="82"/>
      <c r="BT42" s="116"/>
    </row>
    <row r="43" spans="1:72" ht="5.25" customHeight="1">
      <c r="A43" s="113"/>
      <c r="B43" s="113"/>
      <c r="D43" s="929"/>
      <c r="E43" s="930"/>
      <c r="F43" s="1002"/>
      <c r="G43" s="1003"/>
      <c r="H43" s="1003"/>
      <c r="I43" s="1003"/>
      <c r="J43" s="1003"/>
      <c r="K43" s="1004"/>
      <c r="L43" s="945"/>
      <c r="M43" s="946"/>
      <c r="N43" s="947"/>
      <c r="O43" s="945"/>
      <c r="P43" s="946"/>
      <c r="Q43" s="946"/>
      <c r="R43" s="946"/>
      <c r="S43" s="946"/>
      <c r="T43" s="946"/>
      <c r="U43" s="946"/>
      <c r="V43" s="946"/>
      <c r="W43" s="1009"/>
      <c r="X43" s="84"/>
      <c r="Y43" s="1012"/>
      <c r="Z43" s="973"/>
      <c r="AA43" s="973"/>
      <c r="AB43" s="973"/>
      <c r="AC43" s="973"/>
      <c r="AD43" s="1017"/>
      <c r="AE43" s="1018"/>
      <c r="AF43" s="1018"/>
      <c r="AG43" s="1018"/>
      <c r="AH43" s="1018"/>
      <c r="AI43" s="1018"/>
      <c r="AJ43" s="1018"/>
      <c r="AK43" s="1018"/>
      <c r="AL43" s="1018"/>
      <c r="AM43" s="1018"/>
      <c r="AN43" s="1019"/>
      <c r="AO43" s="912"/>
      <c r="AP43" s="913"/>
      <c r="AQ43" s="913"/>
      <c r="AR43" s="913"/>
      <c r="AS43" s="913"/>
      <c r="AT43" s="913"/>
      <c r="AU43" s="913"/>
      <c r="AV43" s="913"/>
      <c r="AW43" s="914"/>
      <c r="AX43" s="912"/>
      <c r="AY43" s="913"/>
      <c r="AZ43" s="913"/>
      <c r="BA43" s="913"/>
      <c r="BB43" s="913"/>
      <c r="BC43" s="913"/>
      <c r="BD43" s="913"/>
      <c r="BE43" s="913"/>
      <c r="BF43" s="914"/>
      <c r="BG43" s="912"/>
      <c r="BH43" s="913"/>
      <c r="BI43" s="913"/>
      <c r="BJ43" s="913"/>
      <c r="BK43" s="913"/>
      <c r="BL43" s="913"/>
      <c r="BM43" s="913"/>
      <c r="BN43" s="913"/>
      <c r="BO43" s="1024"/>
      <c r="BP43" s="79"/>
      <c r="BQ43" s="85"/>
      <c r="BR43" s="85"/>
      <c r="BS43" s="82"/>
      <c r="BT43" s="116"/>
    </row>
    <row r="44" spans="1:72" ht="5.25" customHeight="1">
      <c r="A44" s="113"/>
      <c r="B44" s="113"/>
      <c r="D44" s="931"/>
      <c r="E44" s="932"/>
      <c r="F44" s="1005"/>
      <c r="G44" s="1006"/>
      <c r="H44" s="1006"/>
      <c r="I44" s="1006"/>
      <c r="J44" s="1006"/>
      <c r="K44" s="1007"/>
      <c r="L44" s="948"/>
      <c r="M44" s="949"/>
      <c r="N44" s="950"/>
      <c r="O44" s="948"/>
      <c r="P44" s="949"/>
      <c r="Q44" s="949"/>
      <c r="R44" s="949"/>
      <c r="S44" s="949"/>
      <c r="T44" s="949"/>
      <c r="U44" s="949"/>
      <c r="V44" s="949"/>
      <c r="W44" s="1010"/>
      <c r="X44" s="84"/>
      <c r="Y44" s="1013"/>
      <c r="Z44" s="976"/>
      <c r="AA44" s="976"/>
      <c r="AB44" s="976"/>
      <c r="AC44" s="976"/>
      <c r="AD44" s="1020"/>
      <c r="AE44" s="1021"/>
      <c r="AF44" s="1021"/>
      <c r="AG44" s="1021"/>
      <c r="AH44" s="1021"/>
      <c r="AI44" s="1021"/>
      <c r="AJ44" s="1021"/>
      <c r="AK44" s="1021"/>
      <c r="AL44" s="1021"/>
      <c r="AM44" s="1021"/>
      <c r="AN44" s="1022"/>
      <c r="AO44" s="912"/>
      <c r="AP44" s="913"/>
      <c r="AQ44" s="913"/>
      <c r="AR44" s="913"/>
      <c r="AS44" s="913"/>
      <c r="AT44" s="913"/>
      <c r="AU44" s="913"/>
      <c r="AV44" s="913"/>
      <c r="AW44" s="914"/>
      <c r="AX44" s="912"/>
      <c r="AY44" s="913"/>
      <c r="AZ44" s="913"/>
      <c r="BA44" s="913"/>
      <c r="BB44" s="913"/>
      <c r="BC44" s="913"/>
      <c r="BD44" s="913"/>
      <c r="BE44" s="913"/>
      <c r="BF44" s="914"/>
      <c r="BG44" s="912"/>
      <c r="BH44" s="913"/>
      <c r="BI44" s="913"/>
      <c r="BJ44" s="913"/>
      <c r="BK44" s="913"/>
      <c r="BL44" s="913"/>
      <c r="BM44" s="913"/>
      <c r="BN44" s="913"/>
      <c r="BO44" s="1024"/>
      <c r="BP44" s="79"/>
      <c r="BQ44" s="85"/>
      <c r="BR44" s="85"/>
      <c r="BS44" s="82"/>
      <c r="BT44" s="116"/>
    </row>
    <row r="45" spans="1:72" ht="5.25" customHeight="1">
      <c r="A45" s="113"/>
      <c r="B45" s="113"/>
      <c r="D45" s="927">
        <v>9</v>
      </c>
      <c r="E45" s="928"/>
      <c r="F45" s="999"/>
      <c r="G45" s="1000"/>
      <c r="H45" s="1000"/>
      <c r="I45" s="1000"/>
      <c r="J45" s="1000"/>
      <c r="K45" s="1001"/>
      <c r="L45" s="942"/>
      <c r="M45" s="943"/>
      <c r="N45" s="944"/>
      <c r="O45" s="942"/>
      <c r="P45" s="943"/>
      <c r="Q45" s="943"/>
      <c r="R45" s="943"/>
      <c r="S45" s="943"/>
      <c r="T45" s="943"/>
      <c r="U45" s="943"/>
      <c r="V45" s="943"/>
      <c r="W45" s="1008"/>
      <c r="X45" s="84"/>
      <c r="Y45" s="131"/>
      <c r="Z45" s="191"/>
      <c r="AA45" s="191"/>
      <c r="AB45" s="191"/>
      <c r="AC45" s="192"/>
      <c r="AD45" s="232"/>
      <c r="AE45" s="233"/>
      <c r="AF45" s="233"/>
      <c r="AG45" s="233"/>
      <c r="AH45" s="233"/>
      <c r="AI45" s="233"/>
      <c r="AJ45" s="233"/>
      <c r="AK45" s="233"/>
      <c r="AL45" s="233"/>
      <c r="AM45" s="233"/>
      <c r="AN45" s="234"/>
      <c r="AO45" s="1025" t="s">
        <v>232</v>
      </c>
      <c r="AP45" s="1026"/>
      <c r="AQ45" s="1026"/>
      <c r="AR45" s="1026"/>
      <c r="AS45" s="1026"/>
      <c r="AT45" s="1026"/>
      <c r="AU45" s="1026"/>
      <c r="AV45" s="1026"/>
      <c r="AW45" s="1027"/>
      <c r="AX45" s="933" t="s">
        <v>4</v>
      </c>
      <c r="AY45" s="934"/>
      <c r="AZ45" s="934"/>
      <c r="BA45" s="934"/>
      <c r="BB45" s="934"/>
      <c r="BC45" s="934"/>
      <c r="BD45" s="934"/>
      <c r="BE45" s="934"/>
      <c r="BF45" s="935"/>
      <c r="BG45" s="933" t="s">
        <v>4</v>
      </c>
      <c r="BH45" s="934"/>
      <c r="BI45" s="934"/>
      <c r="BJ45" s="934"/>
      <c r="BK45" s="934"/>
      <c r="BL45" s="934"/>
      <c r="BM45" s="934"/>
      <c r="BN45" s="934"/>
      <c r="BO45" s="951"/>
      <c r="BP45" s="79"/>
      <c r="BQ45" s="85"/>
      <c r="BR45" s="85"/>
      <c r="BS45" s="82"/>
      <c r="BT45" s="116"/>
    </row>
    <row r="46" spans="1:72" ht="5.25" customHeight="1">
      <c r="A46" s="113"/>
      <c r="B46" s="113"/>
      <c r="D46" s="929"/>
      <c r="E46" s="930"/>
      <c r="F46" s="1002"/>
      <c r="G46" s="1003"/>
      <c r="H46" s="1003"/>
      <c r="I46" s="1003"/>
      <c r="J46" s="1003"/>
      <c r="K46" s="1004"/>
      <c r="L46" s="945"/>
      <c r="M46" s="946"/>
      <c r="N46" s="947"/>
      <c r="O46" s="945"/>
      <c r="P46" s="946"/>
      <c r="Q46" s="946"/>
      <c r="R46" s="946"/>
      <c r="S46" s="946"/>
      <c r="T46" s="946"/>
      <c r="U46" s="946"/>
      <c r="V46" s="946"/>
      <c r="W46" s="1009"/>
      <c r="X46" s="84"/>
      <c r="Y46" s="128"/>
      <c r="Z46" s="193"/>
      <c r="AA46" s="193"/>
      <c r="AB46" s="193"/>
      <c r="AC46" s="194"/>
      <c r="AD46" s="235"/>
      <c r="AE46" s="236"/>
      <c r="AF46" s="236"/>
      <c r="AG46" s="236"/>
      <c r="AH46" s="236"/>
      <c r="AI46" s="236"/>
      <c r="AJ46" s="236"/>
      <c r="AK46" s="236"/>
      <c r="AL46" s="236"/>
      <c r="AM46" s="236"/>
      <c r="AN46" s="237"/>
      <c r="AO46" s="1028"/>
      <c r="AP46" s="1029"/>
      <c r="AQ46" s="1029"/>
      <c r="AR46" s="1029"/>
      <c r="AS46" s="1029"/>
      <c r="AT46" s="1029"/>
      <c r="AU46" s="1029"/>
      <c r="AV46" s="1029"/>
      <c r="AW46" s="1030"/>
      <c r="AX46" s="936"/>
      <c r="AY46" s="937"/>
      <c r="AZ46" s="937"/>
      <c r="BA46" s="937"/>
      <c r="BB46" s="937"/>
      <c r="BC46" s="937"/>
      <c r="BD46" s="937"/>
      <c r="BE46" s="937"/>
      <c r="BF46" s="938"/>
      <c r="BG46" s="936"/>
      <c r="BH46" s="937"/>
      <c r="BI46" s="937"/>
      <c r="BJ46" s="937"/>
      <c r="BK46" s="937"/>
      <c r="BL46" s="937"/>
      <c r="BM46" s="937"/>
      <c r="BN46" s="937"/>
      <c r="BO46" s="952"/>
      <c r="BP46" s="79"/>
      <c r="BQ46" s="85"/>
      <c r="BR46" s="85"/>
      <c r="BT46" s="116"/>
    </row>
    <row r="47" spans="1:72" ht="5.25" customHeight="1">
      <c r="A47" s="113"/>
      <c r="B47" s="113"/>
      <c r="D47" s="929"/>
      <c r="E47" s="930"/>
      <c r="F47" s="1002"/>
      <c r="G47" s="1003"/>
      <c r="H47" s="1003"/>
      <c r="I47" s="1003"/>
      <c r="J47" s="1003"/>
      <c r="K47" s="1004"/>
      <c r="L47" s="945"/>
      <c r="M47" s="946"/>
      <c r="N47" s="947"/>
      <c r="O47" s="945"/>
      <c r="P47" s="946"/>
      <c r="Q47" s="946"/>
      <c r="R47" s="946"/>
      <c r="S47" s="946"/>
      <c r="T47" s="946"/>
      <c r="U47" s="946"/>
      <c r="V47" s="946"/>
      <c r="W47" s="1009"/>
      <c r="X47" s="84"/>
      <c r="Y47" s="128"/>
      <c r="Z47" s="193"/>
      <c r="AA47" s="193"/>
      <c r="AB47" s="193"/>
      <c r="AC47" s="194"/>
      <c r="AD47" s="235"/>
      <c r="AE47" s="236"/>
      <c r="AF47" s="236"/>
      <c r="AG47" s="236"/>
      <c r="AH47" s="236"/>
      <c r="AI47" s="236"/>
      <c r="AJ47" s="236"/>
      <c r="AK47" s="236"/>
      <c r="AL47" s="236"/>
      <c r="AM47" s="236"/>
      <c r="AN47" s="237"/>
      <c r="AO47" s="1028"/>
      <c r="AP47" s="1029"/>
      <c r="AQ47" s="1029"/>
      <c r="AR47" s="1029"/>
      <c r="AS47" s="1029"/>
      <c r="AT47" s="1029"/>
      <c r="AU47" s="1029"/>
      <c r="AV47" s="1029"/>
      <c r="AW47" s="1030"/>
      <c r="AX47" s="936"/>
      <c r="AY47" s="937"/>
      <c r="AZ47" s="937"/>
      <c r="BA47" s="937"/>
      <c r="BB47" s="937"/>
      <c r="BC47" s="937"/>
      <c r="BD47" s="937"/>
      <c r="BE47" s="937"/>
      <c r="BF47" s="938"/>
      <c r="BG47" s="936"/>
      <c r="BH47" s="937"/>
      <c r="BI47" s="937"/>
      <c r="BJ47" s="937"/>
      <c r="BK47" s="937"/>
      <c r="BL47" s="937"/>
      <c r="BM47" s="937"/>
      <c r="BN47" s="937"/>
      <c r="BO47" s="952"/>
      <c r="BP47" s="79"/>
      <c r="BQ47" s="85"/>
      <c r="BR47" s="85"/>
      <c r="BT47" s="116"/>
    </row>
    <row r="48" spans="1:72" ht="5.25" customHeight="1">
      <c r="A48" s="113"/>
      <c r="B48" s="113"/>
      <c r="D48" s="931"/>
      <c r="E48" s="932"/>
      <c r="F48" s="1005"/>
      <c r="G48" s="1006"/>
      <c r="H48" s="1006"/>
      <c r="I48" s="1006"/>
      <c r="J48" s="1006"/>
      <c r="K48" s="1007"/>
      <c r="L48" s="948"/>
      <c r="M48" s="949"/>
      <c r="N48" s="950"/>
      <c r="O48" s="948"/>
      <c r="P48" s="949"/>
      <c r="Q48" s="949"/>
      <c r="R48" s="949"/>
      <c r="S48" s="949"/>
      <c r="T48" s="949"/>
      <c r="U48" s="949"/>
      <c r="V48" s="949"/>
      <c r="W48" s="1010"/>
      <c r="X48" s="84"/>
      <c r="Y48" s="136"/>
      <c r="Z48" s="195"/>
      <c r="AA48" s="195"/>
      <c r="AB48" s="195"/>
      <c r="AC48" s="196"/>
      <c r="AD48" s="238"/>
      <c r="AE48" s="239"/>
      <c r="AF48" s="239"/>
      <c r="AG48" s="239"/>
      <c r="AH48" s="239"/>
      <c r="AI48" s="239"/>
      <c r="AJ48" s="239"/>
      <c r="AK48" s="239"/>
      <c r="AL48" s="239"/>
      <c r="AM48" s="239"/>
      <c r="AN48" s="240"/>
      <c r="AO48" s="1031"/>
      <c r="AP48" s="1032"/>
      <c r="AQ48" s="1032"/>
      <c r="AR48" s="1032"/>
      <c r="AS48" s="1032"/>
      <c r="AT48" s="1032"/>
      <c r="AU48" s="1032"/>
      <c r="AV48" s="1032"/>
      <c r="AW48" s="1033"/>
      <c r="AX48" s="939"/>
      <c r="AY48" s="940"/>
      <c r="AZ48" s="940"/>
      <c r="BA48" s="940"/>
      <c r="BB48" s="940"/>
      <c r="BC48" s="940"/>
      <c r="BD48" s="940"/>
      <c r="BE48" s="940"/>
      <c r="BF48" s="941"/>
      <c r="BG48" s="939"/>
      <c r="BH48" s="940"/>
      <c r="BI48" s="940"/>
      <c r="BJ48" s="940"/>
      <c r="BK48" s="940"/>
      <c r="BL48" s="940"/>
      <c r="BM48" s="940"/>
      <c r="BN48" s="940"/>
      <c r="BO48" s="953"/>
      <c r="BP48" s="79"/>
      <c r="BQ48" s="85"/>
      <c r="BR48" s="85"/>
      <c r="BT48" s="116"/>
    </row>
    <row r="49" spans="1:72" ht="5.25" customHeight="1">
      <c r="A49" s="113"/>
      <c r="B49" s="113"/>
      <c r="D49" s="927">
        <v>10</v>
      </c>
      <c r="E49" s="928"/>
      <c r="F49" s="999"/>
      <c r="G49" s="1000"/>
      <c r="H49" s="1000"/>
      <c r="I49" s="1000"/>
      <c r="J49" s="1000"/>
      <c r="K49" s="1001"/>
      <c r="L49" s="942"/>
      <c r="M49" s="943"/>
      <c r="N49" s="944"/>
      <c r="O49" s="942"/>
      <c r="P49" s="943"/>
      <c r="Q49" s="943"/>
      <c r="R49" s="943"/>
      <c r="S49" s="943"/>
      <c r="T49" s="943"/>
      <c r="U49" s="943"/>
      <c r="V49" s="943"/>
      <c r="W49" s="1008"/>
      <c r="X49" s="84"/>
      <c r="Y49" s="128"/>
      <c r="Z49" s="193"/>
      <c r="AA49" s="193"/>
      <c r="AB49" s="193"/>
      <c r="AC49" s="194"/>
      <c r="AD49" s="235"/>
      <c r="AE49" s="236"/>
      <c r="AF49" s="236"/>
      <c r="AG49" s="236"/>
      <c r="AH49" s="236"/>
      <c r="AI49" s="236"/>
      <c r="AJ49" s="236"/>
      <c r="AK49" s="236"/>
      <c r="AL49" s="236"/>
      <c r="AM49" s="236"/>
      <c r="AN49" s="237"/>
      <c r="AO49" s="1025" t="s">
        <v>232</v>
      </c>
      <c r="AP49" s="1026"/>
      <c r="AQ49" s="1026"/>
      <c r="AR49" s="1026"/>
      <c r="AS49" s="1026"/>
      <c r="AT49" s="1026"/>
      <c r="AU49" s="1026"/>
      <c r="AV49" s="1026"/>
      <c r="AW49" s="1027"/>
      <c r="AX49" s="200"/>
      <c r="AY49" s="201"/>
      <c r="AZ49" s="201"/>
      <c r="BA49" s="201"/>
      <c r="BB49" s="201"/>
      <c r="BC49" s="201"/>
      <c r="BD49" s="201"/>
      <c r="BE49" s="201"/>
      <c r="BF49" s="204"/>
      <c r="BG49" s="200"/>
      <c r="BH49" s="201"/>
      <c r="BI49" s="201"/>
      <c r="BJ49" s="201"/>
      <c r="BK49" s="201"/>
      <c r="BL49" s="201"/>
      <c r="BM49" s="201"/>
      <c r="BN49" s="201"/>
      <c r="BO49" s="202"/>
      <c r="BP49" s="79"/>
      <c r="BQ49" s="85"/>
      <c r="BR49" s="85"/>
      <c r="BT49" s="116"/>
    </row>
    <row r="50" spans="1:72" ht="5.25" customHeight="1">
      <c r="A50" s="113"/>
      <c r="B50" s="113"/>
      <c r="D50" s="929"/>
      <c r="E50" s="930"/>
      <c r="F50" s="1002"/>
      <c r="G50" s="1003"/>
      <c r="H50" s="1003"/>
      <c r="I50" s="1003"/>
      <c r="J50" s="1003"/>
      <c r="K50" s="1004"/>
      <c r="L50" s="945"/>
      <c r="M50" s="946"/>
      <c r="N50" s="947"/>
      <c r="O50" s="945"/>
      <c r="P50" s="946"/>
      <c r="Q50" s="946"/>
      <c r="R50" s="946"/>
      <c r="S50" s="946"/>
      <c r="T50" s="946"/>
      <c r="U50" s="946"/>
      <c r="V50" s="946"/>
      <c r="W50" s="1009"/>
      <c r="X50" s="84"/>
      <c r="Y50" s="128"/>
      <c r="Z50" s="193"/>
      <c r="AA50" s="193"/>
      <c r="AB50" s="193"/>
      <c r="AC50" s="194"/>
      <c r="AD50" s="127"/>
      <c r="AE50" s="126"/>
      <c r="AF50" s="126"/>
      <c r="AG50" s="126"/>
      <c r="AH50" s="126"/>
      <c r="AI50" s="126"/>
      <c r="AJ50" s="126"/>
      <c r="AK50" s="126"/>
      <c r="AL50" s="126"/>
      <c r="AM50" s="126"/>
      <c r="AN50" s="137"/>
      <c r="AO50" s="1028"/>
      <c r="AP50" s="1029"/>
      <c r="AQ50" s="1029"/>
      <c r="AR50" s="1029"/>
      <c r="AS50" s="1029"/>
      <c r="AT50" s="1029"/>
      <c r="AU50" s="1029"/>
      <c r="AV50" s="1029"/>
      <c r="AW50" s="1030"/>
      <c r="AX50" s="215"/>
      <c r="AY50" s="216"/>
      <c r="AZ50" s="216"/>
      <c r="BA50" s="216"/>
      <c r="BB50" s="216"/>
      <c r="BC50" s="216"/>
      <c r="BD50" s="216"/>
      <c r="BE50" s="216"/>
      <c r="BF50" s="217"/>
      <c r="BG50" s="215"/>
      <c r="BH50" s="216"/>
      <c r="BI50" s="216"/>
      <c r="BJ50" s="216"/>
      <c r="BK50" s="216"/>
      <c r="BL50" s="216"/>
      <c r="BM50" s="216"/>
      <c r="BN50" s="216"/>
      <c r="BO50" s="258"/>
      <c r="BP50" s="79"/>
      <c r="BQ50" s="85"/>
      <c r="BR50" s="85"/>
      <c r="BT50" s="116"/>
    </row>
    <row r="51" spans="1:72" ht="5.25" customHeight="1">
      <c r="A51" s="113"/>
      <c r="B51" s="113"/>
      <c r="D51" s="929"/>
      <c r="E51" s="930"/>
      <c r="F51" s="1002"/>
      <c r="G51" s="1003"/>
      <c r="H51" s="1003"/>
      <c r="I51" s="1003"/>
      <c r="J51" s="1003"/>
      <c r="K51" s="1004"/>
      <c r="L51" s="945"/>
      <c r="M51" s="946"/>
      <c r="N51" s="947"/>
      <c r="O51" s="945"/>
      <c r="P51" s="946"/>
      <c r="Q51" s="946"/>
      <c r="R51" s="946"/>
      <c r="S51" s="946"/>
      <c r="T51" s="946"/>
      <c r="U51" s="946"/>
      <c r="V51" s="946"/>
      <c r="W51" s="1009"/>
      <c r="X51" s="84"/>
      <c r="Y51" s="128"/>
      <c r="Z51" s="193"/>
      <c r="AA51" s="193"/>
      <c r="AB51" s="193"/>
      <c r="AC51" s="194"/>
      <c r="AD51" s="127"/>
      <c r="AE51" s="126"/>
      <c r="AF51" s="126"/>
      <c r="AG51" s="126"/>
      <c r="AH51" s="126"/>
      <c r="AI51" s="126"/>
      <c r="AJ51" s="126"/>
      <c r="AK51" s="126"/>
      <c r="AL51" s="126"/>
      <c r="AM51" s="126"/>
      <c r="AN51" s="137"/>
      <c r="AO51" s="1028"/>
      <c r="AP51" s="1029"/>
      <c r="AQ51" s="1029"/>
      <c r="AR51" s="1029"/>
      <c r="AS51" s="1029"/>
      <c r="AT51" s="1029"/>
      <c r="AU51" s="1029"/>
      <c r="AV51" s="1029"/>
      <c r="AW51" s="1030"/>
      <c r="AX51" s="215"/>
      <c r="AY51" s="216"/>
      <c r="AZ51" s="216"/>
      <c r="BA51" s="216"/>
      <c r="BB51" s="216"/>
      <c r="BC51" s="216"/>
      <c r="BD51" s="216"/>
      <c r="BE51" s="216"/>
      <c r="BF51" s="217"/>
      <c r="BG51" s="215"/>
      <c r="BH51" s="216"/>
      <c r="BI51" s="216"/>
      <c r="BJ51" s="216"/>
      <c r="BK51" s="216"/>
      <c r="BL51" s="216"/>
      <c r="BM51" s="216"/>
      <c r="BN51" s="216"/>
      <c r="BO51" s="258"/>
      <c r="BP51" s="79"/>
      <c r="BQ51" s="85"/>
      <c r="BR51" s="85"/>
      <c r="BT51" s="116"/>
    </row>
    <row r="52" spans="1:72" ht="5.25" customHeight="1">
      <c r="A52" s="113"/>
      <c r="B52" s="113"/>
      <c r="D52" s="931"/>
      <c r="E52" s="932"/>
      <c r="F52" s="1005"/>
      <c r="G52" s="1006"/>
      <c r="H52" s="1006"/>
      <c r="I52" s="1006"/>
      <c r="J52" s="1006"/>
      <c r="K52" s="1007"/>
      <c r="L52" s="948"/>
      <c r="M52" s="949"/>
      <c r="N52" s="950"/>
      <c r="O52" s="948"/>
      <c r="P52" s="949"/>
      <c r="Q52" s="949"/>
      <c r="R52" s="949"/>
      <c r="S52" s="949"/>
      <c r="T52" s="949"/>
      <c r="U52" s="949"/>
      <c r="V52" s="949"/>
      <c r="W52" s="1010"/>
      <c r="X52" s="84"/>
      <c r="Y52" s="128"/>
      <c r="Z52" s="193"/>
      <c r="AA52" s="193"/>
      <c r="AB52" s="193"/>
      <c r="AC52" s="194"/>
      <c r="AD52" s="127"/>
      <c r="AE52" s="126"/>
      <c r="AF52" s="126"/>
      <c r="AG52" s="126"/>
      <c r="AH52" s="126"/>
      <c r="AI52" s="126"/>
      <c r="AJ52" s="126"/>
      <c r="AK52" s="126"/>
      <c r="AL52" s="126"/>
      <c r="AM52" s="126"/>
      <c r="AN52" s="137"/>
      <c r="AO52" s="1031"/>
      <c r="AP52" s="1032"/>
      <c r="AQ52" s="1032"/>
      <c r="AR52" s="1032"/>
      <c r="AS52" s="1032"/>
      <c r="AT52" s="1032"/>
      <c r="AU52" s="1032"/>
      <c r="AV52" s="1032"/>
      <c r="AW52" s="1033"/>
      <c r="AX52" s="215"/>
      <c r="AY52" s="216"/>
      <c r="AZ52" s="216"/>
      <c r="BA52" s="216"/>
      <c r="BB52" s="216"/>
      <c r="BC52" s="216"/>
      <c r="BD52" s="216"/>
      <c r="BE52" s="216"/>
      <c r="BF52" s="217"/>
      <c r="BG52" s="215"/>
      <c r="BH52" s="216"/>
      <c r="BI52" s="216"/>
      <c r="BJ52" s="216"/>
      <c r="BK52" s="216"/>
      <c r="BL52" s="216"/>
      <c r="BM52" s="216"/>
      <c r="BN52" s="216"/>
      <c r="BO52" s="258"/>
      <c r="BP52" s="79"/>
      <c r="BQ52" s="85"/>
      <c r="BR52" s="85"/>
      <c r="BT52" s="116"/>
    </row>
    <row r="53" spans="1:72" ht="5.25" customHeight="1">
      <c r="A53" s="113"/>
      <c r="B53" s="113"/>
      <c r="D53" s="927">
        <v>11</v>
      </c>
      <c r="E53" s="928"/>
      <c r="F53" s="999"/>
      <c r="G53" s="1000"/>
      <c r="H53" s="1000"/>
      <c r="I53" s="1000"/>
      <c r="J53" s="1000"/>
      <c r="K53" s="1001"/>
      <c r="L53" s="942"/>
      <c r="M53" s="943"/>
      <c r="N53" s="944"/>
      <c r="O53" s="942"/>
      <c r="P53" s="943"/>
      <c r="Q53" s="943"/>
      <c r="R53" s="943"/>
      <c r="S53" s="943"/>
      <c r="T53" s="943"/>
      <c r="U53" s="943"/>
      <c r="V53" s="943"/>
      <c r="W53" s="1008"/>
      <c r="X53" s="84"/>
      <c r="Y53" s="131"/>
      <c r="Z53" s="191"/>
      <c r="AA53" s="191"/>
      <c r="AB53" s="191"/>
      <c r="AC53" s="192"/>
      <c r="AD53" s="130"/>
      <c r="AE53" s="129"/>
      <c r="AF53" s="129"/>
      <c r="AG53" s="129"/>
      <c r="AH53" s="129"/>
      <c r="AI53" s="129"/>
      <c r="AJ53" s="129"/>
      <c r="AK53" s="129"/>
      <c r="AL53" s="129"/>
      <c r="AM53" s="129"/>
      <c r="AN53" s="138"/>
      <c r="AO53" s="1025" t="s">
        <v>232</v>
      </c>
      <c r="AP53" s="1026"/>
      <c r="AQ53" s="1026"/>
      <c r="AR53" s="1026"/>
      <c r="AS53" s="1026"/>
      <c r="AT53" s="1026"/>
      <c r="AU53" s="1026"/>
      <c r="AV53" s="1026"/>
      <c r="AW53" s="1027"/>
      <c r="AX53" s="212"/>
      <c r="AY53" s="213"/>
      <c r="AZ53" s="213"/>
      <c r="BA53" s="213"/>
      <c r="BB53" s="213"/>
      <c r="BC53" s="213"/>
      <c r="BD53" s="213"/>
      <c r="BE53" s="213"/>
      <c r="BF53" s="214"/>
      <c r="BG53" s="212"/>
      <c r="BH53" s="213"/>
      <c r="BI53" s="213"/>
      <c r="BJ53" s="213"/>
      <c r="BK53" s="213"/>
      <c r="BL53" s="213"/>
      <c r="BM53" s="213"/>
      <c r="BN53" s="213"/>
      <c r="BO53" s="257"/>
      <c r="BP53" s="79"/>
      <c r="BQ53" s="85"/>
      <c r="BR53" s="85"/>
      <c r="BT53" s="116"/>
    </row>
    <row r="54" spans="1:72" ht="5.25" customHeight="1">
      <c r="A54" s="113"/>
      <c r="B54" s="113"/>
      <c r="D54" s="929"/>
      <c r="E54" s="930"/>
      <c r="F54" s="1002"/>
      <c r="G54" s="1003"/>
      <c r="H54" s="1003"/>
      <c r="I54" s="1003"/>
      <c r="J54" s="1003"/>
      <c r="K54" s="1004"/>
      <c r="L54" s="945"/>
      <c r="M54" s="946"/>
      <c r="N54" s="947"/>
      <c r="O54" s="945"/>
      <c r="P54" s="946"/>
      <c r="Q54" s="946"/>
      <c r="R54" s="946"/>
      <c r="S54" s="946"/>
      <c r="T54" s="946"/>
      <c r="U54" s="946"/>
      <c r="V54" s="946"/>
      <c r="W54" s="1009"/>
      <c r="X54" s="84"/>
      <c r="Y54" s="128"/>
      <c r="Z54" s="193"/>
      <c r="AA54" s="193"/>
      <c r="AB54" s="193"/>
      <c r="AC54" s="194"/>
      <c r="AD54" s="127"/>
      <c r="AE54" s="126"/>
      <c r="AF54" s="126"/>
      <c r="AG54" s="126"/>
      <c r="AH54" s="126"/>
      <c r="AI54" s="126"/>
      <c r="AJ54" s="126"/>
      <c r="AK54" s="126"/>
      <c r="AL54" s="126"/>
      <c r="AM54" s="126"/>
      <c r="AN54" s="137"/>
      <c r="AO54" s="1028"/>
      <c r="AP54" s="1029"/>
      <c r="AQ54" s="1029"/>
      <c r="AR54" s="1029"/>
      <c r="AS54" s="1029"/>
      <c r="AT54" s="1029"/>
      <c r="AU54" s="1029"/>
      <c r="AV54" s="1029"/>
      <c r="AW54" s="1030"/>
      <c r="AX54" s="215"/>
      <c r="AY54" s="216"/>
      <c r="AZ54" s="216"/>
      <c r="BA54" s="216"/>
      <c r="BB54" s="216"/>
      <c r="BC54" s="216"/>
      <c r="BD54" s="216"/>
      <c r="BE54" s="216"/>
      <c r="BF54" s="217"/>
      <c r="BG54" s="215"/>
      <c r="BH54" s="216"/>
      <c r="BI54" s="216"/>
      <c r="BJ54" s="216"/>
      <c r="BK54" s="216"/>
      <c r="BL54" s="216"/>
      <c r="BM54" s="216"/>
      <c r="BN54" s="216"/>
      <c r="BO54" s="258"/>
      <c r="BP54" s="79"/>
      <c r="BQ54" s="85"/>
      <c r="BR54" s="85"/>
      <c r="BT54" s="108"/>
    </row>
    <row r="55" spans="1:72" ht="5.25" customHeight="1">
      <c r="A55" s="113"/>
      <c r="B55" s="113"/>
      <c r="D55" s="929"/>
      <c r="E55" s="930"/>
      <c r="F55" s="1002"/>
      <c r="G55" s="1003"/>
      <c r="H55" s="1003"/>
      <c r="I55" s="1003"/>
      <c r="J55" s="1003"/>
      <c r="K55" s="1004"/>
      <c r="L55" s="945"/>
      <c r="M55" s="946"/>
      <c r="N55" s="947"/>
      <c r="O55" s="945"/>
      <c r="P55" s="946"/>
      <c r="Q55" s="946"/>
      <c r="R55" s="946"/>
      <c r="S55" s="946"/>
      <c r="T55" s="946"/>
      <c r="U55" s="946"/>
      <c r="V55" s="946"/>
      <c r="W55" s="1009"/>
      <c r="X55" s="84"/>
      <c r="Y55" s="128"/>
      <c r="Z55" s="193"/>
      <c r="AA55" s="193"/>
      <c r="AB55" s="193"/>
      <c r="AC55" s="194"/>
      <c r="AD55" s="127"/>
      <c r="AE55" s="126"/>
      <c r="AF55" s="126"/>
      <c r="AG55" s="126"/>
      <c r="AH55" s="126"/>
      <c r="AI55" s="126"/>
      <c r="AJ55" s="126"/>
      <c r="AK55" s="126"/>
      <c r="AL55" s="126"/>
      <c r="AM55" s="126"/>
      <c r="AN55" s="137"/>
      <c r="AO55" s="1028"/>
      <c r="AP55" s="1029"/>
      <c r="AQ55" s="1029"/>
      <c r="AR55" s="1029"/>
      <c r="AS55" s="1029"/>
      <c r="AT55" s="1029"/>
      <c r="AU55" s="1029"/>
      <c r="AV55" s="1029"/>
      <c r="AW55" s="1030"/>
      <c r="AX55" s="215"/>
      <c r="AY55" s="216"/>
      <c r="AZ55" s="216"/>
      <c r="BA55" s="216"/>
      <c r="BB55" s="216"/>
      <c r="BC55" s="216"/>
      <c r="BD55" s="216"/>
      <c r="BE55" s="216"/>
      <c r="BF55" s="217"/>
      <c r="BG55" s="215"/>
      <c r="BH55" s="216"/>
      <c r="BI55" s="216"/>
      <c r="BJ55" s="216"/>
      <c r="BK55" s="216"/>
      <c r="BL55" s="216"/>
      <c r="BM55" s="216"/>
      <c r="BN55" s="216"/>
      <c r="BO55" s="258"/>
      <c r="BP55" s="79"/>
      <c r="BQ55" s="85"/>
      <c r="BR55" s="85"/>
      <c r="BT55" s="108"/>
    </row>
    <row r="56" spans="1:72" ht="5.25" customHeight="1">
      <c r="A56" s="113"/>
      <c r="B56" s="113"/>
      <c r="D56" s="931"/>
      <c r="E56" s="932"/>
      <c r="F56" s="1005"/>
      <c r="G56" s="1006"/>
      <c r="H56" s="1006"/>
      <c r="I56" s="1006"/>
      <c r="J56" s="1006"/>
      <c r="K56" s="1007"/>
      <c r="L56" s="948"/>
      <c r="M56" s="949"/>
      <c r="N56" s="950"/>
      <c r="O56" s="948"/>
      <c r="P56" s="949"/>
      <c r="Q56" s="949"/>
      <c r="R56" s="949"/>
      <c r="S56" s="949"/>
      <c r="T56" s="949"/>
      <c r="U56" s="949"/>
      <c r="V56" s="949"/>
      <c r="W56" s="1010"/>
      <c r="X56" s="84"/>
      <c r="Y56" s="136"/>
      <c r="Z56" s="195"/>
      <c r="AA56" s="195"/>
      <c r="AB56" s="195"/>
      <c r="AC56" s="196"/>
      <c r="AD56" s="135"/>
      <c r="AE56" s="134"/>
      <c r="AF56" s="134"/>
      <c r="AG56" s="134"/>
      <c r="AH56" s="134"/>
      <c r="AI56" s="134"/>
      <c r="AJ56" s="134"/>
      <c r="AK56" s="134"/>
      <c r="AL56" s="134"/>
      <c r="AM56" s="134"/>
      <c r="AN56" s="133"/>
      <c r="AO56" s="1031"/>
      <c r="AP56" s="1032"/>
      <c r="AQ56" s="1032"/>
      <c r="AR56" s="1032"/>
      <c r="AS56" s="1032"/>
      <c r="AT56" s="1032"/>
      <c r="AU56" s="1032"/>
      <c r="AV56" s="1032"/>
      <c r="AW56" s="1033"/>
      <c r="AX56" s="218"/>
      <c r="AY56" s="219"/>
      <c r="AZ56" s="219"/>
      <c r="BA56" s="219"/>
      <c r="BB56" s="219"/>
      <c r="BC56" s="219"/>
      <c r="BD56" s="219"/>
      <c r="BE56" s="219"/>
      <c r="BF56" s="220"/>
      <c r="BG56" s="218"/>
      <c r="BH56" s="219"/>
      <c r="BI56" s="219"/>
      <c r="BJ56" s="219"/>
      <c r="BK56" s="219"/>
      <c r="BL56" s="219"/>
      <c r="BM56" s="219"/>
      <c r="BN56" s="219"/>
      <c r="BO56" s="132"/>
      <c r="BP56" s="79"/>
      <c r="BQ56" s="85"/>
      <c r="BR56" s="85"/>
      <c r="BT56" s="108"/>
    </row>
    <row r="57" spans="1:72" ht="5.25" customHeight="1">
      <c r="A57" s="113"/>
      <c r="B57" s="113"/>
      <c r="D57" s="927">
        <v>12</v>
      </c>
      <c r="E57" s="928"/>
      <c r="F57" s="999"/>
      <c r="G57" s="1000"/>
      <c r="H57" s="1000"/>
      <c r="I57" s="1000"/>
      <c r="J57" s="1000"/>
      <c r="K57" s="1001"/>
      <c r="L57" s="942"/>
      <c r="M57" s="943"/>
      <c r="N57" s="944"/>
      <c r="O57" s="942"/>
      <c r="P57" s="943"/>
      <c r="Q57" s="943"/>
      <c r="R57" s="943"/>
      <c r="S57" s="943"/>
      <c r="T57" s="943"/>
      <c r="U57" s="943"/>
      <c r="V57" s="943"/>
      <c r="W57" s="1008"/>
      <c r="X57" s="84"/>
      <c r="Y57" s="131"/>
      <c r="Z57" s="191"/>
      <c r="AA57" s="191"/>
      <c r="AB57" s="191"/>
      <c r="AC57" s="191"/>
      <c r="AD57" s="130"/>
      <c r="AE57" s="129"/>
      <c r="AF57" s="129"/>
      <c r="AG57" s="129"/>
      <c r="AH57" s="129"/>
      <c r="AI57" s="129"/>
      <c r="AJ57" s="129"/>
      <c r="AK57" s="129"/>
      <c r="AL57" s="129"/>
      <c r="AM57" s="129"/>
      <c r="AN57" s="129"/>
      <c r="AO57" s="1025" t="s">
        <v>232</v>
      </c>
      <c r="AP57" s="1026"/>
      <c r="AQ57" s="1026"/>
      <c r="AR57" s="1026"/>
      <c r="AS57" s="1026"/>
      <c r="AT57" s="1026"/>
      <c r="AU57" s="1026"/>
      <c r="AV57" s="1026"/>
      <c r="AW57" s="1027"/>
      <c r="AX57" s="213"/>
      <c r="AY57" s="213"/>
      <c r="AZ57" s="213"/>
      <c r="BA57" s="213"/>
      <c r="BB57" s="213"/>
      <c r="BC57" s="213"/>
      <c r="BD57" s="213"/>
      <c r="BE57" s="213"/>
      <c r="BF57" s="214"/>
      <c r="BG57" s="213"/>
      <c r="BH57" s="213"/>
      <c r="BI57" s="213"/>
      <c r="BJ57" s="213"/>
      <c r="BK57" s="213"/>
      <c r="BL57" s="213"/>
      <c r="BM57" s="213"/>
      <c r="BN57" s="213"/>
      <c r="BO57" s="257"/>
      <c r="BP57" s="79"/>
      <c r="BQ57" s="85"/>
      <c r="BR57" s="85"/>
      <c r="BT57" s="108"/>
    </row>
    <row r="58" spans="1:72" ht="5.25" customHeight="1">
      <c r="A58" s="113"/>
      <c r="B58" s="113"/>
      <c r="D58" s="929"/>
      <c r="E58" s="930"/>
      <c r="F58" s="1002"/>
      <c r="G58" s="1003"/>
      <c r="H58" s="1003"/>
      <c r="I58" s="1003"/>
      <c r="J58" s="1003"/>
      <c r="K58" s="1004"/>
      <c r="L58" s="945"/>
      <c r="M58" s="946"/>
      <c r="N58" s="947"/>
      <c r="O58" s="945"/>
      <c r="P58" s="946"/>
      <c r="Q58" s="946"/>
      <c r="R58" s="946"/>
      <c r="S58" s="946"/>
      <c r="T58" s="946"/>
      <c r="U58" s="946"/>
      <c r="V58" s="946"/>
      <c r="W58" s="1009"/>
      <c r="X58" s="84"/>
      <c r="Y58" s="128"/>
      <c r="Z58" s="193"/>
      <c r="AA58" s="193"/>
      <c r="AB58" s="193"/>
      <c r="AC58" s="193"/>
      <c r="AD58" s="127"/>
      <c r="AE58" s="126"/>
      <c r="AF58" s="126"/>
      <c r="AG58" s="126"/>
      <c r="AH58" s="126"/>
      <c r="AI58" s="126"/>
      <c r="AJ58" s="126"/>
      <c r="AK58" s="126"/>
      <c r="AL58" s="126"/>
      <c r="AM58" s="126"/>
      <c r="AN58" s="126"/>
      <c r="AO58" s="1028"/>
      <c r="AP58" s="1029"/>
      <c r="AQ58" s="1029"/>
      <c r="AR58" s="1029"/>
      <c r="AS58" s="1029"/>
      <c r="AT58" s="1029"/>
      <c r="AU58" s="1029"/>
      <c r="AV58" s="1029"/>
      <c r="AW58" s="1030"/>
      <c r="AX58" s="216"/>
      <c r="AY58" s="216"/>
      <c r="AZ58" s="216"/>
      <c r="BA58" s="216"/>
      <c r="BB58" s="216"/>
      <c r="BC58" s="216"/>
      <c r="BD58" s="216"/>
      <c r="BE58" s="216"/>
      <c r="BF58" s="217"/>
      <c r="BG58" s="216"/>
      <c r="BH58" s="216"/>
      <c r="BI58" s="216"/>
      <c r="BJ58" s="216"/>
      <c r="BK58" s="216"/>
      <c r="BL58" s="216"/>
      <c r="BM58" s="216"/>
      <c r="BN58" s="216"/>
      <c r="BO58" s="258"/>
      <c r="BP58" s="79"/>
      <c r="BQ58" s="85"/>
      <c r="BR58" s="85"/>
      <c r="BT58" s="108"/>
    </row>
    <row r="59" spans="1:72" ht="5.25" customHeight="1">
      <c r="A59" s="113"/>
      <c r="B59" s="113"/>
      <c r="D59" s="929"/>
      <c r="E59" s="930"/>
      <c r="F59" s="1002"/>
      <c r="G59" s="1003"/>
      <c r="H59" s="1003"/>
      <c r="I59" s="1003"/>
      <c r="J59" s="1003"/>
      <c r="K59" s="1004"/>
      <c r="L59" s="945"/>
      <c r="M59" s="946"/>
      <c r="N59" s="947"/>
      <c r="O59" s="945"/>
      <c r="P59" s="946"/>
      <c r="Q59" s="946"/>
      <c r="R59" s="946"/>
      <c r="S59" s="946"/>
      <c r="T59" s="946"/>
      <c r="U59" s="946"/>
      <c r="V59" s="946"/>
      <c r="W59" s="1009"/>
      <c r="X59" s="84"/>
      <c r="Y59" s="128"/>
      <c r="Z59" s="193"/>
      <c r="AA59" s="193"/>
      <c r="AB59" s="193"/>
      <c r="AC59" s="193"/>
      <c r="AD59" s="127"/>
      <c r="AE59" s="126"/>
      <c r="AF59" s="126"/>
      <c r="AG59" s="126"/>
      <c r="AH59" s="126"/>
      <c r="AI59" s="126"/>
      <c r="AJ59" s="126"/>
      <c r="AK59" s="126"/>
      <c r="AL59" s="126"/>
      <c r="AM59" s="126"/>
      <c r="AN59" s="126"/>
      <c r="AO59" s="1028"/>
      <c r="AP59" s="1029"/>
      <c r="AQ59" s="1029"/>
      <c r="AR59" s="1029"/>
      <c r="AS59" s="1029"/>
      <c r="AT59" s="1029"/>
      <c r="AU59" s="1029"/>
      <c r="AV59" s="1029"/>
      <c r="AW59" s="1030"/>
      <c r="AX59" s="216"/>
      <c r="AY59" s="216"/>
      <c r="AZ59" s="216"/>
      <c r="BA59" s="216"/>
      <c r="BB59" s="216"/>
      <c r="BC59" s="216"/>
      <c r="BD59" s="216"/>
      <c r="BE59" s="216"/>
      <c r="BF59" s="217"/>
      <c r="BG59" s="216"/>
      <c r="BH59" s="216"/>
      <c r="BI59" s="216"/>
      <c r="BJ59" s="216"/>
      <c r="BK59" s="216"/>
      <c r="BL59" s="216"/>
      <c r="BM59" s="216"/>
      <c r="BN59" s="216"/>
      <c r="BO59" s="258"/>
      <c r="BP59" s="79"/>
      <c r="BQ59" s="85"/>
      <c r="BR59" s="85"/>
      <c r="BT59" s="108"/>
    </row>
    <row r="60" spans="1:72" ht="5.25" customHeight="1">
      <c r="A60" s="113"/>
      <c r="B60" s="113"/>
      <c r="D60" s="931"/>
      <c r="E60" s="932"/>
      <c r="F60" s="1005"/>
      <c r="G60" s="1006"/>
      <c r="H60" s="1006"/>
      <c r="I60" s="1006"/>
      <c r="J60" s="1006"/>
      <c r="K60" s="1007"/>
      <c r="L60" s="948"/>
      <c r="M60" s="949"/>
      <c r="N60" s="950"/>
      <c r="O60" s="948"/>
      <c r="P60" s="949"/>
      <c r="Q60" s="949"/>
      <c r="R60" s="949"/>
      <c r="S60" s="949"/>
      <c r="T60" s="949"/>
      <c r="U60" s="949"/>
      <c r="V60" s="949"/>
      <c r="W60" s="1010"/>
      <c r="X60" s="84"/>
      <c r="Y60" s="125"/>
      <c r="Z60" s="123"/>
      <c r="AA60" s="123"/>
      <c r="AB60" s="123"/>
      <c r="AC60" s="123"/>
      <c r="AD60" s="124"/>
      <c r="AE60" s="123"/>
      <c r="AF60" s="123"/>
      <c r="AG60" s="123"/>
      <c r="AH60" s="123"/>
      <c r="AI60" s="123"/>
      <c r="AJ60" s="123"/>
      <c r="AK60" s="123"/>
      <c r="AL60" s="123"/>
      <c r="AM60" s="123"/>
      <c r="AN60" s="123"/>
      <c r="AO60" s="1034"/>
      <c r="AP60" s="1035"/>
      <c r="AQ60" s="1035"/>
      <c r="AR60" s="1035"/>
      <c r="AS60" s="1035"/>
      <c r="AT60" s="1035"/>
      <c r="AU60" s="1035"/>
      <c r="AV60" s="1035"/>
      <c r="AW60" s="1036"/>
      <c r="AX60" s="122"/>
      <c r="AY60" s="120"/>
      <c r="AZ60" s="120"/>
      <c r="BA60" s="120"/>
      <c r="BB60" s="120"/>
      <c r="BC60" s="120"/>
      <c r="BD60" s="120"/>
      <c r="BE60" s="120"/>
      <c r="BF60" s="121"/>
      <c r="BG60" s="120"/>
      <c r="BH60" s="120"/>
      <c r="BI60" s="120"/>
      <c r="BJ60" s="120"/>
      <c r="BK60" s="120"/>
      <c r="BL60" s="120"/>
      <c r="BM60" s="120"/>
      <c r="BN60" s="120"/>
      <c r="BO60" s="119"/>
      <c r="BP60" s="79"/>
      <c r="BQ60" s="85"/>
      <c r="BR60" s="85"/>
      <c r="BT60" s="108"/>
    </row>
    <row r="61" spans="1:72" ht="5.25" customHeight="1">
      <c r="A61" s="113"/>
      <c r="B61" s="113"/>
      <c r="D61" s="1037" t="s">
        <v>231</v>
      </c>
      <c r="E61" s="1038"/>
      <c r="F61" s="1038"/>
      <c r="G61" s="1038"/>
      <c r="H61" s="1038"/>
      <c r="I61" s="1038"/>
      <c r="J61" s="1038"/>
      <c r="K61" s="1038"/>
      <c r="L61" s="1039"/>
      <c r="M61" s="933" t="s">
        <v>4</v>
      </c>
      <c r="N61" s="934"/>
      <c r="O61" s="934"/>
      <c r="P61" s="934"/>
      <c r="Q61" s="934"/>
      <c r="R61" s="934"/>
      <c r="S61" s="934"/>
      <c r="T61" s="934"/>
      <c r="U61" s="934"/>
      <c r="V61" s="934"/>
      <c r="W61" s="951"/>
      <c r="X61" s="84"/>
      <c r="AX61" s="1075" t="s">
        <v>230</v>
      </c>
      <c r="AY61" s="1076"/>
      <c r="AZ61" s="1076"/>
      <c r="BA61" s="1076"/>
      <c r="BB61" s="1076"/>
      <c r="BC61" s="1076"/>
      <c r="BD61" s="1076"/>
      <c r="BE61" s="1076"/>
      <c r="BF61" s="1077"/>
      <c r="BG61" s="108"/>
      <c r="BH61" s="108"/>
      <c r="BI61" s="108"/>
      <c r="BJ61" s="108"/>
      <c r="BK61" s="108"/>
      <c r="BL61" s="108"/>
      <c r="BM61" s="108"/>
      <c r="BN61" s="108"/>
      <c r="BO61" s="118"/>
      <c r="BP61" s="85"/>
      <c r="BQ61" s="85"/>
      <c r="BR61" s="85"/>
      <c r="BT61" s="108"/>
    </row>
    <row r="62" spans="1:72" ht="5.25" customHeight="1">
      <c r="A62" s="113"/>
      <c r="B62" s="113"/>
      <c r="D62" s="1040"/>
      <c r="E62" s="964"/>
      <c r="F62" s="964"/>
      <c r="G62" s="964"/>
      <c r="H62" s="964"/>
      <c r="I62" s="964"/>
      <c r="J62" s="964"/>
      <c r="K62" s="964"/>
      <c r="L62" s="965"/>
      <c r="M62" s="936"/>
      <c r="N62" s="937"/>
      <c r="O62" s="937"/>
      <c r="P62" s="937"/>
      <c r="Q62" s="937"/>
      <c r="R62" s="937"/>
      <c r="S62" s="937"/>
      <c r="T62" s="937"/>
      <c r="U62" s="937"/>
      <c r="V62" s="937"/>
      <c r="W62" s="952"/>
      <c r="X62" s="84"/>
      <c r="AX62" s="984"/>
      <c r="AY62" s="985"/>
      <c r="AZ62" s="985"/>
      <c r="BA62" s="985"/>
      <c r="BB62" s="985"/>
      <c r="BC62" s="985"/>
      <c r="BD62" s="985"/>
      <c r="BE62" s="985"/>
      <c r="BF62" s="986"/>
      <c r="BG62" s="108"/>
      <c r="BH62" s="108"/>
      <c r="BI62" s="108"/>
      <c r="BJ62" s="108"/>
      <c r="BK62" s="108"/>
      <c r="BL62" s="108"/>
      <c r="BM62" s="108"/>
      <c r="BN62" s="108"/>
      <c r="BO62" s="118"/>
      <c r="BP62" s="85"/>
      <c r="BQ62" s="85"/>
      <c r="BR62" s="85"/>
      <c r="BT62" s="108"/>
    </row>
    <row r="63" spans="1:72" ht="5.25" customHeight="1">
      <c r="A63" s="113"/>
      <c r="B63" s="113"/>
      <c r="D63" s="1040"/>
      <c r="E63" s="964"/>
      <c r="F63" s="964"/>
      <c r="G63" s="964"/>
      <c r="H63" s="964"/>
      <c r="I63" s="964"/>
      <c r="J63" s="964"/>
      <c r="K63" s="964"/>
      <c r="L63" s="965"/>
      <c r="M63" s="936"/>
      <c r="N63" s="937"/>
      <c r="O63" s="937"/>
      <c r="P63" s="937"/>
      <c r="Q63" s="937"/>
      <c r="R63" s="937"/>
      <c r="S63" s="937"/>
      <c r="T63" s="937"/>
      <c r="U63" s="937"/>
      <c r="V63" s="937"/>
      <c r="W63" s="952"/>
      <c r="X63" s="84"/>
      <c r="AX63" s="984"/>
      <c r="AY63" s="985"/>
      <c r="AZ63" s="985"/>
      <c r="BA63" s="985"/>
      <c r="BB63" s="985"/>
      <c r="BC63" s="985"/>
      <c r="BD63" s="985"/>
      <c r="BE63" s="985"/>
      <c r="BF63" s="986"/>
      <c r="BG63" s="108"/>
      <c r="BH63" s="108"/>
      <c r="BI63" s="108"/>
      <c r="BJ63" s="108"/>
      <c r="BK63" s="108"/>
      <c r="BL63" s="108"/>
      <c r="BM63" s="108"/>
      <c r="BN63" s="108"/>
      <c r="BO63" s="118"/>
      <c r="BP63" s="85"/>
      <c r="BQ63" s="85"/>
      <c r="BR63" s="85"/>
      <c r="BT63" s="108"/>
    </row>
    <row r="64" spans="1:72" ht="5.25" customHeight="1">
      <c r="A64" s="113"/>
      <c r="B64" s="113"/>
      <c r="D64" s="1040"/>
      <c r="E64" s="964"/>
      <c r="F64" s="964"/>
      <c r="G64" s="964"/>
      <c r="H64" s="964"/>
      <c r="I64" s="964"/>
      <c r="J64" s="964"/>
      <c r="K64" s="964"/>
      <c r="L64" s="965"/>
      <c r="M64" s="936"/>
      <c r="N64" s="937"/>
      <c r="O64" s="937"/>
      <c r="P64" s="937"/>
      <c r="Q64" s="937"/>
      <c r="R64" s="937"/>
      <c r="S64" s="937"/>
      <c r="T64" s="937"/>
      <c r="U64" s="937"/>
      <c r="V64" s="937"/>
      <c r="W64" s="952"/>
      <c r="X64" s="84"/>
      <c r="Y64" s="907" t="s">
        <v>229</v>
      </c>
      <c r="Z64" s="907"/>
      <c r="AA64" s="907"/>
      <c r="AB64" s="907"/>
      <c r="AC64" s="907"/>
      <c r="AD64" s="907"/>
      <c r="AE64" s="907"/>
      <c r="AF64" s="907"/>
      <c r="AG64" s="907"/>
      <c r="AH64" s="907"/>
      <c r="AI64" s="907"/>
      <c r="AJ64" s="907"/>
      <c r="AK64" s="907"/>
      <c r="AL64" s="907"/>
      <c r="AM64" s="907"/>
      <c r="AN64" s="907"/>
      <c r="AO64" s="907"/>
      <c r="AP64" s="907"/>
      <c r="AQ64" s="907"/>
      <c r="AR64" s="907"/>
      <c r="AS64" s="907"/>
      <c r="AT64" s="907"/>
      <c r="AU64" s="206"/>
      <c r="AV64" s="206"/>
      <c r="AW64" s="206"/>
      <c r="AX64" s="1078"/>
      <c r="AY64" s="1079"/>
      <c r="AZ64" s="1079"/>
      <c r="BA64" s="1079"/>
      <c r="BB64" s="1079"/>
      <c r="BC64" s="1079"/>
      <c r="BD64" s="1079"/>
      <c r="BE64" s="1079"/>
      <c r="BF64" s="1080"/>
      <c r="BG64" s="102"/>
      <c r="BH64" s="102"/>
      <c r="BI64" s="102"/>
      <c r="BJ64" s="108"/>
      <c r="BK64" s="108"/>
      <c r="BL64" s="108"/>
      <c r="BM64" s="108"/>
      <c r="BN64" s="108"/>
      <c r="BO64" s="118"/>
      <c r="BP64" s="85"/>
      <c r="BQ64" s="85"/>
      <c r="BR64" s="85"/>
      <c r="BT64" s="108"/>
    </row>
    <row r="65" spans="1:72" ht="5.25" customHeight="1">
      <c r="A65" s="113"/>
      <c r="B65" s="113"/>
      <c r="D65" s="1041"/>
      <c r="E65" s="967"/>
      <c r="F65" s="967"/>
      <c r="G65" s="967"/>
      <c r="H65" s="967"/>
      <c r="I65" s="967"/>
      <c r="J65" s="967"/>
      <c r="K65" s="967"/>
      <c r="L65" s="968"/>
      <c r="M65" s="939"/>
      <c r="N65" s="940"/>
      <c r="O65" s="940"/>
      <c r="P65" s="940"/>
      <c r="Q65" s="940"/>
      <c r="R65" s="940"/>
      <c r="S65" s="940"/>
      <c r="T65" s="940"/>
      <c r="U65" s="940"/>
      <c r="V65" s="940"/>
      <c r="W65" s="953"/>
      <c r="X65" s="84"/>
      <c r="Y65" s="907"/>
      <c r="Z65" s="907"/>
      <c r="AA65" s="907"/>
      <c r="AB65" s="907"/>
      <c r="AC65" s="907"/>
      <c r="AD65" s="907"/>
      <c r="AE65" s="907"/>
      <c r="AF65" s="907"/>
      <c r="AG65" s="907"/>
      <c r="AH65" s="907"/>
      <c r="AI65" s="907"/>
      <c r="AJ65" s="907"/>
      <c r="AK65" s="907"/>
      <c r="AL65" s="907"/>
      <c r="AM65" s="907"/>
      <c r="AN65" s="907"/>
      <c r="AO65" s="907"/>
      <c r="AP65" s="907"/>
      <c r="AQ65" s="907"/>
      <c r="AR65" s="907"/>
      <c r="AS65" s="907"/>
      <c r="AT65" s="907"/>
      <c r="AU65" s="206"/>
      <c r="AV65" s="206"/>
      <c r="AW65" s="206"/>
      <c r="AX65" s="117"/>
      <c r="AY65" s="117"/>
      <c r="AZ65" s="117"/>
      <c r="BA65" s="117"/>
      <c r="BB65" s="117"/>
      <c r="BC65" s="117"/>
      <c r="BD65" s="117"/>
      <c r="BE65" s="117"/>
      <c r="BF65" s="117"/>
      <c r="BG65" s="117"/>
      <c r="BH65" s="117"/>
      <c r="BI65" s="117"/>
      <c r="BJ65" s="104"/>
      <c r="BK65" s="104"/>
      <c r="BL65" s="104"/>
      <c r="BM65" s="104"/>
      <c r="BN65" s="104"/>
      <c r="BO65" s="104"/>
      <c r="BP65" s="85"/>
      <c r="BQ65" s="85"/>
      <c r="BR65" s="85"/>
      <c r="BT65" s="108"/>
    </row>
    <row r="66" spans="1:72" ht="5.25" customHeight="1">
      <c r="A66" s="113"/>
      <c r="B66" s="113"/>
      <c r="D66" s="1037" t="s">
        <v>228</v>
      </c>
      <c r="E66" s="1038"/>
      <c r="F66" s="1038"/>
      <c r="G66" s="1038"/>
      <c r="H66" s="1038"/>
      <c r="I66" s="1038"/>
      <c r="J66" s="1038"/>
      <c r="K66" s="1038"/>
      <c r="L66" s="1039"/>
      <c r="M66" s="1081"/>
      <c r="N66" s="1082"/>
      <c r="O66" s="1082"/>
      <c r="P66" s="1082"/>
      <c r="Q66" s="1082"/>
      <c r="R66" s="1082"/>
      <c r="S66" s="1082"/>
      <c r="T66" s="1082"/>
      <c r="U66" s="1082"/>
      <c r="V66" s="1082"/>
      <c r="W66" s="1083"/>
      <c r="X66" s="84"/>
      <c r="Y66" s="907"/>
      <c r="Z66" s="907"/>
      <c r="AA66" s="907"/>
      <c r="AB66" s="907"/>
      <c r="AC66" s="907"/>
      <c r="AD66" s="907"/>
      <c r="AE66" s="907"/>
      <c r="AF66" s="907"/>
      <c r="AG66" s="907"/>
      <c r="AH66" s="907"/>
      <c r="AI66" s="907"/>
      <c r="AJ66" s="907"/>
      <c r="AK66" s="907"/>
      <c r="AL66" s="907"/>
      <c r="AM66" s="907"/>
      <c r="AN66" s="907"/>
      <c r="AO66" s="907"/>
      <c r="AP66" s="907"/>
      <c r="AQ66" s="907"/>
      <c r="AR66" s="907"/>
      <c r="AS66" s="907"/>
      <c r="AT66" s="907"/>
      <c r="AU66" s="206"/>
      <c r="AV66" s="206"/>
      <c r="AW66" s="206"/>
      <c r="AX66" s="206"/>
      <c r="AY66" s="206"/>
      <c r="AZ66" s="206"/>
      <c r="BA66" s="206"/>
      <c r="BB66" s="206"/>
      <c r="BC66" s="206"/>
      <c r="BD66" s="206"/>
      <c r="BE66" s="206"/>
      <c r="BF66" s="206"/>
      <c r="BG66" s="206"/>
      <c r="BH66" s="206"/>
      <c r="BI66" s="206"/>
      <c r="BP66" s="85"/>
      <c r="BQ66" s="85"/>
      <c r="BR66" s="85"/>
      <c r="BS66" s="82"/>
      <c r="BT66" s="116"/>
    </row>
    <row r="67" spans="1:72" ht="5.25" customHeight="1">
      <c r="A67" s="113"/>
      <c r="B67" s="113"/>
      <c r="D67" s="1040"/>
      <c r="E67" s="964"/>
      <c r="F67" s="964"/>
      <c r="G67" s="964"/>
      <c r="H67" s="964"/>
      <c r="I67" s="964"/>
      <c r="J67" s="964"/>
      <c r="K67" s="964"/>
      <c r="L67" s="965"/>
      <c r="M67" s="1084"/>
      <c r="N67" s="1085"/>
      <c r="O67" s="1085"/>
      <c r="P67" s="1085"/>
      <c r="Q67" s="1085"/>
      <c r="R67" s="1085"/>
      <c r="S67" s="1085"/>
      <c r="T67" s="1085"/>
      <c r="U67" s="1085"/>
      <c r="V67" s="1085"/>
      <c r="W67" s="1086"/>
      <c r="X67" s="84"/>
      <c r="Y67" s="1090" t="s">
        <v>227</v>
      </c>
      <c r="Z67" s="1091"/>
      <c r="AA67" s="1091"/>
      <c r="AB67" s="1091"/>
      <c r="AC67" s="1091"/>
      <c r="AD67" s="1094" t="s">
        <v>226</v>
      </c>
      <c r="AE67" s="1094"/>
      <c r="AF67" s="1094"/>
      <c r="AG67" s="1094"/>
      <c r="AH67" s="1094"/>
      <c r="AI67" s="1094"/>
      <c r="AJ67" s="1094"/>
      <c r="AK67" s="1094"/>
      <c r="AL67" s="1094"/>
      <c r="AM67" s="1094"/>
      <c r="AN67" s="1094"/>
      <c r="AO67" s="1096" t="s">
        <v>221</v>
      </c>
      <c r="AP67" s="1096"/>
      <c r="AQ67" s="1096"/>
      <c r="AR67" s="1096"/>
      <c r="AS67" s="1096"/>
      <c r="AT67" s="1096"/>
      <c r="AU67" s="1096"/>
      <c r="AV67" s="1096"/>
      <c r="AW67" s="1096"/>
      <c r="AX67" s="1096"/>
      <c r="AY67" s="1096"/>
      <c r="AZ67" s="1096"/>
      <c r="BA67" s="1096"/>
      <c r="BB67" s="1096"/>
      <c r="BC67" s="1098" t="s">
        <v>220</v>
      </c>
      <c r="BD67" s="1098"/>
      <c r="BE67" s="1098"/>
      <c r="BF67" s="1098"/>
      <c r="BG67" s="1098"/>
      <c r="BH67" s="1098"/>
      <c r="BI67" s="1098"/>
      <c r="BJ67" s="1098"/>
      <c r="BK67" s="1098"/>
      <c r="BL67" s="1098"/>
      <c r="BM67" s="1098"/>
      <c r="BN67" s="1098"/>
      <c r="BO67" s="1099"/>
      <c r="BP67" s="85"/>
      <c r="BQ67" s="85"/>
      <c r="BR67" s="85"/>
      <c r="BS67" s="82"/>
      <c r="BT67" s="116"/>
    </row>
    <row r="68" spans="1:72" ht="5.25" customHeight="1">
      <c r="A68" s="113"/>
      <c r="B68" s="113"/>
      <c r="D68" s="1040"/>
      <c r="E68" s="964"/>
      <c r="F68" s="964"/>
      <c r="G68" s="964"/>
      <c r="H68" s="964"/>
      <c r="I68" s="964"/>
      <c r="J68" s="964"/>
      <c r="K68" s="964"/>
      <c r="L68" s="965"/>
      <c r="M68" s="1084"/>
      <c r="N68" s="1085"/>
      <c r="O68" s="1085"/>
      <c r="P68" s="1085"/>
      <c r="Q68" s="1085"/>
      <c r="R68" s="1085"/>
      <c r="S68" s="1085"/>
      <c r="T68" s="1085"/>
      <c r="U68" s="1085"/>
      <c r="V68" s="1085"/>
      <c r="W68" s="1086"/>
      <c r="X68" s="84"/>
      <c r="Y68" s="1092"/>
      <c r="Z68" s="1093"/>
      <c r="AA68" s="1093"/>
      <c r="AB68" s="1093"/>
      <c r="AC68" s="1093"/>
      <c r="AD68" s="1095"/>
      <c r="AE68" s="1095"/>
      <c r="AF68" s="1095"/>
      <c r="AG68" s="1095"/>
      <c r="AH68" s="1095"/>
      <c r="AI68" s="1095"/>
      <c r="AJ68" s="1095"/>
      <c r="AK68" s="1095"/>
      <c r="AL68" s="1095"/>
      <c r="AM68" s="1095"/>
      <c r="AN68" s="1095"/>
      <c r="AO68" s="1097"/>
      <c r="AP68" s="1097"/>
      <c r="AQ68" s="1097"/>
      <c r="AR68" s="1097"/>
      <c r="AS68" s="1097"/>
      <c r="AT68" s="1097"/>
      <c r="AU68" s="1097"/>
      <c r="AV68" s="1097"/>
      <c r="AW68" s="1097"/>
      <c r="AX68" s="1097"/>
      <c r="AY68" s="1097"/>
      <c r="AZ68" s="1097"/>
      <c r="BA68" s="1097"/>
      <c r="BB68" s="1097"/>
      <c r="BC68" s="1100"/>
      <c r="BD68" s="1100"/>
      <c r="BE68" s="1100"/>
      <c r="BF68" s="1100"/>
      <c r="BG68" s="1100"/>
      <c r="BH68" s="1100"/>
      <c r="BI68" s="1100"/>
      <c r="BJ68" s="1100"/>
      <c r="BK68" s="1100"/>
      <c r="BL68" s="1100"/>
      <c r="BM68" s="1100"/>
      <c r="BN68" s="1100"/>
      <c r="BO68" s="1101"/>
      <c r="BP68" s="85"/>
      <c r="BQ68" s="85"/>
      <c r="BR68" s="82"/>
      <c r="BS68" s="82"/>
      <c r="BT68" s="83"/>
    </row>
    <row r="69" spans="1:72" ht="5.25" customHeight="1">
      <c r="A69" s="113"/>
      <c r="B69" s="113"/>
      <c r="D69" s="1040"/>
      <c r="E69" s="964"/>
      <c r="F69" s="964"/>
      <c r="G69" s="964"/>
      <c r="H69" s="964"/>
      <c r="I69" s="964"/>
      <c r="J69" s="964"/>
      <c r="K69" s="964"/>
      <c r="L69" s="965"/>
      <c r="M69" s="1084"/>
      <c r="N69" s="1085"/>
      <c r="O69" s="1085"/>
      <c r="P69" s="1085"/>
      <c r="Q69" s="1085"/>
      <c r="R69" s="1085"/>
      <c r="S69" s="1085"/>
      <c r="T69" s="1085"/>
      <c r="U69" s="1085"/>
      <c r="V69" s="1085"/>
      <c r="W69" s="1086"/>
      <c r="X69" s="84"/>
      <c r="Y69" s="1092"/>
      <c r="Z69" s="1093"/>
      <c r="AA69" s="1093"/>
      <c r="AB69" s="1093"/>
      <c r="AC69" s="1093"/>
      <c r="AD69" s="1095"/>
      <c r="AE69" s="1095"/>
      <c r="AF69" s="1095"/>
      <c r="AG69" s="1095"/>
      <c r="AH69" s="1095"/>
      <c r="AI69" s="1095"/>
      <c r="AJ69" s="1095"/>
      <c r="AK69" s="1095"/>
      <c r="AL69" s="1095"/>
      <c r="AM69" s="1095"/>
      <c r="AN69" s="1095"/>
      <c r="AO69" s="1097"/>
      <c r="AP69" s="1097"/>
      <c r="AQ69" s="1097"/>
      <c r="AR69" s="1097"/>
      <c r="AS69" s="1097"/>
      <c r="AT69" s="1097"/>
      <c r="AU69" s="1097"/>
      <c r="AV69" s="1097"/>
      <c r="AW69" s="1097"/>
      <c r="AX69" s="1097"/>
      <c r="AY69" s="1097"/>
      <c r="AZ69" s="1097"/>
      <c r="BA69" s="1097"/>
      <c r="BB69" s="1097"/>
      <c r="BC69" s="1100"/>
      <c r="BD69" s="1100"/>
      <c r="BE69" s="1100"/>
      <c r="BF69" s="1100"/>
      <c r="BG69" s="1100"/>
      <c r="BH69" s="1100"/>
      <c r="BI69" s="1100"/>
      <c r="BJ69" s="1100"/>
      <c r="BK69" s="1100"/>
      <c r="BL69" s="1100"/>
      <c r="BM69" s="1100"/>
      <c r="BN69" s="1100"/>
      <c r="BO69" s="1101"/>
      <c r="BP69" s="85">
        <v>0</v>
      </c>
      <c r="BQ69" s="85"/>
      <c r="BR69" s="82"/>
      <c r="BS69" s="82"/>
      <c r="BT69" s="83"/>
    </row>
    <row r="70" spans="1:72" ht="5.25" customHeight="1">
      <c r="A70" s="113"/>
      <c r="B70" s="113"/>
      <c r="D70" s="1041"/>
      <c r="E70" s="967"/>
      <c r="F70" s="967"/>
      <c r="G70" s="967"/>
      <c r="H70" s="967"/>
      <c r="I70" s="967"/>
      <c r="J70" s="967"/>
      <c r="K70" s="967"/>
      <c r="L70" s="968"/>
      <c r="M70" s="1087"/>
      <c r="N70" s="1088"/>
      <c r="O70" s="1088"/>
      <c r="P70" s="1088"/>
      <c r="Q70" s="1088"/>
      <c r="R70" s="1088"/>
      <c r="S70" s="1088"/>
      <c r="T70" s="1088"/>
      <c r="U70" s="1088"/>
      <c r="V70" s="1088"/>
      <c r="W70" s="1089"/>
      <c r="X70" s="84"/>
      <c r="Y70" s="1092"/>
      <c r="Z70" s="1093"/>
      <c r="AA70" s="1093"/>
      <c r="AB70" s="1093"/>
      <c r="AC70" s="1093"/>
      <c r="AD70" s="1095"/>
      <c r="AE70" s="1095"/>
      <c r="AF70" s="1095"/>
      <c r="AG70" s="1095"/>
      <c r="AH70" s="1095"/>
      <c r="AI70" s="1095"/>
      <c r="AJ70" s="1095"/>
      <c r="AK70" s="1095"/>
      <c r="AL70" s="1095"/>
      <c r="AM70" s="1095"/>
      <c r="AN70" s="1095"/>
      <c r="AO70" s="1097"/>
      <c r="AP70" s="1097"/>
      <c r="AQ70" s="1097"/>
      <c r="AR70" s="1097"/>
      <c r="AS70" s="1097"/>
      <c r="AT70" s="1097"/>
      <c r="AU70" s="1097"/>
      <c r="AV70" s="1097"/>
      <c r="AW70" s="1097"/>
      <c r="AX70" s="1097"/>
      <c r="AY70" s="1097"/>
      <c r="AZ70" s="1097"/>
      <c r="BA70" s="1097"/>
      <c r="BB70" s="1097"/>
      <c r="BC70" s="1100"/>
      <c r="BD70" s="1100"/>
      <c r="BE70" s="1100"/>
      <c r="BF70" s="1100"/>
      <c r="BG70" s="1100"/>
      <c r="BH70" s="1100"/>
      <c r="BI70" s="1100"/>
      <c r="BJ70" s="1100"/>
      <c r="BK70" s="1100"/>
      <c r="BL70" s="1100"/>
      <c r="BM70" s="1100"/>
      <c r="BN70" s="1100"/>
      <c r="BO70" s="1101"/>
      <c r="BP70" s="85"/>
      <c r="BQ70" s="85"/>
      <c r="BR70" s="82"/>
      <c r="BS70" s="82"/>
      <c r="BT70" s="83"/>
    </row>
    <row r="71" spans="1:72" ht="5.25" customHeight="1">
      <c r="A71" s="113"/>
      <c r="B71" s="113"/>
      <c r="D71" s="1042" t="s">
        <v>225</v>
      </c>
      <c r="E71" s="1043"/>
      <c r="F71" s="1043"/>
      <c r="G71" s="1043"/>
      <c r="H71" s="1043"/>
      <c r="I71" s="1043"/>
      <c r="J71" s="1044"/>
      <c r="K71" s="1051"/>
      <c r="L71" s="1052"/>
      <c r="M71" s="1052"/>
      <c r="N71" s="1052"/>
      <c r="O71" s="1052"/>
      <c r="P71" s="1052"/>
      <c r="Q71" s="1052"/>
      <c r="R71" s="1052"/>
      <c r="S71" s="1052"/>
      <c r="T71" s="1052"/>
      <c r="U71" s="1052"/>
      <c r="V71" s="1052"/>
      <c r="W71" s="1053"/>
      <c r="X71" s="84"/>
      <c r="Y71" s="1060"/>
      <c r="Z71" s="1061"/>
      <c r="AA71" s="1061"/>
      <c r="AB71" s="1061"/>
      <c r="AC71" s="1062"/>
      <c r="AD71" s="1069"/>
      <c r="AE71" s="1061"/>
      <c r="AF71" s="1061"/>
      <c r="AG71" s="1061"/>
      <c r="AH71" s="1061"/>
      <c r="AI71" s="1061"/>
      <c r="AJ71" s="1061"/>
      <c r="AK71" s="1061"/>
      <c r="AL71" s="1061"/>
      <c r="AM71" s="1061"/>
      <c r="AN71" s="1062"/>
      <c r="AO71" s="933" t="s">
        <v>4</v>
      </c>
      <c r="AP71" s="934"/>
      <c r="AQ71" s="934"/>
      <c r="AR71" s="934"/>
      <c r="AS71" s="934"/>
      <c r="AT71" s="934"/>
      <c r="AU71" s="934"/>
      <c r="AV71" s="934"/>
      <c r="AW71" s="934"/>
      <c r="AX71" s="934"/>
      <c r="AY71" s="934"/>
      <c r="AZ71" s="934"/>
      <c r="BA71" s="934"/>
      <c r="BB71" s="935"/>
      <c r="BC71" s="933" t="s">
        <v>4</v>
      </c>
      <c r="BD71" s="1061"/>
      <c r="BE71" s="1061"/>
      <c r="BF71" s="1061"/>
      <c r="BG71" s="1061"/>
      <c r="BH71" s="1061"/>
      <c r="BI71" s="1061"/>
      <c r="BJ71" s="1061"/>
      <c r="BK71" s="1061"/>
      <c r="BL71" s="1061"/>
      <c r="BM71" s="1061"/>
      <c r="BN71" s="1061"/>
      <c r="BO71" s="1072"/>
      <c r="BP71" s="85"/>
      <c r="BQ71" s="85"/>
      <c r="BR71" s="82"/>
      <c r="BS71" s="82"/>
      <c r="BT71" s="116"/>
    </row>
    <row r="72" spans="1:72" ht="5.25" customHeight="1">
      <c r="A72" s="113"/>
      <c r="B72" s="113"/>
      <c r="D72" s="1045"/>
      <c r="E72" s="1046"/>
      <c r="F72" s="1046"/>
      <c r="G72" s="1046"/>
      <c r="H72" s="1046"/>
      <c r="I72" s="1046"/>
      <c r="J72" s="1047"/>
      <c r="K72" s="1054"/>
      <c r="L72" s="1055"/>
      <c r="M72" s="1055"/>
      <c r="N72" s="1055"/>
      <c r="O72" s="1055"/>
      <c r="P72" s="1055"/>
      <c r="Q72" s="1055"/>
      <c r="R72" s="1055"/>
      <c r="S72" s="1055"/>
      <c r="T72" s="1055"/>
      <c r="U72" s="1055"/>
      <c r="V72" s="1055"/>
      <c r="W72" s="1056"/>
      <c r="X72" s="84"/>
      <c r="Y72" s="1063"/>
      <c r="Z72" s="1064"/>
      <c r="AA72" s="1064"/>
      <c r="AB72" s="1064"/>
      <c r="AC72" s="1065"/>
      <c r="AD72" s="1070"/>
      <c r="AE72" s="1064"/>
      <c r="AF72" s="1064"/>
      <c r="AG72" s="1064"/>
      <c r="AH72" s="1064"/>
      <c r="AI72" s="1064"/>
      <c r="AJ72" s="1064"/>
      <c r="AK72" s="1064"/>
      <c r="AL72" s="1064"/>
      <c r="AM72" s="1064"/>
      <c r="AN72" s="1065"/>
      <c r="AO72" s="936"/>
      <c r="AP72" s="937"/>
      <c r="AQ72" s="937"/>
      <c r="AR72" s="937"/>
      <c r="AS72" s="937"/>
      <c r="AT72" s="937"/>
      <c r="AU72" s="937"/>
      <c r="AV72" s="937"/>
      <c r="AW72" s="937"/>
      <c r="AX72" s="937"/>
      <c r="AY72" s="937"/>
      <c r="AZ72" s="937"/>
      <c r="BA72" s="937"/>
      <c r="BB72" s="938"/>
      <c r="BC72" s="1070"/>
      <c r="BD72" s="1064"/>
      <c r="BE72" s="1064"/>
      <c r="BF72" s="1064"/>
      <c r="BG72" s="1064"/>
      <c r="BH72" s="1064"/>
      <c r="BI72" s="1064"/>
      <c r="BJ72" s="1064"/>
      <c r="BK72" s="1064"/>
      <c r="BL72" s="1064"/>
      <c r="BM72" s="1064"/>
      <c r="BN72" s="1064"/>
      <c r="BO72" s="1073"/>
      <c r="BP72" s="85"/>
      <c r="BQ72" s="85"/>
      <c r="BR72" s="79"/>
      <c r="BS72" s="79"/>
      <c r="BT72" s="81"/>
    </row>
    <row r="73" spans="1:72" ht="5.25" customHeight="1">
      <c r="A73" s="113"/>
      <c r="B73" s="113"/>
      <c r="D73" s="1045"/>
      <c r="E73" s="1046"/>
      <c r="F73" s="1046"/>
      <c r="G73" s="1046"/>
      <c r="H73" s="1046"/>
      <c r="I73" s="1046"/>
      <c r="J73" s="1047"/>
      <c r="K73" s="1054"/>
      <c r="L73" s="1055"/>
      <c r="M73" s="1055"/>
      <c r="N73" s="1055"/>
      <c r="O73" s="1055"/>
      <c r="P73" s="1055"/>
      <c r="Q73" s="1055"/>
      <c r="R73" s="1055"/>
      <c r="S73" s="1055"/>
      <c r="T73" s="1055"/>
      <c r="U73" s="1055"/>
      <c r="V73" s="1055"/>
      <c r="W73" s="1056"/>
      <c r="X73" s="84"/>
      <c r="Y73" s="1063"/>
      <c r="Z73" s="1064"/>
      <c r="AA73" s="1064"/>
      <c r="AB73" s="1064"/>
      <c r="AC73" s="1065"/>
      <c r="AD73" s="1070"/>
      <c r="AE73" s="1064"/>
      <c r="AF73" s="1064"/>
      <c r="AG73" s="1064"/>
      <c r="AH73" s="1064"/>
      <c r="AI73" s="1064"/>
      <c r="AJ73" s="1064"/>
      <c r="AK73" s="1064"/>
      <c r="AL73" s="1064"/>
      <c r="AM73" s="1064"/>
      <c r="AN73" s="1065"/>
      <c r="AO73" s="936"/>
      <c r="AP73" s="937"/>
      <c r="AQ73" s="937"/>
      <c r="AR73" s="937"/>
      <c r="AS73" s="937"/>
      <c r="AT73" s="937"/>
      <c r="AU73" s="937"/>
      <c r="AV73" s="937"/>
      <c r="AW73" s="937"/>
      <c r="AX73" s="937"/>
      <c r="AY73" s="937"/>
      <c r="AZ73" s="937"/>
      <c r="BA73" s="937"/>
      <c r="BB73" s="938"/>
      <c r="BC73" s="1070"/>
      <c r="BD73" s="1064"/>
      <c r="BE73" s="1064"/>
      <c r="BF73" s="1064"/>
      <c r="BG73" s="1064"/>
      <c r="BH73" s="1064"/>
      <c r="BI73" s="1064"/>
      <c r="BJ73" s="1064"/>
      <c r="BK73" s="1064"/>
      <c r="BL73" s="1064"/>
      <c r="BM73" s="1064"/>
      <c r="BN73" s="1064"/>
      <c r="BO73" s="1073"/>
      <c r="BP73" s="85"/>
      <c r="BQ73" s="85"/>
      <c r="BR73" s="79"/>
      <c r="BS73" s="79"/>
      <c r="BT73" s="81"/>
    </row>
    <row r="74" spans="1:72" ht="5.25" customHeight="1">
      <c r="A74" s="113"/>
      <c r="B74" s="113"/>
      <c r="D74" s="1045"/>
      <c r="E74" s="1046"/>
      <c r="F74" s="1046"/>
      <c r="G74" s="1046"/>
      <c r="H74" s="1046"/>
      <c r="I74" s="1046"/>
      <c r="J74" s="1047"/>
      <c r="K74" s="1054"/>
      <c r="L74" s="1055"/>
      <c r="M74" s="1055"/>
      <c r="N74" s="1055"/>
      <c r="O74" s="1055"/>
      <c r="P74" s="1055"/>
      <c r="Q74" s="1055"/>
      <c r="R74" s="1055"/>
      <c r="S74" s="1055"/>
      <c r="T74" s="1055"/>
      <c r="U74" s="1055"/>
      <c r="V74" s="1055"/>
      <c r="W74" s="1056"/>
      <c r="X74" s="84"/>
      <c r="Y74" s="1063"/>
      <c r="Z74" s="1064"/>
      <c r="AA74" s="1064"/>
      <c r="AB74" s="1064"/>
      <c r="AC74" s="1065"/>
      <c r="AD74" s="1070"/>
      <c r="AE74" s="1064"/>
      <c r="AF74" s="1064"/>
      <c r="AG74" s="1064"/>
      <c r="AH74" s="1064"/>
      <c r="AI74" s="1064"/>
      <c r="AJ74" s="1064"/>
      <c r="AK74" s="1064"/>
      <c r="AL74" s="1064"/>
      <c r="AM74" s="1064"/>
      <c r="AN74" s="1065"/>
      <c r="AO74" s="936"/>
      <c r="AP74" s="937"/>
      <c r="AQ74" s="937"/>
      <c r="AR74" s="937"/>
      <c r="AS74" s="937"/>
      <c r="AT74" s="937"/>
      <c r="AU74" s="937"/>
      <c r="AV74" s="937"/>
      <c r="AW74" s="937"/>
      <c r="AX74" s="937"/>
      <c r="AY74" s="937"/>
      <c r="AZ74" s="937"/>
      <c r="BA74" s="937"/>
      <c r="BB74" s="938"/>
      <c r="BC74" s="1070"/>
      <c r="BD74" s="1064"/>
      <c r="BE74" s="1064"/>
      <c r="BF74" s="1064"/>
      <c r="BG74" s="1064"/>
      <c r="BH74" s="1064"/>
      <c r="BI74" s="1064"/>
      <c r="BJ74" s="1064"/>
      <c r="BK74" s="1064"/>
      <c r="BL74" s="1064"/>
      <c r="BM74" s="1064"/>
      <c r="BN74" s="1064"/>
      <c r="BO74" s="1073"/>
      <c r="BP74" s="85"/>
      <c r="BQ74" s="85"/>
      <c r="BR74" s="79"/>
      <c r="BS74" s="79"/>
      <c r="BT74" s="81"/>
    </row>
    <row r="75" spans="1:72" ht="5.25" customHeight="1">
      <c r="A75" s="113"/>
      <c r="B75" s="113"/>
      <c r="D75" s="1048"/>
      <c r="E75" s="1049"/>
      <c r="F75" s="1049"/>
      <c r="G75" s="1049"/>
      <c r="H75" s="1049"/>
      <c r="I75" s="1049"/>
      <c r="J75" s="1050"/>
      <c r="K75" s="1057"/>
      <c r="L75" s="1058"/>
      <c r="M75" s="1058"/>
      <c r="N75" s="1058"/>
      <c r="O75" s="1058"/>
      <c r="P75" s="1058"/>
      <c r="Q75" s="1058"/>
      <c r="R75" s="1058"/>
      <c r="S75" s="1058"/>
      <c r="T75" s="1058"/>
      <c r="U75" s="1058"/>
      <c r="V75" s="1058"/>
      <c r="W75" s="1059"/>
      <c r="X75" s="84"/>
      <c r="Y75" s="1066"/>
      <c r="Z75" s="1067"/>
      <c r="AA75" s="1067"/>
      <c r="AB75" s="1067"/>
      <c r="AC75" s="1068"/>
      <c r="AD75" s="1071"/>
      <c r="AE75" s="1067"/>
      <c r="AF75" s="1067"/>
      <c r="AG75" s="1067"/>
      <c r="AH75" s="1067"/>
      <c r="AI75" s="1067"/>
      <c r="AJ75" s="1067"/>
      <c r="AK75" s="1067"/>
      <c r="AL75" s="1067"/>
      <c r="AM75" s="1067"/>
      <c r="AN75" s="1068"/>
      <c r="AO75" s="939"/>
      <c r="AP75" s="940"/>
      <c r="AQ75" s="940"/>
      <c r="AR75" s="940"/>
      <c r="AS75" s="940"/>
      <c r="AT75" s="940"/>
      <c r="AU75" s="940"/>
      <c r="AV75" s="940"/>
      <c r="AW75" s="940"/>
      <c r="AX75" s="940"/>
      <c r="AY75" s="940"/>
      <c r="AZ75" s="940"/>
      <c r="BA75" s="940"/>
      <c r="BB75" s="941"/>
      <c r="BC75" s="1071"/>
      <c r="BD75" s="1067"/>
      <c r="BE75" s="1067"/>
      <c r="BF75" s="1067"/>
      <c r="BG75" s="1067"/>
      <c r="BH75" s="1067"/>
      <c r="BI75" s="1067"/>
      <c r="BJ75" s="1067"/>
      <c r="BK75" s="1067"/>
      <c r="BL75" s="1067"/>
      <c r="BM75" s="1067"/>
      <c r="BN75" s="1067"/>
      <c r="BO75" s="1074"/>
      <c r="BP75" s="85"/>
      <c r="BQ75" s="85"/>
      <c r="BR75" s="79"/>
      <c r="BS75" s="79"/>
      <c r="BT75" s="81"/>
    </row>
    <row r="76" spans="1:72" ht="5.25" customHeight="1">
      <c r="A76" s="113"/>
      <c r="B76" s="113"/>
      <c r="D76" s="1037" t="s">
        <v>224</v>
      </c>
      <c r="E76" s="1038"/>
      <c r="F76" s="1038"/>
      <c r="G76" s="1038"/>
      <c r="H76" s="1038"/>
      <c r="I76" s="1038"/>
      <c r="J76" s="1039"/>
      <c r="K76" s="1051"/>
      <c r="L76" s="1052"/>
      <c r="M76" s="1052"/>
      <c r="N76" s="1052"/>
      <c r="O76" s="1052"/>
      <c r="P76" s="1052"/>
      <c r="Q76" s="1052"/>
      <c r="R76" s="1052"/>
      <c r="S76" s="1052"/>
      <c r="T76" s="1052"/>
      <c r="U76" s="1052"/>
      <c r="V76" s="1052"/>
      <c r="W76" s="1053"/>
      <c r="X76" s="84"/>
      <c r="Y76" s="1060"/>
      <c r="Z76" s="1061"/>
      <c r="AA76" s="1061"/>
      <c r="AB76" s="1061"/>
      <c r="AC76" s="1062"/>
      <c r="AD76" s="1069"/>
      <c r="AE76" s="1061"/>
      <c r="AF76" s="1061"/>
      <c r="AG76" s="1061"/>
      <c r="AH76" s="1061"/>
      <c r="AI76" s="1061"/>
      <c r="AJ76" s="1061"/>
      <c r="AK76" s="1061"/>
      <c r="AL76" s="1061"/>
      <c r="AM76" s="1061"/>
      <c r="AN76" s="1062"/>
      <c r="AO76" s="1025"/>
      <c r="AP76" s="1026"/>
      <c r="AQ76" s="1026"/>
      <c r="AR76" s="1026"/>
      <c r="AS76" s="1026"/>
      <c r="AT76" s="1026"/>
      <c r="AU76" s="1026"/>
      <c r="AV76" s="1026"/>
      <c r="AW76" s="1026"/>
      <c r="AX76" s="1026"/>
      <c r="AY76" s="1026"/>
      <c r="AZ76" s="1026"/>
      <c r="BA76" s="1026"/>
      <c r="BB76" s="1027"/>
      <c r="BC76" s="1025"/>
      <c r="BD76" s="1061"/>
      <c r="BE76" s="1061"/>
      <c r="BF76" s="1061"/>
      <c r="BG76" s="1061"/>
      <c r="BH76" s="1061"/>
      <c r="BI76" s="1061"/>
      <c r="BJ76" s="1061"/>
      <c r="BK76" s="1061"/>
      <c r="BL76" s="1061"/>
      <c r="BM76" s="1061"/>
      <c r="BN76" s="1061"/>
      <c r="BO76" s="1072"/>
      <c r="BP76" s="85"/>
      <c r="BQ76" s="85"/>
      <c r="BR76" s="79"/>
      <c r="BS76" s="79"/>
      <c r="BT76" s="81"/>
    </row>
    <row r="77" spans="1:72" ht="5.25" customHeight="1">
      <c r="A77" s="113"/>
      <c r="B77" s="113"/>
      <c r="D77" s="1040"/>
      <c r="E77" s="964"/>
      <c r="F77" s="964"/>
      <c r="G77" s="964"/>
      <c r="H77" s="964"/>
      <c r="I77" s="964"/>
      <c r="J77" s="965"/>
      <c r="K77" s="1054"/>
      <c r="L77" s="1055"/>
      <c r="M77" s="1055"/>
      <c r="N77" s="1055"/>
      <c r="O77" s="1055"/>
      <c r="P77" s="1055"/>
      <c r="Q77" s="1055"/>
      <c r="R77" s="1055"/>
      <c r="S77" s="1055"/>
      <c r="T77" s="1055"/>
      <c r="U77" s="1055"/>
      <c r="V77" s="1055"/>
      <c r="W77" s="1056"/>
      <c r="X77" s="84"/>
      <c r="Y77" s="1063"/>
      <c r="Z77" s="1064"/>
      <c r="AA77" s="1064"/>
      <c r="AB77" s="1064"/>
      <c r="AC77" s="1065"/>
      <c r="AD77" s="1070"/>
      <c r="AE77" s="1064"/>
      <c r="AF77" s="1064"/>
      <c r="AG77" s="1064"/>
      <c r="AH77" s="1064"/>
      <c r="AI77" s="1064"/>
      <c r="AJ77" s="1064"/>
      <c r="AK77" s="1064"/>
      <c r="AL77" s="1064"/>
      <c r="AM77" s="1064"/>
      <c r="AN77" s="1065"/>
      <c r="AO77" s="1028"/>
      <c r="AP77" s="1029"/>
      <c r="AQ77" s="1029"/>
      <c r="AR77" s="1029"/>
      <c r="AS77" s="1029"/>
      <c r="AT77" s="1029"/>
      <c r="AU77" s="1029"/>
      <c r="AV77" s="1029"/>
      <c r="AW77" s="1029"/>
      <c r="AX77" s="1029"/>
      <c r="AY77" s="1029"/>
      <c r="AZ77" s="1029"/>
      <c r="BA77" s="1029"/>
      <c r="BB77" s="1030"/>
      <c r="BC77" s="1070"/>
      <c r="BD77" s="1064"/>
      <c r="BE77" s="1064"/>
      <c r="BF77" s="1064"/>
      <c r="BG77" s="1064"/>
      <c r="BH77" s="1064"/>
      <c r="BI77" s="1064"/>
      <c r="BJ77" s="1064"/>
      <c r="BK77" s="1064"/>
      <c r="BL77" s="1064"/>
      <c r="BM77" s="1064"/>
      <c r="BN77" s="1064"/>
      <c r="BO77" s="1073"/>
      <c r="BP77" s="85"/>
      <c r="BQ77" s="85"/>
      <c r="BR77" s="79"/>
      <c r="BS77" s="79"/>
      <c r="BT77" s="81"/>
    </row>
    <row r="78" spans="1:72" ht="5.25" customHeight="1">
      <c r="A78" s="113"/>
      <c r="B78" s="113"/>
      <c r="D78" s="1040"/>
      <c r="E78" s="964"/>
      <c r="F78" s="964"/>
      <c r="G78" s="964"/>
      <c r="H78" s="964"/>
      <c r="I78" s="964"/>
      <c r="J78" s="965"/>
      <c r="K78" s="1054"/>
      <c r="L78" s="1055"/>
      <c r="M78" s="1055"/>
      <c r="N78" s="1055"/>
      <c r="O78" s="1055"/>
      <c r="P78" s="1055"/>
      <c r="Q78" s="1055"/>
      <c r="R78" s="1055"/>
      <c r="S78" s="1055"/>
      <c r="T78" s="1055"/>
      <c r="U78" s="1055"/>
      <c r="V78" s="1055"/>
      <c r="W78" s="1056"/>
      <c r="X78" s="84"/>
      <c r="Y78" s="1063"/>
      <c r="Z78" s="1064"/>
      <c r="AA78" s="1064"/>
      <c r="AB78" s="1064"/>
      <c r="AC78" s="1065"/>
      <c r="AD78" s="1070"/>
      <c r="AE78" s="1064"/>
      <c r="AF78" s="1064"/>
      <c r="AG78" s="1064"/>
      <c r="AH78" s="1064"/>
      <c r="AI78" s="1064"/>
      <c r="AJ78" s="1064"/>
      <c r="AK78" s="1064"/>
      <c r="AL78" s="1064"/>
      <c r="AM78" s="1064"/>
      <c r="AN78" s="1065"/>
      <c r="AO78" s="1028"/>
      <c r="AP78" s="1029"/>
      <c r="AQ78" s="1029"/>
      <c r="AR78" s="1029"/>
      <c r="AS78" s="1029"/>
      <c r="AT78" s="1029"/>
      <c r="AU78" s="1029"/>
      <c r="AV78" s="1029"/>
      <c r="AW78" s="1029"/>
      <c r="AX78" s="1029"/>
      <c r="AY78" s="1029"/>
      <c r="AZ78" s="1029"/>
      <c r="BA78" s="1029"/>
      <c r="BB78" s="1030"/>
      <c r="BC78" s="1070"/>
      <c r="BD78" s="1064"/>
      <c r="BE78" s="1064"/>
      <c r="BF78" s="1064"/>
      <c r="BG78" s="1064"/>
      <c r="BH78" s="1064"/>
      <c r="BI78" s="1064"/>
      <c r="BJ78" s="1064"/>
      <c r="BK78" s="1064"/>
      <c r="BL78" s="1064"/>
      <c r="BM78" s="1064"/>
      <c r="BN78" s="1064"/>
      <c r="BO78" s="1073"/>
      <c r="BP78" s="85"/>
      <c r="BQ78" s="85"/>
      <c r="BR78" s="79"/>
      <c r="BS78" s="79"/>
      <c r="BT78" s="81"/>
    </row>
    <row r="79" spans="1:72" ht="5.25" customHeight="1">
      <c r="A79" s="113"/>
      <c r="B79" s="113"/>
      <c r="D79" s="1040"/>
      <c r="E79" s="964"/>
      <c r="F79" s="964"/>
      <c r="G79" s="964"/>
      <c r="H79" s="964"/>
      <c r="I79" s="964"/>
      <c r="J79" s="965"/>
      <c r="K79" s="1054"/>
      <c r="L79" s="1055"/>
      <c r="M79" s="1055"/>
      <c r="N79" s="1055"/>
      <c r="O79" s="1055"/>
      <c r="P79" s="1055"/>
      <c r="Q79" s="1055"/>
      <c r="R79" s="1055"/>
      <c r="S79" s="1055"/>
      <c r="T79" s="1055"/>
      <c r="U79" s="1055"/>
      <c r="V79" s="1055"/>
      <c r="W79" s="1056"/>
      <c r="X79" s="84"/>
      <c r="Y79" s="1063"/>
      <c r="Z79" s="1064"/>
      <c r="AA79" s="1064"/>
      <c r="AB79" s="1064"/>
      <c r="AC79" s="1065"/>
      <c r="AD79" s="1070"/>
      <c r="AE79" s="1064"/>
      <c r="AF79" s="1064"/>
      <c r="AG79" s="1064"/>
      <c r="AH79" s="1064"/>
      <c r="AI79" s="1064"/>
      <c r="AJ79" s="1064"/>
      <c r="AK79" s="1064"/>
      <c r="AL79" s="1064"/>
      <c r="AM79" s="1064"/>
      <c r="AN79" s="1065"/>
      <c r="AO79" s="1028"/>
      <c r="AP79" s="1029"/>
      <c r="AQ79" s="1029"/>
      <c r="AR79" s="1029"/>
      <c r="AS79" s="1029"/>
      <c r="AT79" s="1029"/>
      <c r="AU79" s="1029"/>
      <c r="AV79" s="1029"/>
      <c r="AW79" s="1029"/>
      <c r="AX79" s="1029"/>
      <c r="AY79" s="1029"/>
      <c r="AZ79" s="1029"/>
      <c r="BA79" s="1029"/>
      <c r="BB79" s="1030"/>
      <c r="BC79" s="1070"/>
      <c r="BD79" s="1064"/>
      <c r="BE79" s="1064"/>
      <c r="BF79" s="1064"/>
      <c r="BG79" s="1064"/>
      <c r="BH79" s="1064"/>
      <c r="BI79" s="1064"/>
      <c r="BJ79" s="1064"/>
      <c r="BK79" s="1064"/>
      <c r="BL79" s="1064"/>
      <c r="BM79" s="1064"/>
      <c r="BN79" s="1064"/>
      <c r="BO79" s="1073"/>
      <c r="BP79" s="85"/>
      <c r="BQ79" s="85"/>
      <c r="BR79" s="79"/>
      <c r="BS79" s="79"/>
      <c r="BT79" s="81"/>
    </row>
    <row r="80" spans="1:72" ht="5.25" customHeight="1">
      <c r="A80" s="113"/>
      <c r="B80" s="113"/>
      <c r="D80" s="1041"/>
      <c r="E80" s="967"/>
      <c r="F80" s="967"/>
      <c r="G80" s="967"/>
      <c r="H80" s="967"/>
      <c r="I80" s="967"/>
      <c r="J80" s="968"/>
      <c r="K80" s="1057"/>
      <c r="L80" s="1058"/>
      <c r="M80" s="1058"/>
      <c r="N80" s="1058"/>
      <c r="O80" s="1058"/>
      <c r="P80" s="1058"/>
      <c r="Q80" s="1058"/>
      <c r="R80" s="1058"/>
      <c r="S80" s="1058"/>
      <c r="T80" s="1058"/>
      <c r="U80" s="1058"/>
      <c r="V80" s="1058"/>
      <c r="W80" s="1059"/>
      <c r="X80" s="84"/>
      <c r="Y80" s="1066"/>
      <c r="Z80" s="1067"/>
      <c r="AA80" s="1067"/>
      <c r="AB80" s="1067"/>
      <c r="AC80" s="1068"/>
      <c r="AD80" s="1071"/>
      <c r="AE80" s="1067"/>
      <c r="AF80" s="1067"/>
      <c r="AG80" s="1067"/>
      <c r="AH80" s="1067"/>
      <c r="AI80" s="1067"/>
      <c r="AJ80" s="1067"/>
      <c r="AK80" s="1067"/>
      <c r="AL80" s="1067"/>
      <c r="AM80" s="1067"/>
      <c r="AN80" s="1068"/>
      <c r="AO80" s="1031"/>
      <c r="AP80" s="1032"/>
      <c r="AQ80" s="1032"/>
      <c r="AR80" s="1032"/>
      <c r="AS80" s="1032"/>
      <c r="AT80" s="1032"/>
      <c r="AU80" s="1032"/>
      <c r="AV80" s="1032"/>
      <c r="AW80" s="1032"/>
      <c r="AX80" s="1032"/>
      <c r="AY80" s="1032"/>
      <c r="AZ80" s="1032"/>
      <c r="BA80" s="1032"/>
      <c r="BB80" s="1033"/>
      <c r="BC80" s="1071"/>
      <c r="BD80" s="1067"/>
      <c r="BE80" s="1067"/>
      <c r="BF80" s="1067"/>
      <c r="BG80" s="1067"/>
      <c r="BH80" s="1067"/>
      <c r="BI80" s="1067"/>
      <c r="BJ80" s="1067"/>
      <c r="BK80" s="1067"/>
      <c r="BL80" s="1067"/>
      <c r="BM80" s="1067"/>
      <c r="BN80" s="1067"/>
      <c r="BO80" s="1074"/>
      <c r="BP80" s="85"/>
      <c r="BQ80" s="85"/>
      <c r="BR80" s="79"/>
      <c r="BS80" s="79"/>
      <c r="BT80" s="81"/>
    </row>
    <row r="81" spans="1:72" s="79" customFormat="1" ht="5.25" customHeight="1">
      <c r="A81" s="113"/>
      <c r="B81" s="113"/>
      <c r="D81" s="1037" t="s">
        <v>12</v>
      </c>
      <c r="E81" s="1038"/>
      <c r="F81" s="1038"/>
      <c r="G81" s="1038"/>
      <c r="H81" s="1038"/>
      <c r="I81" s="1038"/>
      <c r="J81" s="1039"/>
      <c r="K81" s="1105"/>
      <c r="L81" s="1106"/>
      <c r="M81" s="1106"/>
      <c r="N81" s="1106"/>
      <c r="O81" s="1106"/>
      <c r="P81" s="1106"/>
      <c r="Q81" s="1106"/>
      <c r="R81" s="1106"/>
      <c r="S81" s="1106"/>
      <c r="T81" s="1106"/>
      <c r="U81" s="1106"/>
      <c r="V81" s="1106"/>
      <c r="W81" s="1107"/>
      <c r="X81" s="84"/>
      <c r="Y81" s="1060"/>
      <c r="Z81" s="1061"/>
      <c r="AA81" s="1061"/>
      <c r="AB81" s="1061"/>
      <c r="AC81" s="1062"/>
      <c r="AD81" s="1069"/>
      <c r="AE81" s="1061"/>
      <c r="AF81" s="1061"/>
      <c r="AG81" s="1061"/>
      <c r="AH81" s="1061"/>
      <c r="AI81" s="1061"/>
      <c r="AJ81" s="1061"/>
      <c r="AK81" s="1061"/>
      <c r="AL81" s="1061"/>
      <c r="AM81" s="1061"/>
      <c r="AN81" s="1062"/>
      <c r="AO81" s="1025"/>
      <c r="AP81" s="1061"/>
      <c r="AQ81" s="1061"/>
      <c r="AR81" s="1061"/>
      <c r="AS81" s="1061"/>
      <c r="AT81" s="1061"/>
      <c r="AU81" s="1061"/>
      <c r="AV81" s="1061"/>
      <c r="AW81" s="1061"/>
      <c r="AX81" s="1061"/>
      <c r="AY81" s="1061"/>
      <c r="AZ81" s="1061"/>
      <c r="BA81" s="1061"/>
      <c r="BB81" s="1062"/>
      <c r="BC81" s="1025"/>
      <c r="BD81" s="1061"/>
      <c r="BE81" s="1061"/>
      <c r="BF81" s="1061"/>
      <c r="BG81" s="1061"/>
      <c r="BH81" s="1061"/>
      <c r="BI81" s="1061"/>
      <c r="BJ81" s="1061"/>
      <c r="BK81" s="1061"/>
      <c r="BL81" s="1061"/>
      <c r="BM81" s="1061"/>
      <c r="BN81" s="1061"/>
      <c r="BO81" s="1072"/>
      <c r="BP81" s="85"/>
      <c r="BQ81" s="85"/>
      <c r="BT81" s="108"/>
    </row>
    <row r="82" spans="1:72" s="79" customFormat="1" ht="5.25" customHeight="1">
      <c r="A82" s="113"/>
      <c r="B82" s="113"/>
      <c r="D82" s="1040"/>
      <c r="E82" s="964"/>
      <c r="F82" s="964"/>
      <c r="G82" s="964"/>
      <c r="H82" s="964"/>
      <c r="I82" s="964"/>
      <c r="J82" s="965"/>
      <c r="K82" s="1108"/>
      <c r="L82" s="1109"/>
      <c r="M82" s="1109"/>
      <c r="N82" s="1109"/>
      <c r="O82" s="1109"/>
      <c r="P82" s="1109"/>
      <c r="Q82" s="1109"/>
      <c r="R82" s="1109"/>
      <c r="S82" s="1109"/>
      <c r="T82" s="1109"/>
      <c r="U82" s="1109"/>
      <c r="V82" s="1109"/>
      <c r="W82" s="1110"/>
      <c r="X82" s="84"/>
      <c r="Y82" s="1063"/>
      <c r="Z82" s="1064"/>
      <c r="AA82" s="1064"/>
      <c r="AB82" s="1064"/>
      <c r="AC82" s="1065"/>
      <c r="AD82" s="1070"/>
      <c r="AE82" s="1064"/>
      <c r="AF82" s="1064"/>
      <c r="AG82" s="1064"/>
      <c r="AH82" s="1064"/>
      <c r="AI82" s="1064"/>
      <c r="AJ82" s="1064"/>
      <c r="AK82" s="1064"/>
      <c r="AL82" s="1064"/>
      <c r="AM82" s="1064"/>
      <c r="AN82" s="1065"/>
      <c r="AO82" s="1070"/>
      <c r="AP82" s="1064"/>
      <c r="AQ82" s="1064"/>
      <c r="AR82" s="1064"/>
      <c r="AS82" s="1064"/>
      <c r="AT82" s="1064"/>
      <c r="AU82" s="1064"/>
      <c r="AV82" s="1064"/>
      <c r="AW82" s="1064"/>
      <c r="AX82" s="1064"/>
      <c r="AY82" s="1064"/>
      <c r="AZ82" s="1064"/>
      <c r="BA82" s="1064"/>
      <c r="BB82" s="1065"/>
      <c r="BC82" s="1070"/>
      <c r="BD82" s="1064"/>
      <c r="BE82" s="1064"/>
      <c r="BF82" s="1064"/>
      <c r="BG82" s="1064"/>
      <c r="BH82" s="1064"/>
      <c r="BI82" s="1064"/>
      <c r="BJ82" s="1064"/>
      <c r="BK82" s="1064"/>
      <c r="BL82" s="1064"/>
      <c r="BM82" s="1064"/>
      <c r="BN82" s="1064"/>
      <c r="BO82" s="1073"/>
      <c r="BP82" s="85"/>
      <c r="BQ82" s="85"/>
      <c r="BT82" s="108"/>
    </row>
    <row r="83" spans="1:72" s="79" customFormat="1" ht="5.25" customHeight="1">
      <c r="A83" s="113"/>
      <c r="B83" s="113"/>
      <c r="D83" s="1040"/>
      <c r="E83" s="964"/>
      <c r="F83" s="964"/>
      <c r="G83" s="964"/>
      <c r="H83" s="964"/>
      <c r="I83" s="964"/>
      <c r="J83" s="965"/>
      <c r="K83" s="1108"/>
      <c r="L83" s="1109"/>
      <c r="M83" s="1109"/>
      <c r="N83" s="1109"/>
      <c r="O83" s="1109"/>
      <c r="P83" s="1109"/>
      <c r="Q83" s="1109"/>
      <c r="R83" s="1109"/>
      <c r="S83" s="1109"/>
      <c r="T83" s="1109"/>
      <c r="U83" s="1109"/>
      <c r="V83" s="1109"/>
      <c r="W83" s="1110"/>
      <c r="X83" s="84"/>
      <c r="Y83" s="1063"/>
      <c r="Z83" s="1064"/>
      <c r="AA83" s="1064"/>
      <c r="AB83" s="1064"/>
      <c r="AC83" s="1065"/>
      <c r="AD83" s="1070"/>
      <c r="AE83" s="1064"/>
      <c r="AF83" s="1064"/>
      <c r="AG83" s="1064"/>
      <c r="AH83" s="1064"/>
      <c r="AI83" s="1064"/>
      <c r="AJ83" s="1064"/>
      <c r="AK83" s="1064"/>
      <c r="AL83" s="1064"/>
      <c r="AM83" s="1064"/>
      <c r="AN83" s="1065"/>
      <c r="AO83" s="1070"/>
      <c r="AP83" s="1064"/>
      <c r="AQ83" s="1064"/>
      <c r="AR83" s="1064"/>
      <c r="AS83" s="1064"/>
      <c r="AT83" s="1064"/>
      <c r="AU83" s="1064"/>
      <c r="AV83" s="1064"/>
      <c r="AW83" s="1064"/>
      <c r="AX83" s="1064"/>
      <c r="AY83" s="1064"/>
      <c r="AZ83" s="1064"/>
      <c r="BA83" s="1064"/>
      <c r="BB83" s="1065"/>
      <c r="BC83" s="1070"/>
      <c r="BD83" s="1064"/>
      <c r="BE83" s="1064"/>
      <c r="BF83" s="1064"/>
      <c r="BG83" s="1064"/>
      <c r="BH83" s="1064"/>
      <c r="BI83" s="1064"/>
      <c r="BJ83" s="1064"/>
      <c r="BK83" s="1064"/>
      <c r="BL83" s="1064"/>
      <c r="BM83" s="1064"/>
      <c r="BN83" s="1064"/>
      <c r="BO83" s="1073"/>
      <c r="BP83" s="85"/>
      <c r="BQ83" s="85"/>
      <c r="BT83" s="108"/>
    </row>
    <row r="84" spans="1:72" s="79" customFormat="1" ht="5.25" customHeight="1">
      <c r="A84" s="113"/>
      <c r="B84" s="113"/>
      <c r="D84" s="1040"/>
      <c r="E84" s="964"/>
      <c r="F84" s="964"/>
      <c r="G84" s="964"/>
      <c r="H84" s="964"/>
      <c r="I84" s="964"/>
      <c r="J84" s="965"/>
      <c r="K84" s="1108"/>
      <c r="L84" s="1109"/>
      <c r="M84" s="1109"/>
      <c r="N84" s="1109"/>
      <c r="O84" s="1109"/>
      <c r="P84" s="1109"/>
      <c r="Q84" s="1109"/>
      <c r="R84" s="1109"/>
      <c r="S84" s="1109"/>
      <c r="T84" s="1109"/>
      <c r="U84" s="1109"/>
      <c r="V84" s="1109"/>
      <c r="W84" s="1110"/>
      <c r="X84" s="84"/>
      <c r="Y84" s="1063"/>
      <c r="Z84" s="1064"/>
      <c r="AA84" s="1064"/>
      <c r="AB84" s="1064"/>
      <c r="AC84" s="1065"/>
      <c r="AD84" s="1070"/>
      <c r="AE84" s="1064"/>
      <c r="AF84" s="1064"/>
      <c r="AG84" s="1064"/>
      <c r="AH84" s="1064"/>
      <c r="AI84" s="1064"/>
      <c r="AJ84" s="1064"/>
      <c r="AK84" s="1064"/>
      <c r="AL84" s="1064"/>
      <c r="AM84" s="1064"/>
      <c r="AN84" s="1065"/>
      <c r="AO84" s="1070"/>
      <c r="AP84" s="1064"/>
      <c r="AQ84" s="1064"/>
      <c r="AR84" s="1064"/>
      <c r="AS84" s="1064"/>
      <c r="AT84" s="1064"/>
      <c r="AU84" s="1064"/>
      <c r="AV84" s="1064"/>
      <c r="AW84" s="1064"/>
      <c r="AX84" s="1064"/>
      <c r="AY84" s="1064"/>
      <c r="AZ84" s="1064"/>
      <c r="BA84" s="1064"/>
      <c r="BB84" s="1065"/>
      <c r="BC84" s="1070"/>
      <c r="BD84" s="1064"/>
      <c r="BE84" s="1064"/>
      <c r="BF84" s="1064"/>
      <c r="BG84" s="1064"/>
      <c r="BH84" s="1064"/>
      <c r="BI84" s="1064"/>
      <c r="BJ84" s="1064"/>
      <c r="BK84" s="1064"/>
      <c r="BL84" s="1064"/>
      <c r="BM84" s="1064"/>
      <c r="BN84" s="1064"/>
      <c r="BO84" s="1073"/>
      <c r="BP84" s="85"/>
      <c r="BQ84" s="85"/>
      <c r="BT84" s="108"/>
    </row>
    <row r="85" spans="1:72" s="79" customFormat="1" ht="5.25" customHeight="1">
      <c r="A85" s="113"/>
      <c r="B85" s="113"/>
      <c r="D85" s="1102"/>
      <c r="E85" s="1103"/>
      <c r="F85" s="1103"/>
      <c r="G85" s="1103"/>
      <c r="H85" s="1103"/>
      <c r="I85" s="1103"/>
      <c r="J85" s="1104"/>
      <c r="K85" s="1111"/>
      <c r="L85" s="1112"/>
      <c r="M85" s="1112"/>
      <c r="N85" s="1112"/>
      <c r="O85" s="1112"/>
      <c r="P85" s="1112"/>
      <c r="Q85" s="1112"/>
      <c r="R85" s="1112"/>
      <c r="S85" s="1112"/>
      <c r="T85" s="1112"/>
      <c r="U85" s="1112"/>
      <c r="V85" s="1112"/>
      <c r="W85" s="1113"/>
      <c r="X85" s="84"/>
      <c r="Y85" s="1114"/>
      <c r="Z85" s="1115"/>
      <c r="AA85" s="1115"/>
      <c r="AB85" s="1115"/>
      <c r="AC85" s="1116"/>
      <c r="AD85" s="1117"/>
      <c r="AE85" s="1115"/>
      <c r="AF85" s="1115"/>
      <c r="AG85" s="1115"/>
      <c r="AH85" s="1115"/>
      <c r="AI85" s="1115"/>
      <c r="AJ85" s="1115"/>
      <c r="AK85" s="1115"/>
      <c r="AL85" s="1115"/>
      <c r="AM85" s="1115"/>
      <c r="AN85" s="1116"/>
      <c r="AO85" s="1117"/>
      <c r="AP85" s="1115"/>
      <c r="AQ85" s="1115"/>
      <c r="AR85" s="1115"/>
      <c r="AS85" s="1115"/>
      <c r="AT85" s="1115"/>
      <c r="AU85" s="1115"/>
      <c r="AV85" s="1115"/>
      <c r="AW85" s="1115"/>
      <c r="AX85" s="1115"/>
      <c r="AY85" s="1115"/>
      <c r="AZ85" s="1115"/>
      <c r="BA85" s="1115"/>
      <c r="BB85" s="1116"/>
      <c r="BC85" s="1117"/>
      <c r="BD85" s="1115"/>
      <c r="BE85" s="1115"/>
      <c r="BF85" s="1115"/>
      <c r="BG85" s="1115"/>
      <c r="BH85" s="1115"/>
      <c r="BI85" s="1115"/>
      <c r="BJ85" s="1115"/>
      <c r="BK85" s="1115"/>
      <c r="BL85" s="1115"/>
      <c r="BM85" s="1115"/>
      <c r="BN85" s="1115"/>
      <c r="BO85" s="1118"/>
      <c r="BP85" s="85"/>
      <c r="BQ85" s="85"/>
      <c r="BT85" s="108"/>
    </row>
    <row r="86" spans="1:72" s="79" customFormat="1" ht="5.25" customHeight="1">
      <c r="A86" s="113"/>
      <c r="B86" s="113"/>
      <c r="BT86" s="108"/>
    </row>
    <row r="87" spans="1:72" s="79" customFormat="1" ht="5.25" customHeight="1">
      <c r="A87" s="113"/>
      <c r="B87" s="113"/>
      <c r="D87" s="907" t="s">
        <v>223</v>
      </c>
      <c r="E87" s="907"/>
      <c r="F87" s="907"/>
      <c r="G87" s="907"/>
      <c r="H87" s="907"/>
      <c r="I87" s="907"/>
      <c r="J87" s="907"/>
      <c r="K87" s="907"/>
      <c r="L87" s="907"/>
      <c r="M87" s="907"/>
      <c r="N87" s="907"/>
      <c r="O87" s="907"/>
      <c r="P87" s="907"/>
      <c r="Q87" s="907"/>
      <c r="R87" s="907"/>
      <c r="S87" s="907"/>
      <c r="T87" s="907"/>
      <c r="U87" s="907"/>
      <c r="V87" s="907"/>
      <c r="W87" s="907"/>
      <c r="X87" s="907"/>
      <c r="Y87" s="907"/>
      <c r="Z87" s="907"/>
      <c r="AA87" s="907"/>
      <c r="AB87" s="907"/>
      <c r="AC87" s="907"/>
      <c r="AD87" s="907"/>
      <c r="AE87" s="907"/>
      <c r="AF87" s="907"/>
      <c r="AG87" s="907"/>
      <c r="AH87" s="907"/>
      <c r="AI87" s="907"/>
      <c r="AJ87" s="907"/>
      <c r="AK87" s="907"/>
      <c r="AL87" s="907"/>
      <c r="AM87" s="907"/>
      <c r="AN87" s="907"/>
      <c r="AO87" s="907"/>
      <c r="AP87" s="907"/>
      <c r="AQ87" s="907"/>
      <c r="AR87" s="84"/>
      <c r="AS87" s="84"/>
      <c r="AT87" s="84"/>
      <c r="AU87" s="84"/>
      <c r="AV87" s="84"/>
      <c r="AW87" s="84"/>
      <c r="AX87" s="84"/>
      <c r="AY87" s="84"/>
      <c r="AZ87" s="84"/>
      <c r="BA87" s="84"/>
      <c r="BB87" s="84"/>
      <c r="BC87" s="84"/>
      <c r="BT87" s="108"/>
    </row>
    <row r="88" spans="1:72" s="79" customFormat="1" ht="5.25" customHeight="1">
      <c r="A88" s="113"/>
      <c r="B88" s="113"/>
      <c r="D88" s="907"/>
      <c r="E88" s="907"/>
      <c r="F88" s="907"/>
      <c r="G88" s="907"/>
      <c r="H88" s="907"/>
      <c r="I88" s="907"/>
      <c r="J88" s="907"/>
      <c r="K88" s="907"/>
      <c r="L88" s="907"/>
      <c r="M88" s="907"/>
      <c r="N88" s="907"/>
      <c r="O88" s="907"/>
      <c r="P88" s="907"/>
      <c r="Q88" s="907"/>
      <c r="R88" s="907"/>
      <c r="S88" s="907"/>
      <c r="T88" s="907"/>
      <c r="U88" s="907"/>
      <c r="V88" s="907"/>
      <c r="W88" s="907"/>
      <c r="X88" s="907"/>
      <c r="Y88" s="907"/>
      <c r="Z88" s="907"/>
      <c r="AA88" s="907"/>
      <c r="AB88" s="907"/>
      <c r="AC88" s="907"/>
      <c r="AD88" s="907"/>
      <c r="AE88" s="907"/>
      <c r="AF88" s="907"/>
      <c r="AG88" s="907"/>
      <c r="AH88" s="907"/>
      <c r="AI88" s="907"/>
      <c r="AJ88" s="907"/>
      <c r="AK88" s="907"/>
      <c r="AL88" s="907"/>
      <c r="AM88" s="907"/>
      <c r="AN88" s="907"/>
      <c r="AO88" s="907"/>
      <c r="AP88" s="907"/>
      <c r="AQ88" s="907"/>
      <c r="AR88" s="84"/>
      <c r="AS88" s="84"/>
      <c r="AT88" s="84"/>
      <c r="AU88" s="84"/>
      <c r="AV88" s="84"/>
      <c r="AW88" s="84"/>
      <c r="AX88" s="84"/>
      <c r="AY88" s="84"/>
      <c r="AZ88" s="84"/>
      <c r="BA88" s="84"/>
      <c r="BB88" s="84"/>
      <c r="BC88" s="84"/>
      <c r="BD88" s="84"/>
      <c r="BE88" s="84"/>
      <c r="BF88" s="84"/>
      <c r="BG88" s="84"/>
      <c r="BH88" s="84"/>
      <c r="BI88" s="84"/>
      <c r="BJ88" s="84"/>
      <c r="BK88" s="84"/>
      <c r="BL88" s="84"/>
      <c r="BM88" s="84"/>
      <c r="BN88" s="84" t="s">
        <v>222</v>
      </c>
      <c r="BO88" s="84"/>
      <c r="BT88" s="108"/>
    </row>
    <row r="89" spans="1:72" s="79" customFormat="1" ht="5.25" customHeight="1">
      <c r="A89" s="113"/>
      <c r="B89" s="113"/>
      <c r="D89" s="908"/>
      <c r="E89" s="908"/>
      <c r="F89" s="908"/>
      <c r="G89" s="908"/>
      <c r="H89" s="908"/>
      <c r="I89" s="908"/>
      <c r="J89" s="908"/>
      <c r="K89" s="908"/>
      <c r="L89" s="908"/>
      <c r="M89" s="908"/>
      <c r="N89" s="908"/>
      <c r="O89" s="908"/>
      <c r="P89" s="908"/>
      <c r="Q89" s="908"/>
      <c r="R89" s="908"/>
      <c r="S89" s="908"/>
      <c r="T89" s="908"/>
      <c r="U89" s="908"/>
      <c r="V89" s="908"/>
      <c r="W89" s="908"/>
      <c r="X89" s="908"/>
      <c r="Y89" s="908"/>
      <c r="Z89" s="908"/>
      <c r="AA89" s="908"/>
      <c r="AB89" s="908"/>
      <c r="AC89" s="908"/>
      <c r="AD89" s="908"/>
      <c r="AE89" s="908"/>
      <c r="AF89" s="908"/>
      <c r="AG89" s="908"/>
      <c r="AH89" s="908"/>
      <c r="AI89" s="908"/>
      <c r="AJ89" s="908"/>
      <c r="AK89" s="908"/>
      <c r="AL89" s="908"/>
      <c r="AM89" s="908"/>
      <c r="AN89" s="908"/>
      <c r="AO89" s="908"/>
      <c r="AP89" s="908"/>
      <c r="AQ89" s="908"/>
      <c r="AR89" s="84"/>
      <c r="AS89" s="84"/>
      <c r="AT89" s="84"/>
      <c r="AU89" s="84"/>
      <c r="AV89" s="84"/>
      <c r="AW89" s="84"/>
      <c r="AX89" s="84"/>
      <c r="AY89" s="84"/>
      <c r="AZ89" s="84"/>
      <c r="BA89" s="84"/>
      <c r="BB89" s="84"/>
      <c r="BC89" s="84"/>
      <c r="BD89" s="84"/>
      <c r="BE89" s="84"/>
      <c r="BF89" s="84"/>
      <c r="BG89" s="84"/>
      <c r="BH89" s="84"/>
      <c r="BI89" s="84"/>
      <c r="BJ89" s="84"/>
      <c r="BK89" s="84"/>
      <c r="BL89" s="84"/>
      <c r="BM89" s="84"/>
      <c r="BN89" s="84"/>
      <c r="BO89" s="84"/>
      <c r="BP89" s="84"/>
      <c r="BQ89" s="84"/>
      <c r="BR89" s="84"/>
      <c r="BS89" s="84"/>
      <c r="BT89" s="108"/>
    </row>
    <row r="90" spans="1:72" s="79" customFormat="1" ht="5.25" customHeight="1">
      <c r="A90" s="113"/>
      <c r="B90" s="113"/>
      <c r="D90" s="1125"/>
      <c r="E90" s="1126"/>
      <c r="F90" s="1126"/>
      <c r="G90" s="1126"/>
      <c r="H90" s="1126"/>
      <c r="I90" s="1126"/>
      <c r="J90" s="1126"/>
      <c r="K90" s="1126"/>
      <c r="L90" s="1126"/>
      <c r="M90" s="1126"/>
      <c r="N90" s="1129" t="s">
        <v>221</v>
      </c>
      <c r="O90" s="1129"/>
      <c r="P90" s="1129"/>
      <c r="Q90" s="1129"/>
      <c r="R90" s="1129"/>
      <c r="S90" s="1129"/>
      <c r="T90" s="1129"/>
      <c r="U90" s="1129"/>
      <c r="V90" s="1129"/>
      <c r="W90" s="1129"/>
      <c r="X90" s="1129"/>
      <c r="Y90" s="1131" t="s">
        <v>220</v>
      </c>
      <c r="Z90" s="1132"/>
      <c r="AA90" s="1132"/>
      <c r="AB90" s="1132"/>
      <c r="AC90" s="1132"/>
      <c r="AD90" s="1132"/>
      <c r="AE90" s="1132"/>
      <c r="AF90" s="1132"/>
      <c r="AG90" s="1132"/>
      <c r="AH90" s="1133"/>
      <c r="AI90" s="909" t="s">
        <v>219</v>
      </c>
      <c r="AJ90" s="910"/>
      <c r="AK90" s="910"/>
      <c r="AL90" s="910"/>
      <c r="AM90" s="910"/>
      <c r="AN90" s="910"/>
      <c r="AO90" s="910"/>
      <c r="AP90" s="910"/>
      <c r="AQ90" s="910"/>
      <c r="AR90" s="910"/>
      <c r="AS90" s="911"/>
      <c r="AT90" s="1140" t="s">
        <v>218</v>
      </c>
      <c r="AU90" s="1140"/>
      <c r="AV90" s="1140"/>
      <c r="AW90" s="1140"/>
      <c r="AX90" s="1140"/>
      <c r="AY90" s="1140"/>
      <c r="AZ90" s="1140"/>
      <c r="BA90" s="1140"/>
      <c r="BB90" s="1140"/>
      <c r="BC90" s="1140"/>
      <c r="BD90" s="909" t="s">
        <v>217</v>
      </c>
      <c r="BE90" s="910"/>
      <c r="BF90" s="910"/>
      <c r="BG90" s="910"/>
      <c r="BH90" s="910"/>
      <c r="BI90" s="910"/>
      <c r="BJ90" s="910"/>
      <c r="BK90" s="910"/>
      <c r="BL90" s="910"/>
      <c r="BM90" s="910"/>
      <c r="BN90" s="910"/>
      <c r="BO90" s="1023"/>
      <c r="BP90" s="84"/>
      <c r="BQ90" s="84"/>
      <c r="BR90" s="84"/>
      <c r="BS90" s="84"/>
      <c r="BT90" s="108"/>
    </row>
    <row r="91" spans="1:72" s="79" customFormat="1" ht="5.25" customHeight="1">
      <c r="A91" s="113"/>
      <c r="B91" s="113"/>
      <c r="D91" s="1127"/>
      <c r="E91" s="1128"/>
      <c r="F91" s="1128"/>
      <c r="G91" s="1128"/>
      <c r="H91" s="1128"/>
      <c r="I91" s="1128"/>
      <c r="J91" s="1128"/>
      <c r="K91" s="1128"/>
      <c r="L91" s="1128"/>
      <c r="M91" s="1128"/>
      <c r="N91" s="1130"/>
      <c r="O91" s="1130"/>
      <c r="P91" s="1130"/>
      <c r="Q91" s="1130"/>
      <c r="R91" s="1130"/>
      <c r="S91" s="1130"/>
      <c r="T91" s="1130"/>
      <c r="U91" s="1130"/>
      <c r="V91" s="1130"/>
      <c r="W91" s="1130"/>
      <c r="X91" s="1130"/>
      <c r="Y91" s="1134"/>
      <c r="Z91" s="1135"/>
      <c r="AA91" s="1135"/>
      <c r="AB91" s="1135"/>
      <c r="AC91" s="1135"/>
      <c r="AD91" s="1135"/>
      <c r="AE91" s="1135"/>
      <c r="AF91" s="1135"/>
      <c r="AG91" s="1135"/>
      <c r="AH91" s="1136"/>
      <c r="AI91" s="912"/>
      <c r="AJ91" s="913"/>
      <c r="AK91" s="913"/>
      <c r="AL91" s="913"/>
      <c r="AM91" s="913"/>
      <c r="AN91" s="913"/>
      <c r="AO91" s="913"/>
      <c r="AP91" s="913"/>
      <c r="AQ91" s="913"/>
      <c r="AR91" s="913"/>
      <c r="AS91" s="914"/>
      <c r="AT91" s="1141"/>
      <c r="AU91" s="1141"/>
      <c r="AV91" s="1141"/>
      <c r="AW91" s="1141"/>
      <c r="AX91" s="1141"/>
      <c r="AY91" s="1141"/>
      <c r="AZ91" s="1141"/>
      <c r="BA91" s="1141"/>
      <c r="BB91" s="1141"/>
      <c r="BC91" s="1141"/>
      <c r="BD91" s="912"/>
      <c r="BE91" s="913"/>
      <c r="BF91" s="913"/>
      <c r="BG91" s="913"/>
      <c r="BH91" s="913"/>
      <c r="BI91" s="913"/>
      <c r="BJ91" s="913"/>
      <c r="BK91" s="913"/>
      <c r="BL91" s="913"/>
      <c r="BM91" s="913"/>
      <c r="BN91" s="913"/>
      <c r="BO91" s="1024"/>
      <c r="BP91" s="84"/>
      <c r="BQ91" s="84"/>
      <c r="BR91" s="84"/>
      <c r="BS91" s="84"/>
      <c r="BT91" s="108"/>
    </row>
    <row r="92" spans="1:72" s="79" customFormat="1" ht="5.25" customHeight="1">
      <c r="A92" s="113"/>
      <c r="B92" s="113"/>
      <c r="D92" s="1127"/>
      <c r="E92" s="1128"/>
      <c r="F92" s="1128"/>
      <c r="G92" s="1128"/>
      <c r="H92" s="1128"/>
      <c r="I92" s="1128"/>
      <c r="J92" s="1128"/>
      <c r="K92" s="1128"/>
      <c r="L92" s="1128"/>
      <c r="M92" s="1128"/>
      <c r="N92" s="1130"/>
      <c r="O92" s="1130"/>
      <c r="P92" s="1130"/>
      <c r="Q92" s="1130"/>
      <c r="R92" s="1130"/>
      <c r="S92" s="1130"/>
      <c r="T92" s="1130"/>
      <c r="U92" s="1130"/>
      <c r="V92" s="1130"/>
      <c r="W92" s="1130"/>
      <c r="X92" s="1130"/>
      <c r="Y92" s="1134"/>
      <c r="Z92" s="1135"/>
      <c r="AA92" s="1135"/>
      <c r="AB92" s="1135"/>
      <c r="AC92" s="1135"/>
      <c r="AD92" s="1135"/>
      <c r="AE92" s="1135"/>
      <c r="AF92" s="1135"/>
      <c r="AG92" s="1135"/>
      <c r="AH92" s="1136"/>
      <c r="AI92" s="1157" t="s">
        <v>216</v>
      </c>
      <c r="AJ92" s="985"/>
      <c r="AK92" s="985"/>
      <c r="AL92" s="985"/>
      <c r="AM92" s="985"/>
      <c r="AN92" s="985"/>
      <c r="AO92" s="985"/>
      <c r="AP92" s="985"/>
      <c r="AQ92" s="985"/>
      <c r="AR92" s="985"/>
      <c r="AS92" s="986"/>
      <c r="AT92" s="1141"/>
      <c r="AU92" s="1141"/>
      <c r="AV92" s="1141"/>
      <c r="AW92" s="1141"/>
      <c r="AX92" s="1141"/>
      <c r="AY92" s="1141"/>
      <c r="AZ92" s="1141"/>
      <c r="BA92" s="1141"/>
      <c r="BB92" s="1141"/>
      <c r="BC92" s="1141"/>
      <c r="BD92" s="1157" t="s">
        <v>215</v>
      </c>
      <c r="BE92" s="985"/>
      <c r="BF92" s="985"/>
      <c r="BG92" s="985"/>
      <c r="BH92" s="985"/>
      <c r="BI92" s="985"/>
      <c r="BJ92" s="985"/>
      <c r="BK92" s="985"/>
      <c r="BL92" s="985"/>
      <c r="BM92" s="985"/>
      <c r="BN92" s="985"/>
      <c r="BO92" s="1159"/>
      <c r="BP92" s="84"/>
      <c r="BQ92" s="84"/>
      <c r="BR92" s="84"/>
      <c r="BS92" s="84"/>
      <c r="BT92" s="108"/>
    </row>
    <row r="93" spans="1:72" s="79" customFormat="1" ht="5.25" customHeight="1">
      <c r="A93" s="113"/>
      <c r="B93" s="113"/>
      <c r="D93" s="1127"/>
      <c r="E93" s="1128"/>
      <c r="F93" s="1128"/>
      <c r="G93" s="1128"/>
      <c r="H93" s="1128"/>
      <c r="I93" s="1128"/>
      <c r="J93" s="1128"/>
      <c r="K93" s="1128"/>
      <c r="L93" s="1128"/>
      <c r="M93" s="1128"/>
      <c r="N93" s="1130"/>
      <c r="O93" s="1130"/>
      <c r="P93" s="1130"/>
      <c r="Q93" s="1130"/>
      <c r="R93" s="1130"/>
      <c r="S93" s="1130"/>
      <c r="T93" s="1130"/>
      <c r="U93" s="1130"/>
      <c r="V93" s="1130"/>
      <c r="W93" s="1130"/>
      <c r="X93" s="1130"/>
      <c r="Y93" s="1137"/>
      <c r="Z93" s="1138"/>
      <c r="AA93" s="1138"/>
      <c r="AB93" s="1138"/>
      <c r="AC93" s="1138"/>
      <c r="AD93" s="1138"/>
      <c r="AE93" s="1138"/>
      <c r="AF93" s="1138"/>
      <c r="AG93" s="1138"/>
      <c r="AH93" s="1139"/>
      <c r="AI93" s="1158"/>
      <c r="AJ93" s="988"/>
      <c r="AK93" s="988"/>
      <c r="AL93" s="988"/>
      <c r="AM93" s="988"/>
      <c r="AN93" s="988"/>
      <c r="AO93" s="988"/>
      <c r="AP93" s="988"/>
      <c r="AQ93" s="988"/>
      <c r="AR93" s="988"/>
      <c r="AS93" s="989"/>
      <c r="AT93" s="1142"/>
      <c r="AU93" s="1142"/>
      <c r="AV93" s="1142"/>
      <c r="AW93" s="1142"/>
      <c r="AX93" s="1142"/>
      <c r="AY93" s="1142"/>
      <c r="AZ93" s="1142"/>
      <c r="BA93" s="1142"/>
      <c r="BB93" s="1142"/>
      <c r="BC93" s="1142"/>
      <c r="BD93" s="1158"/>
      <c r="BE93" s="988"/>
      <c r="BF93" s="988"/>
      <c r="BG93" s="988"/>
      <c r="BH93" s="988"/>
      <c r="BI93" s="988"/>
      <c r="BJ93" s="988"/>
      <c r="BK93" s="988"/>
      <c r="BL93" s="988"/>
      <c r="BM93" s="988"/>
      <c r="BN93" s="988"/>
      <c r="BO93" s="1160"/>
      <c r="BP93" s="84"/>
      <c r="BQ93" s="84"/>
      <c r="BR93" s="84"/>
      <c r="BS93" s="84"/>
      <c r="BT93" s="108"/>
    </row>
    <row r="94" spans="1:72" s="79" customFormat="1" ht="5.25" customHeight="1">
      <c r="A94" s="113"/>
      <c r="B94" s="113"/>
      <c r="D94" s="1119" t="s">
        <v>214</v>
      </c>
      <c r="E94" s="1120"/>
      <c r="F94" s="1120"/>
      <c r="G94" s="1120"/>
      <c r="H94" s="1120"/>
      <c r="I94" s="1121" t="s">
        <v>213</v>
      </c>
      <c r="J94" s="1121"/>
      <c r="K94" s="1121"/>
      <c r="L94" s="1121"/>
      <c r="M94" s="1121"/>
      <c r="N94" s="1122" t="s">
        <v>4</v>
      </c>
      <c r="O94" s="1122"/>
      <c r="P94" s="1122"/>
      <c r="Q94" s="1122"/>
      <c r="R94" s="1122"/>
      <c r="S94" s="1122"/>
      <c r="T94" s="1122"/>
      <c r="U94" s="1122"/>
      <c r="V94" s="1122"/>
      <c r="W94" s="1122"/>
      <c r="X94" s="1122"/>
      <c r="Y94" s="933" t="s">
        <v>4</v>
      </c>
      <c r="Z94" s="934"/>
      <c r="AA94" s="934"/>
      <c r="AB94" s="934"/>
      <c r="AC94" s="934"/>
      <c r="AD94" s="934"/>
      <c r="AE94" s="934"/>
      <c r="AF94" s="934"/>
      <c r="AG94" s="934"/>
      <c r="AH94" s="935"/>
      <c r="AI94" s="1122" t="s">
        <v>4</v>
      </c>
      <c r="AJ94" s="1122"/>
      <c r="AK94" s="1122"/>
      <c r="AL94" s="1122"/>
      <c r="AM94" s="1122"/>
      <c r="AN94" s="1122"/>
      <c r="AO94" s="1122"/>
      <c r="AP94" s="1122"/>
      <c r="AQ94" s="1122"/>
      <c r="AR94" s="1122"/>
      <c r="AS94" s="1122"/>
      <c r="AT94" s="933" t="s">
        <v>4</v>
      </c>
      <c r="AU94" s="934"/>
      <c r="AV94" s="934"/>
      <c r="AW94" s="934"/>
      <c r="AX94" s="934"/>
      <c r="AY94" s="934"/>
      <c r="AZ94" s="934"/>
      <c r="BA94" s="934"/>
      <c r="BB94" s="934"/>
      <c r="BC94" s="935"/>
      <c r="BD94" s="1123" t="s">
        <v>212</v>
      </c>
      <c r="BE94" s="1124"/>
      <c r="BF94" s="1124"/>
      <c r="BG94" s="1124"/>
      <c r="BH94" s="1124"/>
      <c r="BI94" s="1124"/>
      <c r="BJ94" s="1124"/>
      <c r="BK94" s="1143" t="s">
        <v>4</v>
      </c>
      <c r="BL94" s="1143"/>
      <c r="BM94" s="1143"/>
      <c r="BN94" s="1143"/>
      <c r="BO94" s="1144"/>
      <c r="BP94" s="84"/>
      <c r="BQ94" s="84"/>
      <c r="BR94" s="84"/>
      <c r="BS94" s="84"/>
      <c r="BT94" s="108"/>
    </row>
    <row r="95" spans="1:72" s="79" customFormat="1" ht="5.25" customHeight="1">
      <c r="A95" s="113"/>
      <c r="B95" s="113"/>
      <c r="D95" s="1119"/>
      <c r="E95" s="1120"/>
      <c r="F95" s="1120"/>
      <c r="G95" s="1120"/>
      <c r="H95" s="1120"/>
      <c r="I95" s="1121"/>
      <c r="J95" s="1121"/>
      <c r="K95" s="1121"/>
      <c r="L95" s="1121"/>
      <c r="M95" s="1121"/>
      <c r="N95" s="1122"/>
      <c r="O95" s="1122"/>
      <c r="P95" s="1122"/>
      <c r="Q95" s="1122"/>
      <c r="R95" s="1122"/>
      <c r="S95" s="1122"/>
      <c r="T95" s="1122"/>
      <c r="U95" s="1122"/>
      <c r="V95" s="1122"/>
      <c r="W95" s="1122"/>
      <c r="X95" s="1122"/>
      <c r="Y95" s="936"/>
      <c r="Z95" s="937"/>
      <c r="AA95" s="937"/>
      <c r="AB95" s="937"/>
      <c r="AC95" s="937"/>
      <c r="AD95" s="937"/>
      <c r="AE95" s="937"/>
      <c r="AF95" s="937"/>
      <c r="AG95" s="937"/>
      <c r="AH95" s="938"/>
      <c r="AI95" s="1122"/>
      <c r="AJ95" s="1122"/>
      <c r="AK95" s="1122"/>
      <c r="AL95" s="1122"/>
      <c r="AM95" s="1122"/>
      <c r="AN95" s="1122"/>
      <c r="AO95" s="1122"/>
      <c r="AP95" s="1122"/>
      <c r="AQ95" s="1122"/>
      <c r="AR95" s="1122"/>
      <c r="AS95" s="1122"/>
      <c r="AT95" s="936"/>
      <c r="AU95" s="937"/>
      <c r="AV95" s="937"/>
      <c r="AW95" s="937"/>
      <c r="AX95" s="937"/>
      <c r="AY95" s="937"/>
      <c r="AZ95" s="937"/>
      <c r="BA95" s="937"/>
      <c r="BB95" s="937"/>
      <c r="BC95" s="938"/>
      <c r="BD95" s="1123"/>
      <c r="BE95" s="1124"/>
      <c r="BF95" s="1124"/>
      <c r="BG95" s="1124"/>
      <c r="BH95" s="1124"/>
      <c r="BI95" s="1124"/>
      <c r="BJ95" s="1124"/>
      <c r="BK95" s="1143"/>
      <c r="BL95" s="1143"/>
      <c r="BM95" s="1143"/>
      <c r="BN95" s="1143"/>
      <c r="BO95" s="1144"/>
      <c r="BP95" s="84"/>
      <c r="BQ95" s="84"/>
      <c r="BR95" s="84"/>
      <c r="BS95" s="84"/>
      <c r="BT95" s="108"/>
    </row>
    <row r="96" spans="1:72" s="79" customFormat="1" ht="5.25" customHeight="1">
      <c r="A96" s="113"/>
      <c r="B96" s="113"/>
      <c r="D96" s="1119"/>
      <c r="E96" s="1120"/>
      <c r="F96" s="1120"/>
      <c r="G96" s="1120"/>
      <c r="H96" s="1120"/>
      <c r="I96" s="1121"/>
      <c r="J96" s="1121"/>
      <c r="K96" s="1121"/>
      <c r="L96" s="1121"/>
      <c r="M96" s="1121"/>
      <c r="N96" s="1122"/>
      <c r="O96" s="1122"/>
      <c r="P96" s="1122"/>
      <c r="Q96" s="1122"/>
      <c r="R96" s="1122"/>
      <c r="S96" s="1122"/>
      <c r="T96" s="1122"/>
      <c r="U96" s="1122"/>
      <c r="V96" s="1122"/>
      <c r="W96" s="1122"/>
      <c r="X96" s="1122"/>
      <c r="Y96" s="936"/>
      <c r="Z96" s="937"/>
      <c r="AA96" s="937"/>
      <c r="AB96" s="937"/>
      <c r="AC96" s="937"/>
      <c r="AD96" s="937"/>
      <c r="AE96" s="937"/>
      <c r="AF96" s="937"/>
      <c r="AG96" s="937"/>
      <c r="AH96" s="938"/>
      <c r="AI96" s="1122"/>
      <c r="AJ96" s="1122"/>
      <c r="AK96" s="1122"/>
      <c r="AL96" s="1122"/>
      <c r="AM96" s="1122"/>
      <c r="AN96" s="1122"/>
      <c r="AO96" s="1122"/>
      <c r="AP96" s="1122"/>
      <c r="AQ96" s="1122"/>
      <c r="AR96" s="1122"/>
      <c r="AS96" s="1122"/>
      <c r="AT96" s="936"/>
      <c r="AU96" s="937"/>
      <c r="AV96" s="937"/>
      <c r="AW96" s="937"/>
      <c r="AX96" s="937"/>
      <c r="AY96" s="937"/>
      <c r="AZ96" s="937"/>
      <c r="BA96" s="937"/>
      <c r="BB96" s="937"/>
      <c r="BC96" s="938"/>
      <c r="BD96" s="1123"/>
      <c r="BE96" s="1124"/>
      <c r="BF96" s="1124"/>
      <c r="BG96" s="1124"/>
      <c r="BH96" s="1124"/>
      <c r="BI96" s="1124"/>
      <c r="BJ96" s="1124"/>
      <c r="BK96" s="1143"/>
      <c r="BL96" s="1143"/>
      <c r="BM96" s="1143"/>
      <c r="BN96" s="1143"/>
      <c r="BO96" s="1144"/>
      <c r="BP96" s="260"/>
      <c r="BQ96" s="260"/>
      <c r="BR96" s="243"/>
      <c r="BS96" s="84"/>
      <c r="BT96" s="108"/>
    </row>
    <row r="97" spans="1:72" s="79" customFormat="1" ht="5.25" customHeight="1">
      <c r="A97" s="113"/>
      <c r="B97" s="113"/>
      <c r="D97" s="1119"/>
      <c r="E97" s="1120"/>
      <c r="F97" s="1120"/>
      <c r="G97" s="1120"/>
      <c r="H97" s="1120"/>
      <c r="I97" s="1121"/>
      <c r="J97" s="1121"/>
      <c r="K97" s="1121"/>
      <c r="L97" s="1121"/>
      <c r="M97" s="1121"/>
      <c r="N97" s="1122"/>
      <c r="O97" s="1122"/>
      <c r="P97" s="1122"/>
      <c r="Q97" s="1122"/>
      <c r="R97" s="1122"/>
      <c r="S97" s="1122"/>
      <c r="T97" s="1122"/>
      <c r="U97" s="1122"/>
      <c r="V97" s="1122"/>
      <c r="W97" s="1122"/>
      <c r="X97" s="1122"/>
      <c r="Y97" s="939"/>
      <c r="Z97" s="940"/>
      <c r="AA97" s="940"/>
      <c r="AB97" s="940"/>
      <c r="AC97" s="940"/>
      <c r="AD97" s="940"/>
      <c r="AE97" s="940"/>
      <c r="AF97" s="940"/>
      <c r="AG97" s="940"/>
      <c r="AH97" s="941"/>
      <c r="AI97" s="1122"/>
      <c r="AJ97" s="1122"/>
      <c r="AK97" s="1122"/>
      <c r="AL97" s="1122"/>
      <c r="AM97" s="1122"/>
      <c r="AN97" s="1122"/>
      <c r="AO97" s="1122"/>
      <c r="AP97" s="1122"/>
      <c r="AQ97" s="1122"/>
      <c r="AR97" s="1122"/>
      <c r="AS97" s="1122"/>
      <c r="AT97" s="936"/>
      <c r="AU97" s="937"/>
      <c r="AV97" s="937"/>
      <c r="AW97" s="937"/>
      <c r="AX97" s="937"/>
      <c r="AY97" s="937"/>
      <c r="AZ97" s="937"/>
      <c r="BA97" s="937"/>
      <c r="BB97" s="937"/>
      <c r="BC97" s="938"/>
      <c r="BD97" s="1123"/>
      <c r="BE97" s="1124"/>
      <c r="BF97" s="1124"/>
      <c r="BG97" s="1124"/>
      <c r="BH97" s="1124"/>
      <c r="BI97" s="1124"/>
      <c r="BJ97" s="1124"/>
      <c r="BK97" s="1143"/>
      <c r="BL97" s="1143"/>
      <c r="BM97" s="1143"/>
      <c r="BN97" s="1143"/>
      <c r="BO97" s="1144"/>
      <c r="BP97" s="260"/>
      <c r="BT97" s="108"/>
    </row>
    <row r="98" spans="1:72" s="79" customFormat="1" ht="5.25" customHeight="1">
      <c r="A98" s="113"/>
      <c r="B98" s="113"/>
      <c r="D98" s="1119"/>
      <c r="E98" s="1120"/>
      <c r="F98" s="1120"/>
      <c r="G98" s="1120"/>
      <c r="H98" s="1120"/>
      <c r="I98" s="1121" t="s">
        <v>211</v>
      </c>
      <c r="J98" s="1121"/>
      <c r="K98" s="1121"/>
      <c r="L98" s="1121"/>
      <c r="M98" s="1121"/>
      <c r="N98" s="1093"/>
      <c r="O98" s="1093"/>
      <c r="P98" s="1093"/>
      <c r="Q98" s="1093"/>
      <c r="R98" s="1093"/>
      <c r="S98" s="1093"/>
      <c r="T98" s="1093"/>
      <c r="U98" s="1093"/>
      <c r="V98" s="1093"/>
      <c r="W98" s="1093"/>
      <c r="X98" s="1093"/>
      <c r="Y98" s="1145"/>
      <c r="Z98" s="1146"/>
      <c r="AA98" s="1146"/>
      <c r="AB98" s="1146"/>
      <c r="AC98" s="1146"/>
      <c r="AD98" s="1146"/>
      <c r="AE98" s="1146"/>
      <c r="AF98" s="1146"/>
      <c r="AG98" s="1146"/>
      <c r="AH98" s="1147"/>
      <c r="AI98" s="1154"/>
      <c r="AJ98" s="1154"/>
      <c r="AK98" s="1154"/>
      <c r="AL98" s="1154"/>
      <c r="AM98" s="1154"/>
      <c r="AN98" s="1154"/>
      <c r="AO98" s="1154"/>
      <c r="AP98" s="1154"/>
      <c r="AQ98" s="1154"/>
      <c r="AR98" s="1154"/>
      <c r="AS98" s="1154"/>
      <c r="AT98" s="936"/>
      <c r="AU98" s="937"/>
      <c r="AV98" s="937"/>
      <c r="AW98" s="937"/>
      <c r="AX98" s="937"/>
      <c r="AY98" s="937"/>
      <c r="AZ98" s="937"/>
      <c r="BA98" s="937"/>
      <c r="BB98" s="937"/>
      <c r="BC98" s="938"/>
      <c r="BD98" s="1123" t="s">
        <v>210</v>
      </c>
      <c r="BE98" s="1124"/>
      <c r="BF98" s="1124"/>
      <c r="BG98" s="1124"/>
      <c r="BH98" s="1124"/>
      <c r="BI98" s="1124"/>
      <c r="BJ98" s="1124"/>
      <c r="BK98" s="1155" t="s">
        <v>11</v>
      </c>
      <c r="BL98" s="1155"/>
      <c r="BM98" s="1155"/>
      <c r="BN98" s="1155"/>
      <c r="BO98" s="1156"/>
      <c r="BP98" s="260"/>
    </row>
    <row r="99" spans="1:72" s="79" customFormat="1" ht="5.25" customHeight="1">
      <c r="A99" s="113"/>
      <c r="B99" s="113"/>
      <c r="D99" s="1119"/>
      <c r="E99" s="1120"/>
      <c r="F99" s="1120"/>
      <c r="G99" s="1120"/>
      <c r="H99" s="1120"/>
      <c r="I99" s="1121"/>
      <c r="J99" s="1121"/>
      <c r="K99" s="1121"/>
      <c r="L99" s="1121"/>
      <c r="M99" s="1121"/>
      <c r="N99" s="1093"/>
      <c r="O99" s="1093"/>
      <c r="P99" s="1093"/>
      <c r="Q99" s="1093"/>
      <c r="R99" s="1093"/>
      <c r="S99" s="1093"/>
      <c r="T99" s="1093"/>
      <c r="U99" s="1093"/>
      <c r="V99" s="1093"/>
      <c r="W99" s="1093"/>
      <c r="X99" s="1093"/>
      <c r="Y99" s="1148"/>
      <c r="Z99" s="1149"/>
      <c r="AA99" s="1149"/>
      <c r="AB99" s="1149"/>
      <c r="AC99" s="1149"/>
      <c r="AD99" s="1149"/>
      <c r="AE99" s="1149"/>
      <c r="AF99" s="1149"/>
      <c r="AG99" s="1149"/>
      <c r="AH99" s="1150"/>
      <c r="AI99" s="1154"/>
      <c r="AJ99" s="1154"/>
      <c r="AK99" s="1154"/>
      <c r="AL99" s="1154"/>
      <c r="AM99" s="1154"/>
      <c r="AN99" s="1154"/>
      <c r="AO99" s="1154"/>
      <c r="AP99" s="1154"/>
      <c r="AQ99" s="1154"/>
      <c r="AR99" s="1154"/>
      <c r="AS99" s="1154"/>
      <c r="AT99" s="936"/>
      <c r="AU99" s="937"/>
      <c r="AV99" s="937"/>
      <c r="AW99" s="937"/>
      <c r="AX99" s="937"/>
      <c r="AY99" s="937"/>
      <c r="AZ99" s="937"/>
      <c r="BA99" s="937"/>
      <c r="BB99" s="937"/>
      <c r="BC99" s="938"/>
      <c r="BD99" s="1123"/>
      <c r="BE99" s="1124"/>
      <c r="BF99" s="1124"/>
      <c r="BG99" s="1124"/>
      <c r="BH99" s="1124"/>
      <c r="BI99" s="1124"/>
      <c r="BJ99" s="1124"/>
      <c r="BK99" s="1155"/>
      <c r="BL99" s="1155"/>
      <c r="BM99" s="1155"/>
      <c r="BN99" s="1155"/>
      <c r="BO99" s="1156"/>
      <c r="BP99" s="115"/>
    </row>
    <row r="100" spans="1:72" s="79" customFormat="1" ht="5.25" customHeight="1">
      <c r="A100" s="113"/>
      <c r="B100" s="113"/>
      <c r="D100" s="1119"/>
      <c r="E100" s="1120"/>
      <c r="F100" s="1120"/>
      <c r="G100" s="1120"/>
      <c r="H100" s="1120"/>
      <c r="I100" s="1121"/>
      <c r="J100" s="1121"/>
      <c r="K100" s="1121"/>
      <c r="L100" s="1121"/>
      <c r="M100" s="1121"/>
      <c r="N100" s="1093"/>
      <c r="O100" s="1093"/>
      <c r="P100" s="1093"/>
      <c r="Q100" s="1093"/>
      <c r="R100" s="1093"/>
      <c r="S100" s="1093"/>
      <c r="T100" s="1093"/>
      <c r="U100" s="1093"/>
      <c r="V100" s="1093"/>
      <c r="W100" s="1093"/>
      <c r="X100" s="1093"/>
      <c r="Y100" s="1148"/>
      <c r="Z100" s="1149"/>
      <c r="AA100" s="1149"/>
      <c r="AB100" s="1149"/>
      <c r="AC100" s="1149"/>
      <c r="AD100" s="1149"/>
      <c r="AE100" s="1149"/>
      <c r="AF100" s="1149"/>
      <c r="AG100" s="1149"/>
      <c r="AH100" s="1150"/>
      <c r="AI100" s="1154"/>
      <c r="AJ100" s="1154"/>
      <c r="AK100" s="1154"/>
      <c r="AL100" s="1154"/>
      <c r="AM100" s="1154"/>
      <c r="AN100" s="1154"/>
      <c r="AO100" s="1154"/>
      <c r="AP100" s="1154"/>
      <c r="AQ100" s="1154"/>
      <c r="AR100" s="1154"/>
      <c r="AS100" s="1154"/>
      <c r="AT100" s="936"/>
      <c r="AU100" s="937"/>
      <c r="AV100" s="937"/>
      <c r="AW100" s="937"/>
      <c r="AX100" s="937"/>
      <c r="AY100" s="937"/>
      <c r="AZ100" s="937"/>
      <c r="BA100" s="937"/>
      <c r="BB100" s="937"/>
      <c r="BC100" s="938"/>
      <c r="BD100" s="1123"/>
      <c r="BE100" s="1124"/>
      <c r="BF100" s="1124"/>
      <c r="BG100" s="1124"/>
      <c r="BH100" s="1124"/>
      <c r="BI100" s="1124"/>
      <c r="BJ100" s="1124"/>
      <c r="BK100" s="1155"/>
      <c r="BL100" s="1155"/>
      <c r="BM100" s="1155"/>
      <c r="BN100" s="1155"/>
      <c r="BO100" s="1156"/>
      <c r="BP100" s="115"/>
    </row>
    <row r="101" spans="1:72" s="79" customFormat="1" ht="5.25" customHeight="1">
      <c r="A101" s="113"/>
      <c r="B101" s="113"/>
      <c r="D101" s="1119"/>
      <c r="E101" s="1120"/>
      <c r="F101" s="1120"/>
      <c r="G101" s="1120"/>
      <c r="H101" s="1120"/>
      <c r="I101" s="1121"/>
      <c r="J101" s="1121"/>
      <c r="K101" s="1121"/>
      <c r="L101" s="1121"/>
      <c r="M101" s="1121"/>
      <c r="N101" s="1093"/>
      <c r="O101" s="1093"/>
      <c r="P101" s="1093"/>
      <c r="Q101" s="1093"/>
      <c r="R101" s="1093"/>
      <c r="S101" s="1093"/>
      <c r="T101" s="1093"/>
      <c r="U101" s="1093"/>
      <c r="V101" s="1093"/>
      <c r="W101" s="1093"/>
      <c r="X101" s="1093"/>
      <c r="Y101" s="1151"/>
      <c r="Z101" s="1152"/>
      <c r="AA101" s="1152"/>
      <c r="AB101" s="1152"/>
      <c r="AC101" s="1152"/>
      <c r="AD101" s="1152"/>
      <c r="AE101" s="1152"/>
      <c r="AF101" s="1152"/>
      <c r="AG101" s="1152"/>
      <c r="AH101" s="1153"/>
      <c r="AI101" s="1154"/>
      <c r="AJ101" s="1154"/>
      <c r="AK101" s="1154"/>
      <c r="AL101" s="1154"/>
      <c r="AM101" s="1154"/>
      <c r="AN101" s="1154"/>
      <c r="AO101" s="1154"/>
      <c r="AP101" s="1154"/>
      <c r="AQ101" s="1154"/>
      <c r="AR101" s="1154"/>
      <c r="AS101" s="1154"/>
      <c r="AT101" s="939"/>
      <c r="AU101" s="940"/>
      <c r="AV101" s="940"/>
      <c r="AW101" s="940"/>
      <c r="AX101" s="940"/>
      <c r="AY101" s="940"/>
      <c r="AZ101" s="940"/>
      <c r="BA101" s="940"/>
      <c r="BB101" s="940"/>
      <c r="BC101" s="941"/>
      <c r="BD101" s="1123"/>
      <c r="BE101" s="1124"/>
      <c r="BF101" s="1124"/>
      <c r="BG101" s="1124"/>
      <c r="BH101" s="1124"/>
      <c r="BI101" s="1124"/>
      <c r="BJ101" s="1124"/>
      <c r="BK101" s="1155"/>
      <c r="BL101" s="1155"/>
      <c r="BM101" s="1155"/>
      <c r="BN101" s="1155"/>
      <c r="BO101" s="1156"/>
    </row>
    <row r="102" spans="1:72" s="79" customFormat="1" ht="5.25" customHeight="1">
      <c r="A102" s="113"/>
      <c r="B102" s="113"/>
      <c r="D102" s="1173" t="s">
        <v>209</v>
      </c>
      <c r="E102" s="1121"/>
      <c r="F102" s="1121"/>
      <c r="G102" s="1121"/>
      <c r="H102" s="1121"/>
      <c r="I102" s="1121"/>
      <c r="J102" s="1121"/>
      <c r="K102" s="1121"/>
      <c r="L102" s="1121"/>
      <c r="M102" s="1121"/>
      <c r="N102" s="1176"/>
      <c r="O102" s="1176"/>
      <c r="P102" s="1176"/>
      <c r="Q102" s="1176"/>
      <c r="R102" s="1176"/>
      <c r="S102" s="1176"/>
      <c r="T102" s="1176"/>
      <c r="U102" s="1176"/>
      <c r="V102" s="1176"/>
      <c r="W102" s="1176"/>
      <c r="X102" s="1176"/>
      <c r="Y102" s="1145"/>
      <c r="Z102" s="1146"/>
      <c r="AA102" s="1146"/>
      <c r="AB102" s="1146"/>
      <c r="AC102" s="1146"/>
      <c r="AD102" s="1146"/>
      <c r="AE102" s="1146"/>
      <c r="AF102" s="1146"/>
      <c r="AG102" s="1146"/>
      <c r="AH102" s="1147"/>
      <c r="AI102" s="1145"/>
      <c r="AJ102" s="1146"/>
      <c r="AK102" s="1146"/>
      <c r="AL102" s="1146"/>
      <c r="AM102" s="1146"/>
      <c r="AN102" s="1146"/>
      <c r="AO102" s="1146"/>
      <c r="AP102" s="1146"/>
      <c r="AQ102" s="1146"/>
      <c r="AR102" s="1146"/>
      <c r="AS102" s="1147"/>
      <c r="AT102" s="1154"/>
      <c r="AU102" s="1154"/>
      <c r="AV102" s="1154"/>
      <c r="AW102" s="1154"/>
      <c r="AX102" s="1154"/>
      <c r="AY102" s="1154"/>
      <c r="AZ102" s="1154"/>
      <c r="BA102" s="1154"/>
      <c r="BB102" s="1154"/>
      <c r="BC102" s="1154"/>
      <c r="BD102" s="1123" t="s">
        <v>208</v>
      </c>
      <c r="BE102" s="1124"/>
      <c r="BF102" s="1124"/>
      <c r="BG102" s="1124"/>
      <c r="BH102" s="1124"/>
      <c r="BI102" s="1124"/>
      <c r="BJ102" s="1124"/>
      <c r="BK102" s="1155" t="s">
        <v>11</v>
      </c>
      <c r="BL102" s="1155"/>
      <c r="BM102" s="1155"/>
      <c r="BN102" s="1155"/>
      <c r="BO102" s="1156"/>
    </row>
    <row r="103" spans="1:72" s="79" customFormat="1" ht="5.25" customHeight="1">
      <c r="A103" s="113"/>
      <c r="B103" s="113"/>
      <c r="D103" s="1173"/>
      <c r="E103" s="1121"/>
      <c r="F103" s="1121"/>
      <c r="G103" s="1121"/>
      <c r="H103" s="1121"/>
      <c r="I103" s="1121"/>
      <c r="J103" s="1121"/>
      <c r="K103" s="1121"/>
      <c r="L103" s="1121"/>
      <c r="M103" s="1121"/>
      <c r="N103" s="1176"/>
      <c r="O103" s="1176"/>
      <c r="P103" s="1176"/>
      <c r="Q103" s="1176"/>
      <c r="R103" s="1176"/>
      <c r="S103" s="1176"/>
      <c r="T103" s="1176"/>
      <c r="U103" s="1176"/>
      <c r="V103" s="1176"/>
      <c r="W103" s="1176"/>
      <c r="X103" s="1176"/>
      <c r="Y103" s="1148"/>
      <c r="Z103" s="1149"/>
      <c r="AA103" s="1149"/>
      <c r="AB103" s="1149"/>
      <c r="AC103" s="1149"/>
      <c r="AD103" s="1149"/>
      <c r="AE103" s="1149"/>
      <c r="AF103" s="1149"/>
      <c r="AG103" s="1149"/>
      <c r="AH103" s="1150"/>
      <c r="AI103" s="1148"/>
      <c r="AJ103" s="1149"/>
      <c r="AK103" s="1149"/>
      <c r="AL103" s="1149"/>
      <c r="AM103" s="1149"/>
      <c r="AN103" s="1149"/>
      <c r="AO103" s="1149"/>
      <c r="AP103" s="1149"/>
      <c r="AQ103" s="1149"/>
      <c r="AR103" s="1149"/>
      <c r="AS103" s="1150"/>
      <c r="AT103" s="1154"/>
      <c r="AU103" s="1154"/>
      <c r="AV103" s="1154"/>
      <c r="AW103" s="1154"/>
      <c r="AX103" s="1154"/>
      <c r="AY103" s="1154"/>
      <c r="AZ103" s="1154"/>
      <c r="BA103" s="1154"/>
      <c r="BB103" s="1154"/>
      <c r="BC103" s="1154"/>
      <c r="BD103" s="1123"/>
      <c r="BE103" s="1124"/>
      <c r="BF103" s="1124"/>
      <c r="BG103" s="1124"/>
      <c r="BH103" s="1124"/>
      <c r="BI103" s="1124"/>
      <c r="BJ103" s="1124"/>
      <c r="BK103" s="1155"/>
      <c r="BL103" s="1155"/>
      <c r="BM103" s="1155"/>
      <c r="BN103" s="1155"/>
      <c r="BO103" s="1156"/>
    </row>
    <row r="104" spans="1:72" s="79" customFormat="1" ht="5.25" customHeight="1">
      <c r="A104" s="113"/>
      <c r="B104" s="113"/>
      <c r="D104" s="1173"/>
      <c r="E104" s="1121"/>
      <c r="F104" s="1121"/>
      <c r="G104" s="1121"/>
      <c r="H104" s="1121"/>
      <c r="I104" s="1121"/>
      <c r="J104" s="1121"/>
      <c r="K104" s="1121"/>
      <c r="L104" s="1121"/>
      <c r="M104" s="1121"/>
      <c r="N104" s="1176"/>
      <c r="O104" s="1176"/>
      <c r="P104" s="1176"/>
      <c r="Q104" s="1176"/>
      <c r="R104" s="1176"/>
      <c r="S104" s="1176"/>
      <c r="T104" s="1176"/>
      <c r="U104" s="1176"/>
      <c r="V104" s="1176"/>
      <c r="W104" s="1176"/>
      <c r="X104" s="1176"/>
      <c r="Y104" s="1148"/>
      <c r="Z104" s="1149"/>
      <c r="AA104" s="1149"/>
      <c r="AB104" s="1149"/>
      <c r="AC104" s="1149"/>
      <c r="AD104" s="1149"/>
      <c r="AE104" s="1149"/>
      <c r="AF104" s="1149"/>
      <c r="AG104" s="1149"/>
      <c r="AH104" s="1150"/>
      <c r="AI104" s="1148"/>
      <c r="AJ104" s="1149"/>
      <c r="AK104" s="1149"/>
      <c r="AL104" s="1149"/>
      <c r="AM104" s="1149"/>
      <c r="AN104" s="1149"/>
      <c r="AO104" s="1149"/>
      <c r="AP104" s="1149"/>
      <c r="AQ104" s="1149"/>
      <c r="AR104" s="1149"/>
      <c r="AS104" s="1150"/>
      <c r="AT104" s="1154"/>
      <c r="AU104" s="1154"/>
      <c r="AV104" s="1154"/>
      <c r="AW104" s="1154"/>
      <c r="AX104" s="1154"/>
      <c r="AY104" s="1154"/>
      <c r="AZ104" s="1154"/>
      <c r="BA104" s="1154"/>
      <c r="BB104" s="1154"/>
      <c r="BC104" s="1154"/>
      <c r="BD104" s="1123"/>
      <c r="BE104" s="1124"/>
      <c r="BF104" s="1124"/>
      <c r="BG104" s="1124"/>
      <c r="BH104" s="1124"/>
      <c r="BI104" s="1124"/>
      <c r="BJ104" s="1124"/>
      <c r="BK104" s="1155"/>
      <c r="BL104" s="1155"/>
      <c r="BM104" s="1155"/>
      <c r="BN104" s="1155"/>
      <c r="BO104" s="1156"/>
    </row>
    <row r="105" spans="1:72" s="79" customFormat="1" ht="5.25" customHeight="1">
      <c r="A105" s="113"/>
      <c r="B105" s="113"/>
      <c r="D105" s="1174"/>
      <c r="E105" s="1175"/>
      <c r="F105" s="1175"/>
      <c r="G105" s="1175"/>
      <c r="H105" s="1175"/>
      <c r="I105" s="1175"/>
      <c r="J105" s="1175"/>
      <c r="K105" s="1175"/>
      <c r="L105" s="1175"/>
      <c r="M105" s="1175"/>
      <c r="N105" s="1177"/>
      <c r="O105" s="1177"/>
      <c r="P105" s="1177"/>
      <c r="Q105" s="1177"/>
      <c r="R105" s="1177"/>
      <c r="S105" s="1177"/>
      <c r="T105" s="1177"/>
      <c r="U105" s="1177"/>
      <c r="V105" s="1177"/>
      <c r="W105" s="1177"/>
      <c r="X105" s="1177"/>
      <c r="Y105" s="1178"/>
      <c r="Z105" s="1179"/>
      <c r="AA105" s="1179"/>
      <c r="AB105" s="1179"/>
      <c r="AC105" s="1179"/>
      <c r="AD105" s="1179"/>
      <c r="AE105" s="1179"/>
      <c r="AF105" s="1179"/>
      <c r="AG105" s="1179"/>
      <c r="AH105" s="1180"/>
      <c r="AI105" s="1178"/>
      <c r="AJ105" s="1179"/>
      <c r="AK105" s="1179"/>
      <c r="AL105" s="1179"/>
      <c r="AM105" s="1179"/>
      <c r="AN105" s="1179"/>
      <c r="AO105" s="1179"/>
      <c r="AP105" s="1179"/>
      <c r="AQ105" s="1152"/>
      <c r="AR105" s="1152"/>
      <c r="AS105" s="1153"/>
      <c r="AT105" s="1154"/>
      <c r="AU105" s="1154"/>
      <c r="AV105" s="1154"/>
      <c r="AW105" s="1154"/>
      <c r="AX105" s="1154"/>
      <c r="AY105" s="1154"/>
      <c r="AZ105" s="1154"/>
      <c r="BA105" s="1154"/>
      <c r="BB105" s="1154"/>
      <c r="BC105" s="1154"/>
      <c r="BD105" s="1123"/>
      <c r="BE105" s="1124"/>
      <c r="BF105" s="1124"/>
      <c r="BG105" s="1124"/>
      <c r="BH105" s="1124"/>
      <c r="BI105" s="1124"/>
      <c r="BJ105" s="1124"/>
      <c r="BK105" s="1155"/>
      <c r="BL105" s="1155"/>
      <c r="BM105" s="1155"/>
      <c r="BN105" s="1155"/>
      <c r="BO105" s="1156"/>
    </row>
    <row r="106" spans="1:72" s="79" customFormat="1" ht="5.25" customHeight="1">
      <c r="A106" s="113"/>
      <c r="B106" s="113"/>
      <c r="D106" s="1161" t="s">
        <v>207</v>
      </c>
      <c r="E106" s="1161"/>
      <c r="F106" s="1161"/>
      <c r="G106" s="1161"/>
      <c r="H106" s="1161"/>
      <c r="I106" s="1161"/>
      <c r="J106" s="1161"/>
      <c r="K106" s="1161"/>
      <c r="L106" s="1161"/>
      <c r="M106" s="1161"/>
      <c r="N106" s="1161"/>
      <c r="O106" s="1161"/>
      <c r="P106" s="1161"/>
      <c r="Q106" s="1161"/>
      <c r="R106" s="1161"/>
      <c r="S106" s="1161"/>
      <c r="T106" s="1161"/>
      <c r="U106" s="1161"/>
      <c r="V106" s="1161"/>
      <c r="W106" s="1161"/>
      <c r="X106" s="1161"/>
      <c r="Y106" s="1161"/>
      <c r="Z106" s="1161"/>
      <c r="AA106" s="1161"/>
      <c r="AB106" s="1161"/>
      <c r="AC106" s="1161"/>
      <c r="AD106" s="1161"/>
      <c r="AE106" s="1161"/>
      <c r="AF106" s="1161"/>
      <c r="AG106" s="1161"/>
      <c r="AH106" s="1161"/>
      <c r="AI106" s="1161"/>
      <c r="AJ106" s="1161"/>
      <c r="AK106" s="1161"/>
      <c r="AL106" s="1161"/>
      <c r="AM106" s="1161"/>
      <c r="AN106" s="1161"/>
      <c r="AO106" s="1161"/>
      <c r="AP106" s="1162"/>
      <c r="AQ106" s="1165" t="s">
        <v>206</v>
      </c>
      <c r="AR106" s="922"/>
      <c r="AS106" s="922"/>
      <c r="AT106" s="922"/>
      <c r="AU106" s="922"/>
      <c r="AV106" s="922"/>
      <c r="AW106" s="922"/>
      <c r="AX106" s="922"/>
      <c r="AY106" s="922"/>
      <c r="AZ106" s="922"/>
      <c r="BA106" s="922"/>
      <c r="BB106" s="922"/>
      <c r="BC106" s="1166"/>
      <c r="BD106" s="1085"/>
      <c r="BE106" s="1085"/>
      <c r="BF106" s="1085"/>
      <c r="BG106" s="1085"/>
      <c r="BH106" s="1085"/>
      <c r="BI106" s="1085"/>
      <c r="BJ106" s="1085"/>
      <c r="BK106" s="1085"/>
      <c r="BL106" s="1085"/>
      <c r="BM106" s="1085"/>
      <c r="BN106" s="1085"/>
      <c r="BO106" s="1086"/>
    </row>
    <row r="107" spans="1:72" s="79" customFormat="1" ht="5.25" customHeight="1">
      <c r="A107" s="113"/>
      <c r="B107" s="113"/>
      <c r="D107" s="1163"/>
      <c r="E107" s="1163"/>
      <c r="F107" s="1163"/>
      <c r="G107" s="1163"/>
      <c r="H107" s="1163"/>
      <c r="I107" s="1163"/>
      <c r="J107" s="1163"/>
      <c r="K107" s="1163"/>
      <c r="L107" s="1163"/>
      <c r="M107" s="1163"/>
      <c r="N107" s="1163"/>
      <c r="O107" s="1163"/>
      <c r="P107" s="1163"/>
      <c r="Q107" s="1163"/>
      <c r="R107" s="1163"/>
      <c r="S107" s="1163"/>
      <c r="T107" s="1163"/>
      <c r="U107" s="1163"/>
      <c r="V107" s="1163"/>
      <c r="W107" s="1163"/>
      <c r="X107" s="1163"/>
      <c r="Y107" s="1163"/>
      <c r="Z107" s="1163"/>
      <c r="AA107" s="1163"/>
      <c r="AB107" s="1163"/>
      <c r="AC107" s="1163"/>
      <c r="AD107" s="1163"/>
      <c r="AE107" s="1163"/>
      <c r="AF107" s="1163"/>
      <c r="AG107" s="1163"/>
      <c r="AH107" s="1163"/>
      <c r="AI107" s="1163"/>
      <c r="AJ107" s="1163"/>
      <c r="AK107" s="1163"/>
      <c r="AL107" s="1163"/>
      <c r="AM107" s="1163"/>
      <c r="AN107" s="1163"/>
      <c r="AO107" s="1163"/>
      <c r="AP107" s="1164"/>
      <c r="AQ107" s="1165"/>
      <c r="AR107" s="922"/>
      <c r="AS107" s="922"/>
      <c r="AT107" s="922"/>
      <c r="AU107" s="922"/>
      <c r="AV107" s="922"/>
      <c r="AW107" s="922"/>
      <c r="AX107" s="922"/>
      <c r="AY107" s="922"/>
      <c r="AZ107" s="922"/>
      <c r="BA107" s="922"/>
      <c r="BB107" s="922"/>
      <c r="BC107" s="1166"/>
      <c r="BD107" s="1085"/>
      <c r="BE107" s="1085"/>
      <c r="BF107" s="1085"/>
      <c r="BG107" s="1085"/>
      <c r="BH107" s="1085"/>
      <c r="BI107" s="1085"/>
      <c r="BJ107" s="1085"/>
      <c r="BK107" s="1085"/>
      <c r="BL107" s="1085"/>
      <c r="BM107" s="1085"/>
      <c r="BN107" s="1085"/>
      <c r="BO107" s="1086"/>
    </row>
    <row r="108" spans="1:72" s="79" customFormat="1" ht="5.25" customHeight="1">
      <c r="A108" s="113"/>
      <c r="B108" s="113"/>
      <c r="D108" s="1172" t="s">
        <v>205</v>
      </c>
      <c r="E108" s="1172"/>
      <c r="F108" s="1172"/>
      <c r="G108" s="1172"/>
      <c r="H108" s="1172"/>
      <c r="I108" s="1172"/>
      <c r="J108" s="1172"/>
      <c r="K108" s="1172"/>
      <c r="L108" s="1172"/>
      <c r="M108" s="1172"/>
      <c r="N108" s="1172"/>
      <c r="O108" s="1172"/>
      <c r="P108" s="1172"/>
      <c r="Q108" s="1172"/>
      <c r="R108" s="1172"/>
      <c r="S108" s="1172"/>
      <c r="T108" s="1172"/>
      <c r="U108" s="1172"/>
      <c r="V108" s="1172"/>
      <c r="W108" s="1172"/>
      <c r="X108" s="1172"/>
      <c r="Y108" s="1172"/>
      <c r="Z108" s="1172"/>
      <c r="AA108" s="1172"/>
      <c r="AB108" s="1172"/>
      <c r="AC108" s="1172"/>
      <c r="AD108" s="1172"/>
      <c r="AE108" s="1172"/>
      <c r="AF108" s="1172"/>
      <c r="AG108" s="1172"/>
      <c r="AH108" s="1172"/>
      <c r="AI108" s="1172"/>
      <c r="AJ108" s="1172"/>
      <c r="AK108" s="1172"/>
      <c r="AL108" s="246"/>
      <c r="AM108" s="246"/>
      <c r="AN108" s="246"/>
      <c r="AO108" s="246"/>
      <c r="AP108" s="114"/>
      <c r="AQ108" s="1165"/>
      <c r="AR108" s="922"/>
      <c r="AS108" s="922"/>
      <c r="AT108" s="922"/>
      <c r="AU108" s="922"/>
      <c r="AV108" s="922"/>
      <c r="AW108" s="922"/>
      <c r="AX108" s="922"/>
      <c r="AY108" s="922"/>
      <c r="AZ108" s="922"/>
      <c r="BA108" s="922"/>
      <c r="BB108" s="922"/>
      <c r="BC108" s="1166"/>
      <c r="BD108" s="1085"/>
      <c r="BE108" s="1085"/>
      <c r="BF108" s="1085"/>
      <c r="BG108" s="1085"/>
      <c r="BH108" s="1085"/>
      <c r="BI108" s="1085"/>
      <c r="BJ108" s="1085"/>
      <c r="BK108" s="1085"/>
      <c r="BL108" s="1085"/>
      <c r="BM108" s="1085"/>
      <c r="BN108" s="1085"/>
      <c r="BO108" s="1086"/>
    </row>
    <row r="109" spans="1:72" s="79" customFormat="1" ht="5.25" customHeight="1">
      <c r="A109" s="113"/>
      <c r="B109" s="113"/>
      <c r="D109" s="1172"/>
      <c r="E109" s="1172"/>
      <c r="F109" s="1172"/>
      <c r="G109" s="1172"/>
      <c r="H109" s="1172"/>
      <c r="I109" s="1172"/>
      <c r="J109" s="1172"/>
      <c r="K109" s="1172"/>
      <c r="L109" s="1172"/>
      <c r="M109" s="1172"/>
      <c r="N109" s="1172"/>
      <c r="O109" s="1172"/>
      <c r="P109" s="1172"/>
      <c r="Q109" s="1172"/>
      <c r="R109" s="1172"/>
      <c r="S109" s="1172"/>
      <c r="T109" s="1172"/>
      <c r="U109" s="1172"/>
      <c r="V109" s="1172"/>
      <c r="W109" s="1172"/>
      <c r="X109" s="1172"/>
      <c r="Y109" s="1172"/>
      <c r="Z109" s="1172"/>
      <c r="AA109" s="1172"/>
      <c r="AB109" s="1172"/>
      <c r="AC109" s="1172"/>
      <c r="AD109" s="1172"/>
      <c r="AE109" s="1172"/>
      <c r="AF109" s="1172"/>
      <c r="AG109" s="1172"/>
      <c r="AH109" s="1172"/>
      <c r="AI109" s="1172"/>
      <c r="AJ109" s="1172"/>
      <c r="AK109" s="1172"/>
      <c r="AL109" s="246"/>
      <c r="AM109" s="246"/>
      <c r="AN109" s="246"/>
      <c r="AO109" s="246"/>
      <c r="AP109" s="114"/>
      <c r="AQ109" s="1167"/>
      <c r="AR109" s="1168"/>
      <c r="AS109" s="1168"/>
      <c r="AT109" s="1168"/>
      <c r="AU109" s="1168"/>
      <c r="AV109" s="1168"/>
      <c r="AW109" s="1168"/>
      <c r="AX109" s="1168"/>
      <c r="AY109" s="1168"/>
      <c r="AZ109" s="1168"/>
      <c r="BA109" s="1168"/>
      <c r="BB109" s="1168"/>
      <c r="BC109" s="1169"/>
      <c r="BD109" s="1170"/>
      <c r="BE109" s="1170"/>
      <c r="BF109" s="1170"/>
      <c r="BG109" s="1170"/>
      <c r="BH109" s="1170"/>
      <c r="BI109" s="1170"/>
      <c r="BJ109" s="1170"/>
      <c r="BK109" s="1170"/>
      <c r="BL109" s="1170"/>
      <c r="BM109" s="1170"/>
      <c r="BN109" s="1170"/>
      <c r="BO109" s="1171"/>
    </row>
    <row r="110" spans="1:72" s="79" customFormat="1" ht="5.25" customHeight="1">
      <c r="A110" s="113"/>
      <c r="B110" s="113"/>
      <c r="D110" s="246"/>
      <c r="E110" s="246"/>
      <c r="F110" s="246"/>
      <c r="G110" s="246"/>
      <c r="H110" s="246"/>
      <c r="I110" s="246"/>
      <c r="J110" s="246"/>
      <c r="K110" s="246"/>
      <c r="L110" s="246"/>
      <c r="M110" s="246"/>
      <c r="N110" s="246"/>
      <c r="O110" s="246"/>
      <c r="P110" s="246"/>
      <c r="Q110" s="246"/>
      <c r="R110" s="246"/>
      <c r="S110" s="246"/>
      <c r="T110" s="246"/>
      <c r="U110" s="246"/>
      <c r="V110" s="246"/>
      <c r="W110" s="246"/>
      <c r="X110" s="246"/>
      <c r="Y110" s="246"/>
      <c r="Z110" s="246"/>
      <c r="AA110" s="246"/>
      <c r="AB110" s="246"/>
      <c r="AC110" s="246"/>
      <c r="AD110" s="246"/>
      <c r="AE110" s="246"/>
      <c r="AF110" s="246"/>
      <c r="AG110" s="246"/>
      <c r="AH110" s="246"/>
      <c r="AI110" s="246"/>
      <c r="AJ110" s="246"/>
      <c r="AK110" s="246"/>
      <c r="AL110" s="246"/>
      <c r="AM110" s="246"/>
      <c r="AN110" s="246"/>
      <c r="AO110" s="246"/>
      <c r="AP110" s="246"/>
      <c r="AQ110" s="211"/>
      <c r="AR110" s="211"/>
      <c r="AS110" s="211"/>
      <c r="AT110" s="211"/>
      <c r="AU110" s="211"/>
      <c r="AV110" s="211"/>
      <c r="AW110" s="211"/>
      <c r="AX110" s="211"/>
      <c r="AY110" s="211"/>
      <c r="AZ110" s="211"/>
      <c r="BA110" s="211"/>
      <c r="BB110" s="211"/>
      <c r="BC110" s="211"/>
      <c r="BD110" s="227"/>
      <c r="BE110" s="227"/>
      <c r="BF110" s="227"/>
      <c r="BG110" s="227"/>
      <c r="BH110" s="227"/>
      <c r="BI110" s="227"/>
      <c r="BJ110" s="227"/>
      <c r="BK110" s="227"/>
      <c r="BL110" s="227"/>
      <c r="BM110" s="227"/>
      <c r="BN110" s="227"/>
      <c r="BO110" s="227"/>
    </row>
    <row r="111" spans="1:72" s="79" customFormat="1" ht="5.25" customHeight="1">
      <c r="A111" s="84"/>
      <c r="B111" s="103"/>
      <c r="C111" s="103"/>
    </row>
    <row r="112" spans="1:72" s="79" customFormat="1" ht="5.25" customHeight="1">
      <c r="A112" s="84"/>
      <c r="B112" s="260"/>
      <c r="C112" s="260"/>
      <c r="D112" s="907" t="s">
        <v>204</v>
      </c>
      <c r="E112" s="907"/>
      <c r="F112" s="907"/>
      <c r="G112" s="907"/>
      <c r="H112" s="907"/>
      <c r="I112" s="907"/>
      <c r="J112" s="907"/>
      <c r="K112" s="907"/>
      <c r="L112" s="907"/>
      <c r="M112" s="907"/>
      <c r="N112" s="907"/>
      <c r="O112" s="907"/>
      <c r="P112" s="907"/>
      <c r="Q112" s="907"/>
      <c r="R112" s="907"/>
      <c r="S112" s="907"/>
      <c r="T112" s="907"/>
      <c r="U112" s="907"/>
      <c r="V112" s="112"/>
      <c r="W112" s="112"/>
      <c r="X112" s="253"/>
      <c r="Y112" s="253"/>
      <c r="Z112" s="253"/>
      <c r="AA112" s="253"/>
      <c r="AB112" s="253"/>
      <c r="AI112" s="110"/>
      <c r="AJ112" s="110"/>
      <c r="AK112" s="110"/>
      <c r="AL112" s="110"/>
      <c r="AM112" s="110"/>
      <c r="AN112" s="110"/>
      <c r="AO112" s="907" t="s">
        <v>203</v>
      </c>
      <c r="AP112" s="907"/>
      <c r="AQ112" s="907"/>
      <c r="AR112" s="907"/>
      <c r="AS112" s="907"/>
      <c r="AT112" s="907"/>
      <c r="AU112" s="907"/>
      <c r="AV112" s="907"/>
      <c r="AW112" s="907"/>
      <c r="AX112" s="907"/>
      <c r="AY112" s="907"/>
      <c r="AZ112" s="907"/>
      <c r="BA112" s="907"/>
      <c r="BB112" s="907"/>
      <c r="BC112" s="907"/>
      <c r="BD112" s="907"/>
      <c r="BE112" s="907"/>
      <c r="BF112" s="907"/>
      <c r="BG112" s="907"/>
      <c r="BH112" s="907"/>
      <c r="BI112" s="907"/>
      <c r="BJ112" s="907"/>
      <c r="BK112" s="907"/>
      <c r="BL112" s="907"/>
      <c r="BM112" s="907"/>
      <c r="BN112" s="907"/>
      <c r="BO112" s="907"/>
    </row>
    <row r="113" spans="1:71" s="79" customFormat="1" ht="5.25" customHeight="1">
      <c r="A113" s="84"/>
      <c r="B113" s="260"/>
      <c r="C113" s="260"/>
      <c r="D113" s="907"/>
      <c r="E113" s="907"/>
      <c r="F113" s="907"/>
      <c r="G113" s="907"/>
      <c r="H113" s="907"/>
      <c r="I113" s="907"/>
      <c r="J113" s="907"/>
      <c r="K113" s="907"/>
      <c r="L113" s="907"/>
      <c r="M113" s="907"/>
      <c r="N113" s="907"/>
      <c r="O113" s="907"/>
      <c r="P113" s="907"/>
      <c r="Q113" s="907"/>
      <c r="R113" s="907"/>
      <c r="S113" s="907"/>
      <c r="T113" s="907"/>
      <c r="U113" s="907"/>
      <c r="V113" s="112"/>
      <c r="W113" s="112"/>
      <c r="X113" s="84"/>
      <c r="Y113" s="84"/>
      <c r="Z113" s="84"/>
      <c r="AA113" s="84"/>
      <c r="AB113" s="84"/>
      <c r="AI113" s="110"/>
      <c r="AJ113" s="110"/>
      <c r="AK113" s="110"/>
      <c r="AL113" s="110"/>
      <c r="AM113" s="110"/>
      <c r="AN113" s="110"/>
      <c r="AO113" s="907"/>
      <c r="AP113" s="907"/>
      <c r="AQ113" s="907"/>
      <c r="AR113" s="907"/>
      <c r="AS113" s="907"/>
      <c r="AT113" s="907"/>
      <c r="AU113" s="907"/>
      <c r="AV113" s="907"/>
      <c r="AW113" s="907"/>
      <c r="AX113" s="907"/>
      <c r="AY113" s="907"/>
      <c r="AZ113" s="907"/>
      <c r="BA113" s="907"/>
      <c r="BB113" s="907"/>
      <c r="BC113" s="907"/>
      <c r="BD113" s="907"/>
      <c r="BE113" s="907"/>
      <c r="BF113" s="907"/>
      <c r="BG113" s="907"/>
      <c r="BH113" s="907"/>
      <c r="BI113" s="907"/>
      <c r="BJ113" s="907"/>
      <c r="BK113" s="907"/>
      <c r="BL113" s="907"/>
      <c r="BM113" s="907"/>
      <c r="BN113" s="907"/>
      <c r="BO113" s="907"/>
      <c r="BS113" s="84"/>
    </row>
    <row r="114" spans="1:71" s="79" customFormat="1" ht="5.25" customHeight="1">
      <c r="A114" s="84"/>
      <c r="B114" s="260"/>
      <c r="C114" s="260"/>
      <c r="D114" s="908"/>
      <c r="E114" s="908"/>
      <c r="F114" s="908"/>
      <c r="G114" s="908"/>
      <c r="H114" s="908"/>
      <c r="I114" s="908"/>
      <c r="J114" s="908"/>
      <c r="K114" s="908"/>
      <c r="L114" s="908"/>
      <c r="M114" s="908"/>
      <c r="N114" s="908"/>
      <c r="O114" s="908"/>
      <c r="P114" s="908"/>
      <c r="Q114" s="908"/>
      <c r="R114" s="908"/>
      <c r="S114" s="908"/>
      <c r="T114" s="908"/>
      <c r="U114" s="908"/>
      <c r="V114" s="111"/>
      <c r="W114" s="111"/>
      <c r="X114" s="84"/>
      <c r="Y114" s="84"/>
      <c r="Z114" s="84"/>
      <c r="AA114" s="84"/>
      <c r="AB114" s="84"/>
      <c r="AI114" s="110"/>
      <c r="AJ114" s="110"/>
      <c r="AK114" s="110"/>
      <c r="AL114" s="110"/>
      <c r="AM114" s="110"/>
      <c r="AN114" s="110"/>
      <c r="AO114" s="907"/>
      <c r="AP114" s="907"/>
      <c r="AQ114" s="907"/>
      <c r="AR114" s="907"/>
      <c r="AS114" s="907"/>
      <c r="AT114" s="907"/>
      <c r="AU114" s="907"/>
      <c r="AV114" s="907"/>
      <c r="AW114" s="907"/>
      <c r="AX114" s="907"/>
      <c r="AY114" s="907"/>
      <c r="AZ114" s="907"/>
      <c r="BA114" s="907"/>
      <c r="BB114" s="907"/>
      <c r="BC114" s="907"/>
      <c r="BD114" s="907"/>
      <c r="BE114" s="907"/>
      <c r="BF114" s="907"/>
      <c r="BG114" s="907"/>
      <c r="BH114" s="907"/>
      <c r="BI114" s="907"/>
      <c r="BJ114" s="907"/>
      <c r="BK114" s="907"/>
      <c r="BL114" s="907"/>
      <c r="BM114" s="907"/>
      <c r="BN114" s="907"/>
      <c r="BO114" s="907"/>
    </row>
    <row r="115" spans="1:71" s="79" customFormat="1" ht="5.25" customHeight="1">
      <c r="A115" s="84"/>
      <c r="B115" s="103"/>
      <c r="C115" s="103"/>
      <c r="D115" s="1181" t="s">
        <v>247</v>
      </c>
      <c r="E115" s="1182"/>
      <c r="F115" s="1182"/>
      <c r="G115" s="1182"/>
      <c r="H115" s="1182"/>
      <c r="I115" s="1182"/>
      <c r="J115" s="1182"/>
      <c r="K115" s="1182"/>
      <c r="L115" s="1182"/>
      <c r="M115" s="909" t="s">
        <v>65</v>
      </c>
      <c r="N115" s="910"/>
      <c r="O115" s="910"/>
      <c r="P115" s="911"/>
      <c r="Q115" s="909" t="s">
        <v>67</v>
      </c>
      <c r="R115" s="910"/>
      <c r="S115" s="910"/>
      <c r="T115" s="910"/>
      <c r="U115" s="910"/>
      <c r="V115" s="910"/>
      <c r="W115" s="910"/>
      <c r="X115" s="910"/>
      <c r="Y115" s="911"/>
      <c r="Z115" s="1131" t="s">
        <v>202</v>
      </c>
      <c r="AA115" s="1132"/>
      <c r="AB115" s="1132"/>
      <c r="AC115" s="1133"/>
      <c r="AD115" s="918" t="s">
        <v>201</v>
      </c>
      <c r="AE115" s="919"/>
      <c r="AF115" s="919"/>
      <c r="AG115" s="919"/>
      <c r="AH115" s="919"/>
      <c r="AI115" s="919"/>
      <c r="AJ115" s="919"/>
      <c r="AK115" s="919"/>
      <c r="AL115" s="919"/>
      <c r="AM115" s="920"/>
      <c r="AO115" s="1187" t="s">
        <v>200</v>
      </c>
      <c r="AP115" s="1187"/>
      <c r="AQ115" s="1187"/>
      <c r="AR115" s="1187"/>
      <c r="AS115" s="1187"/>
      <c r="AT115" s="1187"/>
      <c r="AU115" s="1187"/>
      <c r="AV115" s="1187"/>
      <c r="AW115" s="1187"/>
      <c r="AX115" s="1187"/>
      <c r="AY115" s="1187"/>
      <c r="AZ115" s="1187"/>
      <c r="BA115" s="1189" t="s">
        <v>2</v>
      </c>
      <c r="BB115" s="1189"/>
      <c r="BC115" s="1189"/>
      <c r="BD115" s="1189"/>
      <c r="BE115" s="1189"/>
      <c r="BF115" s="1189"/>
      <c r="BG115" s="1189"/>
      <c r="BH115" s="1189"/>
      <c r="BI115" s="1189"/>
      <c r="BJ115" s="1189"/>
      <c r="BK115" s="1189"/>
      <c r="BL115" s="1189"/>
      <c r="BM115" s="1189"/>
      <c r="BN115" s="1189"/>
      <c r="BO115" s="1189"/>
    </row>
    <row r="116" spans="1:71" s="79" customFormat="1" ht="5.25" customHeight="1">
      <c r="A116" s="84"/>
      <c r="B116" s="103"/>
      <c r="C116" s="103"/>
      <c r="D116" s="1183"/>
      <c r="E116" s="1184"/>
      <c r="F116" s="1184"/>
      <c r="G116" s="1184"/>
      <c r="H116" s="1184"/>
      <c r="I116" s="1184"/>
      <c r="J116" s="1184"/>
      <c r="K116" s="1184"/>
      <c r="L116" s="1184"/>
      <c r="M116" s="912"/>
      <c r="N116" s="913"/>
      <c r="O116" s="913"/>
      <c r="P116" s="914"/>
      <c r="Q116" s="912"/>
      <c r="R116" s="913"/>
      <c r="S116" s="913"/>
      <c r="T116" s="913"/>
      <c r="U116" s="913"/>
      <c r="V116" s="913"/>
      <c r="W116" s="913"/>
      <c r="X116" s="913"/>
      <c r="Y116" s="914"/>
      <c r="Z116" s="1134"/>
      <c r="AA116" s="1135"/>
      <c r="AB116" s="1135"/>
      <c r="AC116" s="1136"/>
      <c r="AD116" s="921"/>
      <c r="AE116" s="922"/>
      <c r="AF116" s="922"/>
      <c r="AG116" s="922"/>
      <c r="AH116" s="922"/>
      <c r="AI116" s="922"/>
      <c r="AJ116" s="922"/>
      <c r="AK116" s="922"/>
      <c r="AL116" s="922"/>
      <c r="AM116" s="923"/>
      <c r="AO116" s="1188"/>
      <c r="AP116" s="1188"/>
      <c r="AQ116" s="1188"/>
      <c r="AR116" s="1188"/>
      <c r="AS116" s="1188"/>
      <c r="AT116" s="1188"/>
      <c r="AU116" s="1188"/>
      <c r="AV116" s="1188"/>
      <c r="AW116" s="1188"/>
      <c r="AX116" s="1188"/>
      <c r="AY116" s="1188"/>
      <c r="AZ116" s="1188"/>
      <c r="BA116" s="1190"/>
      <c r="BB116" s="1190"/>
      <c r="BC116" s="1190"/>
      <c r="BD116" s="1190"/>
      <c r="BE116" s="1190"/>
      <c r="BF116" s="1190"/>
      <c r="BG116" s="1190"/>
      <c r="BH116" s="1190"/>
      <c r="BI116" s="1190"/>
      <c r="BJ116" s="1190"/>
      <c r="BK116" s="1190"/>
      <c r="BL116" s="1190"/>
      <c r="BM116" s="1190"/>
      <c r="BN116" s="1190"/>
      <c r="BO116" s="1190"/>
    </row>
    <row r="117" spans="1:71" s="79" customFormat="1" ht="5.25" customHeight="1">
      <c r="A117" s="84"/>
      <c r="B117" s="103"/>
      <c r="C117" s="103"/>
      <c r="D117" s="1183"/>
      <c r="E117" s="1184"/>
      <c r="F117" s="1184"/>
      <c r="G117" s="1184"/>
      <c r="H117" s="1184"/>
      <c r="I117" s="1184"/>
      <c r="J117" s="1184"/>
      <c r="K117" s="1184"/>
      <c r="L117" s="1184"/>
      <c r="M117" s="912"/>
      <c r="N117" s="913"/>
      <c r="O117" s="913"/>
      <c r="P117" s="914"/>
      <c r="Q117" s="912"/>
      <c r="R117" s="913"/>
      <c r="S117" s="913"/>
      <c r="T117" s="913"/>
      <c r="U117" s="913"/>
      <c r="V117" s="913"/>
      <c r="W117" s="913"/>
      <c r="X117" s="913"/>
      <c r="Y117" s="914"/>
      <c r="Z117" s="1134"/>
      <c r="AA117" s="1135"/>
      <c r="AB117" s="1135"/>
      <c r="AC117" s="1136"/>
      <c r="AD117" s="921"/>
      <c r="AE117" s="922"/>
      <c r="AF117" s="922"/>
      <c r="AG117" s="922"/>
      <c r="AH117" s="922"/>
      <c r="AI117" s="922"/>
      <c r="AJ117" s="922"/>
      <c r="AK117" s="922"/>
      <c r="AL117" s="922"/>
      <c r="AM117" s="923"/>
      <c r="AO117" s="1188"/>
      <c r="AP117" s="1188"/>
      <c r="AQ117" s="1188"/>
      <c r="AR117" s="1188"/>
      <c r="AS117" s="1188"/>
      <c r="AT117" s="1188"/>
      <c r="AU117" s="1188"/>
      <c r="AV117" s="1188"/>
      <c r="AW117" s="1188"/>
      <c r="AX117" s="1188"/>
      <c r="AY117" s="1188"/>
      <c r="AZ117" s="1188"/>
      <c r="BA117" s="1190"/>
      <c r="BB117" s="1190"/>
      <c r="BC117" s="1190"/>
      <c r="BD117" s="1190"/>
      <c r="BE117" s="1190"/>
      <c r="BF117" s="1190"/>
      <c r="BG117" s="1190"/>
      <c r="BH117" s="1190"/>
      <c r="BI117" s="1190"/>
      <c r="BJ117" s="1190"/>
      <c r="BK117" s="1190"/>
      <c r="BL117" s="1190"/>
      <c r="BM117" s="1190"/>
      <c r="BN117" s="1190"/>
      <c r="BO117" s="1190"/>
    </row>
    <row r="118" spans="1:71" s="79" customFormat="1" ht="5.25" customHeight="1">
      <c r="A118" s="84"/>
      <c r="B118" s="103"/>
      <c r="C118" s="103"/>
      <c r="D118" s="1185"/>
      <c r="E118" s="1186"/>
      <c r="F118" s="1186"/>
      <c r="G118" s="1186"/>
      <c r="H118" s="1186"/>
      <c r="I118" s="1186"/>
      <c r="J118" s="1186"/>
      <c r="K118" s="1186"/>
      <c r="L118" s="1186"/>
      <c r="M118" s="915"/>
      <c r="N118" s="916"/>
      <c r="O118" s="916"/>
      <c r="P118" s="917"/>
      <c r="Q118" s="915"/>
      <c r="R118" s="916"/>
      <c r="S118" s="916"/>
      <c r="T118" s="916"/>
      <c r="U118" s="916"/>
      <c r="V118" s="916"/>
      <c r="W118" s="916"/>
      <c r="X118" s="916"/>
      <c r="Y118" s="917"/>
      <c r="Z118" s="1137"/>
      <c r="AA118" s="1138"/>
      <c r="AB118" s="1138"/>
      <c r="AC118" s="1139"/>
      <c r="AD118" s="924"/>
      <c r="AE118" s="925"/>
      <c r="AF118" s="925"/>
      <c r="AG118" s="925"/>
      <c r="AH118" s="925"/>
      <c r="AI118" s="925"/>
      <c r="AJ118" s="925"/>
      <c r="AK118" s="925"/>
      <c r="AL118" s="925"/>
      <c r="AM118" s="926"/>
      <c r="AO118" s="1188"/>
      <c r="AP118" s="1188"/>
      <c r="AQ118" s="1188"/>
      <c r="AR118" s="1188"/>
      <c r="AS118" s="1188"/>
      <c r="AT118" s="1188"/>
      <c r="AU118" s="1188"/>
      <c r="AV118" s="1188"/>
      <c r="AW118" s="1188"/>
      <c r="AX118" s="1188"/>
      <c r="AY118" s="1188"/>
      <c r="AZ118" s="1188"/>
      <c r="BA118" s="1190"/>
      <c r="BB118" s="1190"/>
      <c r="BC118" s="1190"/>
      <c r="BD118" s="1190"/>
      <c r="BE118" s="1190"/>
      <c r="BF118" s="1190"/>
      <c r="BG118" s="1190"/>
      <c r="BH118" s="1190"/>
      <c r="BI118" s="1190"/>
      <c r="BJ118" s="1190"/>
      <c r="BK118" s="1190"/>
      <c r="BL118" s="1190"/>
      <c r="BM118" s="1190"/>
      <c r="BN118" s="1190"/>
      <c r="BO118" s="1190"/>
    </row>
    <row r="119" spans="1:71" s="79" customFormat="1" ht="5.25" customHeight="1">
      <c r="A119" s="84"/>
      <c r="B119" s="103"/>
      <c r="C119" s="103"/>
      <c r="D119" s="927"/>
      <c r="E119" s="1191"/>
      <c r="F119" s="1191"/>
      <c r="G119" s="1191"/>
      <c r="H119" s="1191"/>
      <c r="I119" s="1191"/>
      <c r="J119" s="1191"/>
      <c r="K119" s="1191"/>
      <c r="L119" s="1191"/>
      <c r="M119" s="1194"/>
      <c r="N119" s="1195"/>
      <c r="O119" s="1195"/>
      <c r="P119" s="928"/>
      <c r="Q119" s="1200" t="s">
        <v>42</v>
      </c>
      <c r="R119" s="1201"/>
      <c r="S119" s="1201"/>
      <c r="T119" s="1199" t="s">
        <v>196</v>
      </c>
      <c r="U119" s="1199"/>
      <c r="V119" s="1199"/>
      <c r="W119" s="1199"/>
      <c r="X119" s="1199"/>
      <c r="Y119" s="1202"/>
      <c r="Z119" s="224"/>
      <c r="AA119" s="225"/>
      <c r="AB119" s="225"/>
      <c r="AC119" s="107"/>
      <c r="AD119" s="933" t="s">
        <v>4</v>
      </c>
      <c r="AE119" s="1206"/>
      <c r="AF119" s="1206"/>
      <c r="AG119" s="1206"/>
      <c r="AH119" s="1206"/>
      <c r="AI119" s="1206"/>
      <c r="AJ119" s="1206"/>
      <c r="AK119" s="1206"/>
      <c r="AL119" s="1206"/>
      <c r="AM119" s="1207"/>
      <c r="AO119" s="1222" t="s">
        <v>199</v>
      </c>
      <c r="AP119" s="1222"/>
      <c r="AQ119" s="1222"/>
      <c r="AR119" s="1222"/>
      <c r="AS119" s="1222"/>
      <c r="AT119" s="1222"/>
      <c r="AU119" s="1222"/>
      <c r="AV119" s="1222"/>
      <c r="AW119" s="1222"/>
      <c r="AX119" s="1222"/>
      <c r="AY119" s="1222"/>
      <c r="AZ119" s="1222"/>
      <c r="BA119" s="1214"/>
      <c r="BB119" s="1214"/>
      <c r="BC119" s="1214"/>
      <c r="BD119" s="1214"/>
      <c r="BE119" s="1214"/>
      <c r="BF119" s="1214"/>
      <c r="BG119" s="1214"/>
      <c r="BH119" s="1214"/>
      <c r="BI119" s="1214"/>
      <c r="BJ119" s="1214"/>
      <c r="BK119" s="1214"/>
      <c r="BL119" s="1214"/>
      <c r="BM119" s="1214"/>
      <c r="BN119" s="1214"/>
      <c r="BO119" s="1214"/>
    </row>
    <row r="120" spans="1:71" s="79" customFormat="1" ht="5.25" customHeight="1">
      <c r="A120" s="84"/>
      <c r="B120" s="103"/>
      <c r="C120" s="103"/>
      <c r="D120" s="1183"/>
      <c r="E120" s="1184"/>
      <c r="F120" s="1184"/>
      <c r="G120" s="1184"/>
      <c r="H120" s="1184"/>
      <c r="I120" s="1184"/>
      <c r="J120" s="1184"/>
      <c r="K120" s="1184"/>
      <c r="L120" s="1184"/>
      <c r="M120" s="1196"/>
      <c r="N120" s="1197"/>
      <c r="O120" s="1197"/>
      <c r="P120" s="930"/>
      <c r="Q120" s="1200"/>
      <c r="R120" s="1201"/>
      <c r="S120" s="1201"/>
      <c r="T120" s="1201"/>
      <c r="U120" s="1201"/>
      <c r="V120" s="1201"/>
      <c r="W120" s="1201"/>
      <c r="X120" s="1201"/>
      <c r="Y120" s="1203"/>
      <c r="Z120" s="226"/>
      <c r="AA120" s="227"/>
      <c r="AB120" s="227"/>
      <c r="AC120" s="106"/>
      <c r="AD120" s="1208"/>
      <c r="AE120" s="1209"/>
      <c r="AF120" s="1209"/>
      <c r="AG120" s="1209"/>
      <c r="AH120" s="1209"/>
      <c r="AI120" s="1209"/>
      <c r="AJ120" s="1209"/>
      <c r="AK120" s="1209"/>
      <c r="AL120" s="1209"/>
      <c r="AM120" s="1210"/>
      <c r="AO120" s="1222"/>
      <c r="AP120" s="1222"/>
      <c r="AQ120" s="1222"/>
      <c r="AR120" s="1222"/>
      <c r="AS120" s="1222"/>
      <c r="AT120" s="1222"/>
      <c r="AU120" s="1222"/>
      <c r="AV120" s="1222"/>
      <c r="AW120" s="1222"/>
      <c r="AX120" s="1222"/>
      <c r="AY120" s="1222"/>
      <c r="AZ120" s="1222"/>
      <c r="BA120" s="1214"/>
      <c r="BB120" s="1214"/>
      <c r="BC120" s="1214"/>
      <c r="BD120" s="1214"/>
      <c r="BE120" s="1214"/>
      <c r="BF120" s="1214"/>
      <c r="BG120" s="1214"/>
      <c r="BH120" s="1214"/>
      <c r="BI120" s="1214"/>
      <c r="BJ120" s="1214"/>
      <c r="BK120" s="1214"/>
      <c r="BL120" s="1214"/>
      <c r="BM120" s="1214"/>
      <c r="BN120" s="1214"/>
      <c r="BO120" s="1214"/>
    </row>
    <row r="121" spans="1:71" s="79" customFormat="1" ht="5.25" customHeight="1">
      <c r="A121" s="84"/>
      <c r="B121" s="103"/>
      <c r="C121" s="103"/>
      <c r="D121" s="1183"/>
      <c r="E121" s="1184"/>
      <c r="F121" s="1184"/>
      <c r="G121" s="1184"/>
      <c r="H121" s="1184"/>
      <c r="I121" s="1184"/>
      <c r="J121" s="1184"/>
      <c r="K121" s="1184"/>
      <c r="L121" s="1184"/>
      <c r="M121" s="1196"/>
      <c r="N121" s="1197"/>
      <c r="O121" s="1197"/>
      <c r="P121" s="930"/>
      <c r="Q121" s="1200" t="s">
        <v>194</v>
      </c>
      <c r="R121" s="1201"/>
      <c r="S121" s="1201"/>
      <c r="T121" s="1201"/>
      <c r="U121" s="1201"/>
      <c r="V121" s="1201"/>
      <c r="W121" s="1201"/>
      <c r="X121" s="1201"/>
      <c r="Y121" s="1203"/>
      <c r="Z121" s="226"/>
      <c r="AA121" s="227"/>
      <c r="AB121" s="227"/>
      <c r="AC121" s="106"/>
      <c r="AD121" s="1208"/>
      <c r="AE121" s="1209"/>
      <c r="AF121" s="1209"/>
      <c r="AG121" s="1209"/>
      <c r="AH121" s="1209"/>
      <c r="AI121" s="1209"/>
      <c r="AJ121" s="1209"/>
      <c r="AK121" s="1209"/>
      <c r="AL121" s="1209"/>
      <c r="AM121" s="1210"/>
      <c r="AO121" s="1222"/>
      <c r="AP121" s="1222"/>
      <c r="AQ121" s="1222"/>
      <c r="AR121" s="1222"/>
      <c r="AS121" s="1222"/>
      <c r="AT121" s="1222"/>
      <c r="AU121" s="1222"/>
      <c r="AV121" s="1222"/>
      <c r="AW121" s="1222"/>
      <c r="AX121" s="1222"/>
      <c r="AY121" s="1222"/>
      <c r="AZ121" s="1222"/>
      <c r="BA121" s="1214"/>
      <c r="BB121" s="1214"/>
      <c r="BC121" s="1214"/>
      <c r="BD121" s="1214"/>
      <c r="BE121" s="1214"/>
      <c r="BF121" s="1214"/>
      <c r="BG121" s="1214"/>
      <c r="BH121" s="1214"/>
      <c r="BI121" s="1214"/>
      <c r="BJ121" s="1214"/>
      <c r="BK121" s="1214"/>
      <c r="BL121" s="1214"/>
      <c r="BM121" s="1214"/>
      <c r="BN121" s="1214"/>
      <c r="BO121" s="1214"/>
    </row>
    <row r="122" spans="1:71" s="79" customFormat="1" ht="5.25" customHeight="1">
      <c r="A122" s="84"/>
      <c r="B122" s="103"/>
      <c r="C122" s="103"/>
      <c r="D122" s="1185"/>
      <c r="E122" s="1186"/>
      <c r="F122" s="1186"/>
      <c r="G122" s="1186"/>
      <c r="H122" s="1186"/>
      <c r="I122" s="1186"/>
      <c r="J122" s="1186"/>
      <c r="K122" s="1186"/>
      <c r="L122" s="1186"/>
      <c r="M122" s="1216"/>
      <c r="N122" s="1217"/>
      <c r="O122" s="1217"/>
      <c r="P122" s="932"/>
      <c r="Q122" s="1200"/>
      <c r="R122" s="1201"/>
      <c r="S122" s="1201"/>
      <c r="T122" s="1204"/>
      <c r="U122" s="1204"/>
      <c r="V122" s="1204"/>
      <c r="W122" s="1204"/>
      <c r="X122" s="1204"/>
      <c r="Y122" s="1205"/>
      <c r="Z122" s="228"/>
      <c r="AA122" s="229"/>
      <c r="AB122" s="229"/>
      <c r="AC122" s="105"/>
      <c r="AD122" s="1211"/>
      <c r="AE122" s="1212"/>
      <c r="AF122" s="1212"/>
      <c r="AG122" s="1212"/>
      <c r="AH122" s="1212"/>
      <c r="AI122" s="1212"/>
      <c r="AJ122" s="1212"/>
      <c r="AK122" s="1212"/>
      <c r="AL122" s="1212"/>
      <c r="AM122" s="1213"/>
      <c r="AN122" s="109"/>
      <c r="AO122" s="1223"/>
      <c r="AP122" s="1223"/>
      <c r="AQ122" s="1223"/>
      <c r="AR122" s="1223"/>
      <c r="AS122" s="1223"/>
      <c r="AT122" s="1223"/>
      <c r="AU122" s="1223"/>
      <c r="AV122" s="1223"/>
      <c r="AW122" s="1223"/>
      <c r="AX122" s="1223"/>
      <c r="AY122" s="1223"/>
      <c r="AZ122" s="1223"/>
      <c r="BA122" s="1215"/>
      <c r="BB122" s="1215"/>
      <c r="BC122" s="1215"/>
      <c r="BD122" s="1215"/>
      <c r="BE122" s="1215"/>
      <c r="BF122" s="1215"/>
      <c r="BG122" s="1215"/>
      <c r="BH122" s="1215"/>
      <c r="BI122" s="1215"/>
      <c r="BJ122" s="1215"/>
      <c r="BK122" s="1215"/>
      <c r="BL122" s="1215"/>
      <c r="BM122" s="1215"/>
      <c r="BN122" s="1215"/>
      <c r="BO122" s="1215"/>
      <c r="BP122" s="108"/>
      <c r="BQ122" s="108"/>
    </row>
    <row r="123" spans="1:71" s="79" customFormat="1" ht="5.25" customHeight="1">
      <c r="A123" s="84"/>
      <c r="B123" s="103"/>
      <c r="C123" s="103"/>
      <c r="D123" s="927"/>
      <c r="E123" s="1191"/>
      <c r="F123" s="1191"/>
      <c r="G123" s="1191"/>
      <c r="H123" s="1191"/>
      <c r="I123" s="1191"/>
      <c r="J123" s="1191"/>
      <c r="K123" s="1191"/>
      <c r="L123" s="1191"/>
      <c r="M123" s="1194"/>
      <c r="N123" s="1195"/>
      <c r="O123" s="1195"/>
      <c r="P123" s="928"/>
      <c r="Q123" s="1198" t="s">
        <v>42</v>
      </c>
      <c r="R123" s="1199"/>
      <c r="S123" s="1199"/>
      <c r="T123" s="1199" t="s">
        <v>196</v>
      </c>
      <c r="U123" s="1199"/>
      <c r="V123" s="1199"/>
      <c r="W123" s="1199"/>
      <c r="X123" s="1199"/>
      <c r="Y123" s="1202"/>
      <c r="Z123" s="224"/>
      <c r="AA123" s="225"/>
      <c r="AB123" s="225"/>
      <c r="AC123" s="107"/>
      <c r="AD123" s="933"/>
      <c r="AE123" s="1206"/>
      <c r="AF123" s="1206"/>
      <c r="AG123" s="1206"/>
      <c r="AH123" s="1206"/>
      <c r="AI123" s="1206"/>
      <c r="AJ123" s="1206"/>
      <c r="AK123" s="1206"/>
      <c r="AL123" s="1206"/>
      <c r="AM123" s="1207"/>
      <c r="AN123" s="109"/>
      <c r="AO123" s="1218" t="s">
        <v>198</v>
      </c>
      <c r="AP123" s="1218"/>
      <c r="AQ123" s="1218"/>
      <c r="AR123" s="1218"/>
      <c r="AS123" s="1218"/>
      <c r="AT123" s="1218"/>
      <c r="AU123" s="1218" t="s">
        <v>197</v>
      </c>
      <c r="AV123" s="1218"/>
      <c r="AW123" s="1218"/>
      <c r="AX123" s="1218"/>
      <c r="AY123" s="1218"/>
      <c r="AZ123" s="1218"/>
      <c r="BA123" s="1221"/>
      <c r="BB123" s="1221"/>
      <c r="BC123" s="1221"/>
      <c r="BD123" s="1221"/>
      <c r="BE123" s="1221"/>
      <c r="BF123" s="1221"/>
      <c r="BG123" s="1221"/>
      <c r="BH123" s="1221"/>
      <c r="BI123" s="1221"/>
      <c r="BJ123" s="1221"/>
      <c r="BK123" s="1221"/>
      <c r="BL123" s="1221"/>
      <c r="BM123" s="1221"/>
      <c r="BN123" s="1221"/>
      <c r="BO123" s="1221"/>
      <c r="BP123" s="108"/>
      <c r="BQ123" s="108"/>
    </row>
    <row r="124" spans="1:71" s="79" customFormat="1" ht="5.25" customHeight="1">
      <c r="A124" s="84"/>
      <c r="B124" s="103"/>
      <c r="C124" s="103"/>
      <c r="D124" s="1183"/>
      <c r="E124" s="1184"/>
      <c r="F124" s="1184"/>
      <c r="G124" s="1184"/>
      <c r="H124" s="1184"/>
      <c r="I124" s="1184"/>
      <c r="J124" s="1184"/>
      <c r="K124" s="1184"/>
      <c r="L124" s="1184"/>
      <c r="M124" s="1196"/>
      <c r="N124" s="1197"/>
      <c r="O124" s="1197"/>
      <c r="P124" s="930"/>
      <c r="Q124" s="1200"/>
      <c r="R124" s="1201"/>
      <c r="S124" s="1201"/>
      <c r="T124" s="1201"/>
      <c r="U124" s="1201"/>
      <c r="V124" s="1201"/>
      <c r="W124" s="1201"/>
      <c r="X124" s="1201"/>
      <c r="Y124" s="1203"/>
      <c r="Z124" s="226"/>
      <c r="AA124" s="227"/>
      <c r="AB124" s="227"/>
      <c r="AC124" s="106"/>
      <c r="AD124" s="1208"/>
      <c r="AE124" s="1209"/>
      <c r="AF124" s="1209"/>
      <c r="AG124" s="1209"/>
      <c r="AH124" s="1209"/>
      <c r="AI124" s="1209"/>
      <c r="AJ124" s="1209"/>
      <c r="AK124" s="1209"/>
      <c r="AL124" s="1209"/>
      <c r="AM124" s="1210"/>
      <c r="AN124" s="109"/>
      <c r="AO124" s="1219"/>
      <c r="AP124" s="1219"/>
      <c r="AQ124" s="1219"/>
      <c r="AR124" s="1219"/>
      <c r="AS124" s="1219"/>
      <c r="AT124" s="1219"/>
      <c r="AU124" s="1219"/>
      <c r="AV124" s="1219"/>
      <c r="AW124" s="1219"/>
      <c r="AX124" s="1219"/>
      <c r="AY124" s="1219"/>
      <c r="AZ124" s="1219"/>
      <c r="BA124" s="1214"/>
      <c r="BB124" s="1214"/>
      <c r="BC124" s="1214"/>
      <c r="BD124" s="1214"/>
      <c r="BE124" s="1214"/>
      <c r="BF124" s="1214"/>
      <c r="BG124" s="1214"/>
      <c r="BH124" s="1214"/>
      <c r="BI124" s="1214"/>
      <c r="BJ124" s="1214"/>
      <c r="BK124" s="1214"/>
      <c r="BL124" s="1214"/>
      <c r="BM124" s="1214"/>
      <c r="BN124" s="1214"/>
      <c r="BO124" s="1214"/>
      <c r="BP124" s="108"/>
      <c r="BQ124" s="108"/>
    </row>
    <row r="125" spans="1:71" s="79" customFormat="1" ht="5.25" customHeight="1">
      <c r="A125" s="84"/>
      <c r="B125" s="103"/>
      <c r="C125" s="103"/>
      <c r="D125" s="1183"/>
      <c r="E125" s="1184"/>
      <c r="F125" s="1184"/>
      <c r="G125" s="1184"/>
      <c r="H125" s="1184"/>
      <c r="I125" s="1184"/>
      <c r="J125" s="1184"/>
      <c r="K125" s="1184"/>
      <c r="L125" s="1184"/>
      <c r="M125" s="1196"/>
      <c r="N125" s="1197"/>
      <c r="O125" s="1197"/>
      <c r="P125" s="930"/>
      <c r="Q125" s="1200" t="s">
        <v>194</v>
      </c>
      <c r="R125" s="1201"/>
      <c r="S125" s="1201"/>
      <c r="T125" s="1201"/>
      <c r="U125" s="1201"/>
      <c r="V125" s="1201"/>
      <c r="W125" s="1201"/>
      <c r="X125" s="1201"/>
      <c r="Y125" s="1203"/>
      <c r="Z125" s="226"/>
      <c r="AA125" s="227"/>
      <c r="AB125" s="227"/>
      <c r="AC125" s="106"/>
      <c r="AD125" s="1208"/>
      <c r="AE125" s="1209"/>
      <c r="AF125" s="1209"/>
      <c r="AG125" s="1209"/>
      <c r="AH125" s="1209"/>
      <c r="AI125" s="1209"/>
      <c r="AJ125" s="1209"/>
      <c r="AK125" s="1209"/>
      <c r="AL125" s="1209"/>
      <c r="AM125" s="1210"/>
      <c r="AN125" s="109"/>
      <c r="AO125" s="1219"/>
      <c r="AP125" s="1219"/>
      <c r="AQ125" s="1219"/>
      <c r="AR125" s="1219"/>
      <c r="AS125" s="1219"/>
      <c r="AT125" s="1219"/>
      <c r="AU125" s="1219"/>
      <c r="AV125" s="1219"/>
      <c r="AW125" s="1219"/>
      <c r="AX125" s="1219"/>
      <c r="AY125" s="1219"/>
      <c r="AZ125" s="1219"/>
      <c r="BA125" s="1214"/>
      <c r="BB125" s="1214"/>
      <c r="BC125" s="1214"/>
      <c r="BD125" s="1214"/>
      <c r="BE125" s="1214"/>
      <c r="BF125" s="1214"/>
      <c r="BG125" s="1214"/>
      <c r="BH125" s="1214"/>
      <c r="BI125" s="1214"/>
      <c r="BJ125" s="1214"/>
      <c r="BK125" s="1214"/>
      <c r="BL125" s="1214"/>
      <c r="BM125" s="1214"/>
      <c r="BN125" s="1214"/>
      <c r="BO125" s="1214"/>
      <c r="BP125" s="108"/>
      <c r="BQ125" s="108"/>
    </row>
    <row r="126" spans="1:71" s="79" customFormat="1" ht="5.25" customHeight="1">
      <c r="A126" s="84"/>
      <c r="B126" s="103"/>
      <c r="C126" s="103"/>
      <c r="D126" s="1185"/>
      <c r="E126" s="1186"/>
      <c r="F126" s="1186"/>
      <c r="G126" s="1186"/>
      <c r="H126" s="1186"/>
      <c r="I126" s="1186"/>
      <c r="J126" s="1186"/>
      <c r="K126" s="1186"/>
      <c r="L126" s="1186"/>
      <c r="M126" s="1216"/>
      <c r="N126" s="1217"/>
      <c r="O126" s="1217"/>
      <c r="P126" s="932"/>
      <c r="Q126" s="1224"/>
      <c r="R126" s="1204"/>
      <c r="S126" s="1204"/>
      <c r="T126" s="1204"/>
      <c r="U126" s="1204"/>
      <c r="V126" s="1204"/>
      <c r="W126" s="1204"/>
      <c r="X126" s="1204"/>
      <c r="Y126" s="1205"/>
      <c r="Z126" s="228"/>
      <c r="AA126" s="229"/>
      <c r="AB126" s="229"/>
      <c r="AC126" s="105"/>
      <c r="AD126" s="1211"/>
      <c r="AE126" s="1212"/>
      <c r="AF126" s="1212"/>
      <c r="AG126" s="1212"/>
      <c r="AH126" s="1212"/>
      <c r="AI126" s="1212"/>
      <c r="AJ126" s="1212"/>
      <c r="AK126" s="1212"/>
      <c r="AL126" s="1212"/>
      <c r="AM126" s="1213"/>
      <c r="AO126" s="1219"/>
      <c r="AP126" s="1219"/>
      <c r="AQ126" s="1219"/>
      <c r="AR126" s="1219"/>
      <c r="AS126" s="1219"/>
      <c r="AT126" s="1219"/>
      <c r="AU126" s="1219"/>
      <c r="AV126" s="1219"/>
      <c r="AW126" s="1219"/>
      <c r="AX126" s="1219"/>
      <c r="AY126" s="1219"/>
      <c r="AZ126" s="1219"/>
      <c r="BA126" s="1214"/>
      <c r="BB126" s="1214"/>
      <c r="BC126" s="1214"/>
      <c r="BD126" s="1214"/>
      <c r="BE126" s="1214"/>
      <c r="BF126" s="1214"/>
      <c r="BG126" s="1214"/>
      <c r="BH126" s="1214"/>
      <c r="BI126" s="1214"/>
      <c r="BJ126" s="1214"/>
      <c r="BK126" s="1214"/>
      <c r="BL126" s="1214"/>
      <c r="BM126" s="1214"/>
      <c r="BN126" s="1214"/>
      <c r="BO126" s="1214"/>
    </row>
    <row r="127" spans="1:71" s="79" customFormat="1" ht="5.25" customHeight="1">
      <c r="A127" s="84"/>
      <c r="B127" s="103"/>
      <c r="C127" s="103"/>
      <c r="D127" s="927"/>
      <c r="E127" s="1191"/>
      <c r="F127" s="1191"/>
      <c r="G127" s="1191"/>
      <c r="H127" s="1191"/>
      <c r="I127" s="1191"/>
      <c r="J127" s="1191"/>
      <c r="K127" s="1191"/>
      <c r="L127" s="1191"/>
      <c r="M127" s="1194"/>
      <c r="N127" s="1195"/>
      <c r="O127" s="1195"/>
      <c r="P127" s="928"/>
      <c r="Q127" s="1198" t="s">
        <v>42</v>
      </c>
      <c r="R127" s="1199"/>
      <c r="S127" s="1199"/>
      <c r="T127" s="1199" t="s">
        <v>196</v>
      </c>
      <c r="U127" s="1199"/>
      <c r="V127" s="1199"/>
      <c r="W127" s="1199"/>
      <c r="X127" s="1199"/>
      <c r="Y127" s="1202"/>
      <c r="Z127" s="224"/>
      <c r="AA127" s="225"/>
      <c r="AB127" s="225"/>
      <c r="AC127" s="107"/>
      <c r="AD127" s="933"/>
      <c r="AE127" s="1206"/>
      <c r="AF127" s="1206"/>
      <c r="AG127" s="1206"/>
      <c r="AH127" s="1206"/>
      <c r="AI127" s="1206"/>
      <c r="AJ127" s="1206"/>
      <c r="AK127" s="1206"/>
      <c r="AL127" s="1206"/>
      <c r="AM127" s="1207"/>
      <c r="AO127" s="1219"/>
      <c r="AP127" s="1219"/>
      <c r="AQ127" s="1219"/>
      <c r="AR127" s="1219"/>
      <c r="AS127" s="1219"/>
      <c r="AT127" s="1219"/>
      <c r="AU127" s="1219" t="s">
        <v>195</v>
      </c>
      <c r="AV127" s="1219"/>
      <c r="AW127" s="1219"/>
      <c r="AX127" s="1219"/>
      <c r="AY127" s="1219"/>
      <c r="AZ127" s="1219"/>
      <c r="BA127" s="1214"/>
      <c r="BB127" s="1214"/>
      <c r="BC127" s="1214"/>
      <c r="BD127" s="1214"/>
      <c r="BE127" s="1214"/>
      <c r="BF127" s="1214"/>
      <c r="BG127" s="1214"/>
      <c r="BH127" s="1214"/>
      <c r="BI127" s="1214"/>
      <c r="BJ127" s="1214"/>
      <c r="BK127" s="1214"/>
      <c r="BL127" s="1214"/>
      <c r="BM127" s="1214"/>
      <c r="BN127" s="1214"/>
      <c r="BO127" s="1214"/>
    </row>
    <row r="128" spans="1:71" s="79" customFormat="1" ht="5.25" customHeight="1">
      <c r="A128" s="84"/>
      <c r="B128" s="103"/>
      <c r="C128" s="103"/>
      <c r="D128" s="1183"/>
      <c r="E128" s="1184"/>
      <c r="F128" s="1184"/>
      <c r="G128" s="1184"/>
      <c r="H128" s="1184"/>
      <c r="I128" s="1184"/>
      <c r="J128" s="1184"/>
      <c r="K128" s="1184"/>
      <c r="L128" s="1184"/>
      <c r="M128" s="1196"/>
      <c r="N128" s="1197"/>
      <c r="O128" s="1197"/>
      <c r="P128" s="930"/>
      <c r="Q128" s="1200"/>
      <c r="R128" s="1201"/>
      <c r="S128" s="1201"/>
      <c r="T128" s="1201"/>
      <c r="U128" s="1201"/>
      <c r="V128" s="1201"/>
      <c r="W128" s="1201"/>
      <c r="X128" s="1201"/>
      <c r="Y128" s="1203"/>
      <c r="Z128" s="226"/>
      <c r="AA128" s="227"/>
      <c r="AB128" s="227"/>
      <c r="AC128" s="106"/>
      <c r="AD128" s="1208"/>
      <c r="AE128" s="1209"/>
      <c r="AF128" s="1209"/>
      <c r="AG128" s="1209"/>
      <c r="AH128" s="1209"/>
      <c r="AI128" s="1209"/>
      <c r="AJ128" s="1209"/>
      <c r="AK128" s="1209"/>
      <c r="AL128" s="1209"/>
      <c r="AM128" s="1210"/>
      <c r="AO128" s="1219"/>
      <c r="AP128" s="1219"/>
      <c r="AQ128" s="1219"/>
      <c r="AR128" s="1219"/>
      <c r="AS128" s="1219"/>
      <c r="AT128" s="1219"/>
      <c r="AU128" s="1219"/>
      <c r="AV128" s="1219"/>
      <c r="AW128" s="1219"/>
      <c r="AX128" s="1219"/>
      <c r="AY128" s="1219"/>
      <c r="AZ128" s="1219"/>
      <c r="BA128" s="1214"/>
      <c r="BB128" s="1214"/>
      <c r="BC128" s="1214"/>
      <c r="BD128" s="1214"/>
      <c r="BE128" s="1214"/>
      <c r="BF128" s="1214"/>
      <c r="BG128" s="1214"/>
      <c r="BH128" s="1214"/>
      <c r="BI128" s="1214"/>
      <c r="BJ128" s="1214"/>
      <c r="BK128" s="1214"/>
      <c r="BL128" s="1214"/>
      <c r="BM128" s="1214"/>
      <c r="BN128" s="1214"/>
      <c r="BO128" s="1214"/>
    </row>
    <row r="129" spans="1:71" s="79" customFormat="1" ht="5.25" customHeight="1">
      <c r="A129" s="84"/>
      <c r="B129" s="103"/>
      <c r="C129" s="103"/>
      <c r="D129" s="1183"/>
      <c r="E129" s="1184"/>
      <c r="F129" s="1184"/>
      <c r="G129" s="1184"/>
      <c r="H129" s="1184"/>
      <c r="I129" s="1184"/>
      <c r="J129" s="1184"/>
      <c r="K129" s="1184"/>
      <c r="L129" s="1184"/>
      <c r="M129" s="1196"/>
      <c r="N129" s="1197"/>
      <c r="O129" s="1197"/>
      <c r="P129" s="930"/>
      <c r="Q129" s="1200" t="s">
        <v>194</v>
      </c>
      <c r="R129" s="1201"/>
      <c r="S129" s="1201"/>
      <c r="T129" s="1201"/>
      <c r="U129" s="1201"/>
      <c r="V129" s="1201"/>
      <c r="W129" s="1201"/>
      <c r="X129" s="1201"/>
      <c r="Y129" s="1203"/>
      <c r="Z129" s="226"/>
      <c r="AA129" s="227"/>
      <c r="AB129" s="227"/>
      <c r="AC129" s="106"/>
      <c r="AD129" s="1208"/>
      <c r="AE129" s="1209"/>
      <c r="AF129" s="1209"/>
      <c r="AG129" s="1209"/>
      <c r="AH129" s="1209"/>
      <c r="AI129" s="1209"/>
      <c r="AJ129" s="1209"/>
      <c r="AK129" s="1209"/>
      <c r="AL129" s="1209"/>
      <c r="AM129" s="1210"/>
      <c r="AO129" s="1219"/>
      <c r="AP129" s="1219"/>
      <c r="AQ129" s="1219"/>
      <c r="AR129" s="1219"/>
      <c r="AS129" s="1219"/>
      <c r="AT129" s="1219"/>
      <c r="AU129" s="1219"/>
      <c r="AV129" s="1219"/>
      <c r="AW129" s="1219"/>
      <c r="AX129" s="1219"/>
      <c r="AY129" s="1219"/>
      <c r="AZ129" s="1219"/>
      <c r="BA129" s="1214"/>
      <c r="BB129" s="1214"/>
      <c r="BC129" s="1214"/>
      <c r="BD129" s="1214"/>
      <c r="BE129" s="1214"/>
      <c r="BF129" s="1214"/>
      <c r="BG129" s="1214"/>
      <c r="BH129" s="1214"/>
      <c r="BI129" s="1214"/>
      <c r="BJ129" s="1214"/>
      <c r="BK129" s="1214"/>
      <c r="BL129" s="1214"/>
      <c r="BM129" s="1214"/>
      <c r="BN129" s="1214"/>
      <c r="BO129" s="1214"/>
    </row>
    <row r="130" spans="1:71" s="79" customFormat="1" ht="5.25" customHeight="1">
      <c r="A130" s="84"/>
      <c r="B130" s="103"/>
      <c r="C130" s="103"/>
      <c r="D130" s="1192"/>
      <c r="E130" s="1193"/>
      <c r="F130" s="1193"/>
      <c r="G130" s="1193"/>
      <c r="H130" s="1193"/>
      <c r="I130" s="1193"/>
      <c r="J130" s="1193"/>
      <c r="K130" s="1193"/>
      <c r="L130" s="1193"/>
      <c r="M130" s="1196"/>
      <c r="N130" s="1197"/>
      <c r="O130" s="1197"/>
      <c r="P130" s="930"/>
      <c r="Q130" s="1224"/>
      <c r="R130" s="1204"/>
      <c r="S130" s="1204"/>
      <c r="T130" s="1204"/>
      <c r="U130" s="1204"/>
      <c r="V130" s="1204"/>
      <c r="W130" s="1204"/>
      <c r="X130" s="1204"/>
      <c r="Y130" s="1205"/>
      <c r="Z130" s="228"/>
      <c r="AA130" s="229"/>
      <c r="AB130" s="229"/>
      <c r="AC130" s="105"/>
      <c r="AD130" s="1211"/>
      <c r="AE130" s="1212"/>
      <c r="AF130" s="1212"/>
      <c r="AG130" s="1212"/>
      <c r="AH130" s="1212"/>
      <c r="AI130" s="1212"/>
      <c r="AJ130" s="1212"/>
      <c r="AK130" s="1212"/>
      <c r="AL130" s="1212"/>
      <c r="AM130" s="1213"/>
      <c r="AO130" s="1220"/>
      <c r="AP130" s="1220"/>
      <c r="AQ130" s="1220"/>
      <c r="AR130" s="1220"/>
      <c r="AS130" s="1220"/>
      <c r="AT130" s="1220"/>
      <c r="AU130" s="1220"/>
      <c r="AV130" s="1220"/>
      <c r="AW130" s="1220"/>
      <c r="AX130" s="1220"/>
      <c r="AY130" s="1220"/>
      <c r="AZ130" s="1220"/>
      <c r="BA130" s="1215"/>
      <c r="BB130" s="1215"/>
      <c r="BC130" s="1215"/>
      <c r="BD130" s="1215"/>
      <c r="BE130" s="1215"/>
      <c r="BF130" s="1215"/>
      <c r="BG130" s="1215"/>
      <c r="BH130" s="1215"/>
      <c r="BI130" s="1215"/>
      <c r="BJ130" s="1215"/>
      <c r="BK130" s="1215"/>
      <c r="BL130" s="1215"/>
      <c r="BM130" s="1215"/>
      <c r="BN130" s="1215"/>
      <c r="BO130" s="1215"/>
    </row>
    <row r="131" spans="1:71" s="79" customFormat="1" ht="5.25" customHeight="1">
      <c r="A131" s="84"/>
      <c r="B131" s="103"/>
      <c r="C131" s="103"/>
      <c r="D131" s="104"/>
      <c r="E131" s="104"/>
      <c r="F131" s="104"/>
      <c r="G131" s="104"/>
      <c r="H131" s="104"/>
      <c r="I131" s="104"/>
      <c r="J131" s="104"/>
      <c r="K131" s="104"/>
      <c r="L131" s="104"/>
      <c r="M131" s="104"/>
      <c r="N131" s="104"/>
      <c r="O131" s="104"/>
      <c r="P131" s="104"/>
      <c r="Q131" s="1225" t="s">
        <v>193</v>
      </c>
      <c r="R131" s="1226"/>
      <c r="S131" s="1226"/>
      <c r="T131" s="1226"/>
      <c r="U131" s="1226"/>
      <c r="V131" s="1226"/>
      <c r="W131" s="1226"/>
      <c r="X131" s="1226"/>
      <c r="Y131" s="1226"/>
      <c r="Z131" s="1226"/>
      <c r="AA131" s="1226"/>
      <c r="AB131" s="1226"/>
      <c r="AC131" s="1227"/>
      <c r="AD131" s="1230"/>
      <c r="AE131" s="1231"/>
      <c r="AF131" s="1231"/>
      <c r="AG131" s="1231"/>
      <c r="AH131" s="1231"/>
      <c r="AI131" s="1231"/>
      <c r="AJ131" s="1231"/>
      <c r="AK131" s="1231"/>
      <c r="AL131" s="1231"/>
      <c r="AM131" s="1232"/>
      <c r="AO131" s="1351" t="s">
        <v>273</v>
      </c>
      <c r="AP131" s="1351"/>
      <c r="AQ131" s="1351"/>
      <c r="AR131" s="1351"/>
      <c r="AS131" s="1351"/>
      <c r="AT131" s="1351"/>
      <c r="AU131" s="1351"/>
      <c r="AV131" s="1351"/>
      <c r="AW131" s="1351"/>
      <c r="AX131" s="1351"/>
      <c r="AY131" s="1351"/>
      <c r="AZ131" s="1351"/>
      <c r="BA131" s="1351"/>
      <c r="BB131" s="1351"/>
      <c r="BC131" s="1351"/>
      <c r="BD131" s="1351"/>
      <c r="BE131" s="1351"/>
      <c r="BF131" s="1351"/>
      <c r="BG131" s="1351"/>
      <c r="BH131" s="1351"/>
      <c r="BI131" s="1351"/>
      <c r="BJ131" s="1351"/>
      <c r="BK131" s="1351"/>
      <c r="BL131" s="1351"/>
      <c r="BM131" s="1351"/>
      <c r="BN131" s="1351"/>
      <c r="BO131" s="1351"/>
      <c r="BQ131" s="84"/>
    </row>
    <row r="132" spans="1:71" s="79" customFormat="1" ht="5.25" customHeight="1">
      <c r="A132" s="84"/>
      <c r="B132" s="103"/>
      <c r="C132" s="103"/>
      <c r="Q132" s="1228"/>
      <c r="R132" s="913"/>
      <c r="S132" s="913"/>
      <c r="T132" s="913"/>
      <c r="U132" s="913"/>
      <c r="V132" s="913"/>
      <c r="W132" s="913"/>
      <c r="X132" s="913"/>
      <c r="Y132" s="913"/>
      <c r="Z132" s="913"/>
      <c r="AA132" s="913"/>
      <c r="AB132" s="913"/>
      <c r="AC132" s="914"/>
      <c r="AD132" s="1233"/>
      <c r="AE132" s="1234"/>
      <c r="AF132" s="1234"/>
      <c r="AG132" s="1234"/>
      <c r="AH132" s="1234"/>
      <c r="AI132" s="1234"/>
      <c r="AJ132" s="1234"/>
      <c r="AK132" s="1234"/>
      <c r="AL132" s="1234"/>
      <c r="AM132" s="1235"/>
      <c r="AO132" s="1352"/>
      <c r="AP132" s="1352"/>
      <c r="AQ132" s="1352"/>
      <c r="AR132" s="1352"/>
      <c r="AS132" s="1352"/>
      <c r="AT132" s="1352"/>
      <c r="AU132" s="1352"/>
      <c r="AV132" s="1352"/>
      <c r="AW132" s="1352"/>
      <c r="AX132" s="1352"/>
      <c r="AY132" s="1352"/>
      <c r="AZ132" s="1352"/>
      <c r="BA132" s="1352"/>
      <c r="BB132" s="1352"/>
      <c r="BC132" s="1352"/>
      <c r="BD132" s="1352"/>
      <c r="BE132" s="1352"/>
      <c r="BF132" s="1352"/>
      <c r="BG132" s="1352"/>
      <c r="BH132" s="1352"/>
      <c r="BI132" s="1352"/>
      <c r="BJ132" s="1352"/>
      <c r="BK132" s="1352"/>
      <c r="BL132" s="1352"/>
      <c r="BM132" s="1352"/>
      <c r="BN132" s="1352"/>
      <c r="BO132" s="1352"/>
      <c r="BQ132" s="84"/>
    </row>
    <row r="133" spans="1:71" s="79" customFormat="1" ht="5.25" customHeight="1">
      <c r="A133" s="84"/>
      <c r="B133" s="103"/>
      <c r="C133" s="103"/>
      <c r="Q133" s="1228"/>
      <c r="R133" s="913"/>
      <c r="S133" s="913"/>
      <c r="T133" s="913"/>
      <c r="U133" s="913"/>
      <c r="V133" s="913"/>
      <c r="W133" s="913"/>
      <c r="X133" s="913"/>
      <c r="Y133" s="913"/>
      <c r="Z133" s="913"/>
      <c r="AA133" s="913"/>
      <c r="AB133" s="913"/>
      <c r="AC133" s="914"/>
      <c r="AD133" s="1233"/>
      <c r="AE133" s="1234"/>
      <c r="AF133" s="1234"/>
      <c r="AG133" s="1234"/>
      <c r="AH133" s="1234"/>
      <c r="AI133" s="1234"/>
      <c r="AJ133" s="1234"/>
      <c r="AK133" s="1234"/>
      <c r="AL133" s="1234"/>
      <c r="AM133" s="1235"/>
      <c r="AO133" s="1352"/>
      <c r="AP133" s="1352"/>
      <c r="AQ133" s="1352"/>
      <c r="AR133" s="1352"/>
      <c r="AS133" s="1352"/>
      <c r="AT133" s="1352"/>
      <c r="AU133" s="1352"/>
      <c r="AV133" s="1352"/>
      <c r="AW133" s="1352"/>
      <c r="AX133" s="1352"/>
      <c r="AY133" s="1352"/>
      <c r="AZ133" s="1352"/>
      <c r="BA133" s="1352"/>
      <c r="BB133" s="1352"/>
      <c r="BC133" s="1352"/>
      <c r="BD133" s="1352"/>
      <c r="BE133" s="1352"/>
      <c r="BF133" s="1352"/>
      <c r="BG133" s="1352"/>
      <c r="BH133" s="1352"/>
      <c r="BI133" s="1352"/>
      <c r="BJ133" s="1352"/>
      <c r="BK133" s="1352"/>
      <c r="BL133" s="1352"/>
      <c r="BM133" s="1352"/>
      <c r="BN133" s="1352"/>
      <c r="BO133" s="1352"/>
      <c r="BQ133" s="84"/>
    </row>
    <row r="134" spans="1:71" s="79" customFormat="1" ht="5.25" customHeight="1">
      <c r="A134" s="84"/>
      <c r="B134" s="103"/>
      <c r="C134" s="103"/>
      <c r="Q134" s="1229"/>
      <c r="R134" s="916"/>
      <c r="S134" s="916"/>
      <c r="T134" s="916"/>
      <c r="U134" s="916"/>
      <c r="V134" s="916"/>
      <c r="W134" s="916"/>
      <c r="X134" s="916"/>
      <c r="Y134" s="916"/>
      <c r="Z134" s="916"/>
      <c r="AA134" s="916"/>
      <c r="AB134" s="916"/>
      <c r="AC134" s="917"/>
      <c r="AD134" s="1236"/>
      <c r="AE134" s="1237"/>
      <c r="AF134" s="1237"/>
      <c r="AG134" s="1237"/>
      <c r="AH134" s="1237"/>
      <c r="AI134" s="1237"/>
      <c r="AJ134" s="1237"/>
      <c r="AK134" s="1237"/>
      <c r="AL134" s="1237"/>
      <c r="AM134" s="1238"/>
      <c r="AO134" s="1352"/>
      <c r="AP134" s="1352"/>
      <c r="AQ134" s="1352"/>
      <c r="AR134" s="1352"/>
      <c r="AS134" s="1352"/>
      <c r="AT134" s="1352"/>
      <c r="AU134" s="1352"/>
      <c r="AV134" s="1352"/>
      <c r="AW134" s="1352"/>
      <c r="AX134" s="1352"/>
      <c r="AY134" s="1352"/>
      <c r="AZ134" s="1352"/>
      <c r="BA134" s="1352"/>
      <c r="BB134" s="1352"/>
      <c r="BC134" s="1352"/>
      <c r="BD134" s="1352"/>
      <c r="BE134" s="1352"/>
      <c r="BF134" s="1352"/>
      <c r="BG134" s="1352"/>
      <c r="BH134" s="1352"/>
      <c r="BI134" s="1352"/>
      <c r="BJ134" s="1352"/>
      <c r="BK134" s="1352"/>
      <c r="BL134" s="1352"/>
      <c r="BM134" s="1352"/>
      <c r="BN134" s="1352"/>
      <c r="BO134" s="1352"/>
    </row>
    <row r="135" spans="1:71" s="79" customFormat="1" ht="5.25" customHeight="1">
      <c r="A135" s="84"/>
      <c r="C135" s="93"/>
      <c r="Q135" s="1240" t="s">
        <v>192</v>
      </c>
      <c r="R135" s="1199"/>
      <c r="S135" s="1199"/>
      <c r="T135" s="1199"/>
      <c r="U135" s="1199"/>
      <c r="V135" s="1199"/>
      <c r="W135" s="1199"/>
      <c r="X135" s="1199"/>
      <c r="Y135" s="1199"/>
      <c r="Z135" s="1199"/>
      <c r="AA135" s="1199"/>
      <c r="AB135" s="1199"/>
      <c r="AC135" s="1202"/>
      <c r="AD135" s="1245" t="s">
        <v>191</v>
      </c>
      <c r="AE135" s="1026"/>
      <c r="AF135" s="1026"/>
      <c r="AG135" s="1026"/>
      <c r="AH135" s="1026"/>
      <c r="AI135" s="1026"/>
      <c r="AJ135" s="1026"/>
      <c r="AK135" s="1026"/>
      <c r="AL135" s="1026"/>
      <c r="AM135" s="1246"/>
      <c r="AO135" s="1352"/>
      <c r="AP135" s="1352"/>
      <c r="AQ135" s="1352"/>
      <c r="AR135" s="1352"/>
      <c r="AS135" s="1352"/>
      <c r="AT135" s="1352"/>
      <c r="AU135" s="1352"/>
      <c r="AV135" s="1352"/>
      <c r="AW135" s="1352"/>
      <c r="AX135" s="1352"/>
      <c r="AY135" s="1352"/>
      <c r="AZ135" s="1352"/>
      <c r="BA135" s="1352"/>
      <c r="BB135" s="1352"/>
      <c r="BC135" s="1352"/>
      <c r="BD135" s="1352"/>
      <c r="BE135" s="1352"/>
      <c r="BF135" s="1352"/>
      <c r="BG135" s="1352"/>
      <c r="BH135" s="1352"/>
      <c r="BI135" s="1352"/>
      <c r="BJ135" s="1352"/>
      <c r="BK135" s="1352"/>
      <c r="BL135" s="1352"/>
      <c r="BM135" s="1352"/>
      <c r="BN135" s="1352"/>
      <c r="BO135" s="1352"/>
      <c r="BP135" s="79" t="s">
        <v>121</v>
      </c>
    </row>
    <row r="136" spans="1:71" s="79" customFormat="1" ht="5.25" customHeight="1">
      <c r="A136" s="84"/>
      <c r="C136" s="93"/>
      <c r="Q136" s="1241"/>
      <c r="R136" s="1201"/>
      <c r="S136" s="1201"/>
      <c r="T136" s="1201"/>
      <c r="U136" s="1201"/>
      <c r="V136" s="1201"/>
      <c r="W136" s="1201"/>
      <c r="X136" s="1201"/>
      <c r="Y136" s="1201"/>
      <c r="Z136" s="1201"/>
      <c r="AA136" s="1201"/>
      <c r="AB136" s="1201"/>
      <c r="AC136" s="1203"/>
      <c r="AD136" s="1028"/>
      <c r="AE136" s="1029"/>
      <c r="AF136" s="1029"/>
      <c r="AG136" s="1029"/>
      <c r="AH136" s="1029"/>
      <c r="AI136" s="1029"/>
      <c r="AJ136" s="1029"/>
      <c r="AK136" s="1029"/>
      <c r="AL136" s="1029"/>
      <c r="AM136" s="1247"/>
      <c r="AO136" s="1352"/>
      <c r="AP136" s="1352"/>
      <c r="AQ136" s="1352"/>
      <c r="AR136" s="1352"/>
      <c r="AS136" s="1352"/>
      <c r="AT136" s="1352"/>
      <c r="AU136" s="1352"/>
      <c r="AV136" s="1352"/>
      <c r="AW136" s="1352"/>
      <c r="AX136" s="1352"/>
      <c r="AY136" s="1352"/>
      <c r="AZ136" s="1352"/>
      <c r="BA136" s="1352"/>
      <c r="BB136" s="1352"/>
      <c r="BC136" s="1352"/>
      <c r="BD136" s="1352"/>
      <c r="BE136" s="1352"/>
      <c r="BF136" s="1352"/>
      <c r="BG136" s="1352"/>
      <c r="BH136" s="1352"/>
      <c r="BI136" s="1352"/>
      <c r="BJ136" s="1352"/>
      <c r="BK136" s="1352"/>
      <c r="BL136" s="1352"/>
      <c r="BM136" s="1352"/>
      <c r="BN136" s="1352"/>
      <c r="BO136" s="1352"/>
    </row>
    <row r="137" spans="1:71" s="79" customFormat="1" ht="5.25" customHeight="1">
      <c r="A137" s="84"/>
      <c r="B137" s="84"/>
      <c r="C137" s="98"/>
      <c r="Q137" s="1241"/>
      <c r="R137" s="1201"/>
      <c r="S137" s="1201"/>
      <c r="T137" s="1201"/>
      <c r="U137" s="1201"/>
      <c r="V137" s="1201"/>
      <c r="W137" s="1201"/>
      <c r="X137" s="1201"/>
      <c r="Y137" s="1201"/>
      <c r="Z137" s="1201"/>
      <c r="AA137" s="1201"/>
      <c r="AB137" s="1201"/>
      <c r="AC137" s="1203"/>
      <c r="AD137" s="1028"/>
      <c r="AE137" s="1029"/>
      <c r="AF137" s="1029"/>
      <c r="AG137" s="1029"/>
      <c r="AH137" s="1029"/>
      <c r="AI137" s="1029"/>
      <c r="AJ137" s="1029"/>
      <c r="AK137" s="1029"/>
      <c r="AL137" s="1029"/>
      <c r="AM137" s="1247"/>
      <c r="AO137" s="1352"/>
      <c r="AP137" s="1352"/>
      <c r="AQ137" s="1352"/>
      <c r="AR137" s="1352"/>
      <c r="AS137" s="1352"/>
      <c r="AT137" s="1352"/>
      <c r="AU137" s="1352"/>
      <c r="AV137" s="1352"/>
      <c r="AW137" s="1352"/>
      <c r="AX137" s="1352"/>
      <c r="AY137" s="1352"/>
      <c r="AZ137" s="1352"/>
      <c r="BA137" s="1352"/>
      <c r="BB137" s="1352"/>
      <c r="BC137" s="1352"/>
      <c r="BD137" s="1352"/>
      <c r="BE137" s="1352"/>
      <c r="BF137" s="1352"/>
      <c r="BG137" s="1352"/>
      <c r="BH137" s="1352"/>
      <c r="BI137" s="1352"/>
      <c r="BJ137" s="1352"/>
      <c r="BK137" s="1352"/>
      <c r="BL137" s="1352"/>
      <c r="BM137" s="1352"/>
      <c r="BN137" s="1352"/>
      <c r="BO137" s="1352"/>
      <c r="BP137" s="84"/>
      <c r="BQ137" s="84"/>
    </row>
    <row r="138" spans="1:71" s="79" customFormat="1" ht="5.25" customHeight="1">
      <c r="A138" s="84"/>
      <c r="B138" s="84"/>
      <c r="C138" s="98"/>
      <c r="Q138" s="1242"/>
      <c r="R138" s="1243"/>
      <c r="S138" s="1243"/>
      <c r="T138" s="1243"/>
      <c r="U138" s="1243"/>
      <c r="V138" s="1243"/>
      <c r="W138" s="1243"/>
      <c r="X138" s="1243"/>
      <c r="Y138" s="1243"/>
      <c r="Z138" s="1243"/>
      <c r="AA138" s="1243"/>
      <c r="AB138" s="1243"/>
      <c r="AC138" s="1244"/>
      <c r="AD138" s="1034"/>
      <c r="AE138" s="1035"/>
      <c r="AF138" s="1035"/>
      <c r="AG138" s="1035"/>
      <c r="AH138" s="1035"/>
      <c r="AI138" s="1035"/>
      <c r="AJ138" s="1035"/>
      <c r="AK138" s="1035"/>
      <c r="AL138" s="1035"/>
      <c r="AM138" s="1248"/>
      <c r="AO138" s="1352"/>
      <c r="AP138" s="1352"/>
      <c r="AQ138" s="1352"/>
      <c r="AR138" s="1352"/>
      <c r="AS138" s="1352"/>
      <c r="AT138" s="1352"/>
      <c r="AU138" s="1352"/>
      <c r="AV138" s="1352"/>
      <c r="AW138" s="1352"/>
      <c r="AX138" s="1352"/>
      <c r="AY138" s="1352"/>
      <c r="AZ138" s="1352"/>
      <c r="BA138" s="1352"/>
      <c r="BB138" s="1352"/>
      <c r="BC138" s="1352"/>
      <c r="BD138" s="1352"/>
      <c r="BE138" s="1352"/>
      <c r="BF138" s="1352"/>
      <c r="BG138" s="1352"/>
      <c r="BH138" s="1352"/>
      <c r="BI138" s="1352"/>
      <c r="BJ138" s="1352"/>
      <c r="BK138" s="1352"/>
      <c r="BL138" s="1352"/>
      <c r="BM138" s="1352"/>
      <c r="BN138" s="1352"/>
      <c r="BO138" s="1352"/>
      <c r="BQ138" s="78"/>
      <c r="BR138" s="78"/>
      <c r="BS138" s="78"/>
    </row>
    <row r="139" spans="1:71" s="79" customFormat="1" ht="5.25" customHeight="1">
      <c r="A139" s="84"/>
      <c r="B139" s="84"/>
      <c r="C139" s="98"/>
      <c r="Q139" s="254"/>
      <c r="R139" s="254"/>
      <c r="S139" s="254"/>
      <c r="T139" s="254"/>
      <c r="U139" s="254"/>
      <c r="V139" s="254"/>
      <c r="W139" s="254"/>
      <c r="X139" s="254"/>
      <c r="Y139" s="254"/>
      <c r="Z139" s="254"/>
      <c r="AA139" s="254"/>
      <c r="AB139" s="254"/>
      <c r="AC139" s="254"/>
      <c r="AD139" s="216"/>
      <c r="AE139" s="216"/>
      <c r="AF139" s="216"/>
      <c r="AG139" s="216"/>
      <c r="AH139" s="216"/>
      <c r="AI139" s="216"/>
      <c r="AJ139" s="216"/>
      <c r="AK139" s="216"/>
      <c r="AL139" s="216"/>
      <c r="AM139" s="216"/>
      <c r="AO139" s="1352"/>
      <c r="AP139" s="1352"/>
      <c r="AQ139" s="1352"/>
      <c r="AR139" s="1352"/>
      <c r="AS139" s="1352"/>
      <c r="AT139" s="1352"/>
      <c r="AU139" s="1352"/>
      <c r="AV139" s="1352"/>
      <c r="AW139" s="1352"/>
      <c r="AX139" s="1352"/>
      <c r="AY139" s="1352"/>
      <c r="AZ139" s="1352"/>
      <c r="BA139" s="1352"/>
      <c r="BB139" s="1352"/>
      <c r="BC139" s="1352"/>
      <c r="BD139" s="1352"/>
      <c r="BE139" s="1352"/>
      <c r="BF139" s="1352"/>
      <c r="BG139" s="1352"/>
      <c r="BH139" s="1352"/>
      <c r="BI139" s="1352"/>
      <c r="BJ139" s="1352"/>
      <c r="BK139" s="1352"/>
      <c r="BL139" s="1352"/>
      <c r="BM139" s="1352"/>
      <c r="BN139" s="1352"/>
      <c r="BO139" s="1352"/>
      <c r="BQ139" s="78"/>
      <c r="BR139" s="78"/>
      <c r="BS139" s="78"/>
    </row>
    <row r="140" spans="1:71" s="79" customFormat="1" ht="5.25" customHeight="1">
      <c r="A140" s="84"/>
      <c r="B140" s="84"/>
      <c r="C140" s="98"/>
      <c r="Q140" s="254"/>
      <c r="R140" s="254"/>
      <c r="S140" s="254"/>
      <c r="T140" s="254"/>
      <c r="U140" s="254"/>
      <c r="V140" s="254"/>
      <c r="W140" s="254"/>
      <c r="X140" s="254"/>
      <c r="Y140" s="254"/>
      <c r="Z140" s="254"/>
      <c r="AA140" s="254"/>
      <c r="AB140" s="254"/>
      <c r="AC140" s="254"/>
      <c r="AD140" s="216"/>
      <c r="AE140" s="216"/>
      <c r="AF140" s="216"/>
      <c r="AG140" s="216"/>
      <c r="AH140" s="216"/>
      <c r="AI140" s="216"/>
      <c r="AJ140" s="216"/>
      <c r="AK140" s="216"/>
      <c r="AL140" s="216"/>
      <c r="AM140" s="216"/>
      <c r="AO140" s="339"/>
      <c r="AP140" s="339"/>
      <c r="AQ140" s="339"/>
      <c r="AR140" s="339"/>
      <c r="AS140" s="339"/>
      <c r="AT140" s="339"/>
      <c r="AU140" s="339"/>
      <c r="AV140" s="339"/>
      <c r="AW140" s="339"/>
      <c r="AX140" s="339"/>
      <c r="AY140" s="339"/>
      <c r="AZ140" s="339"/>
      <c r="BA140" s="339"/>
      <c r="BB140" s="339"/>
      <c r="BC140" s="339"/>
      <c r="BD140" s="339"/>
      <c r="BE140" s="339"/>
      <c r="BF140" s="339"/>
      <c r="BG140" s="339"/>
      <c r="BH140" s="339"/>
      <c r="BI140" s="339"/>
      <c r="BJ140" s="339"/>
      <c r="BK140" s="339"/>
      <c r="BL140" s="339"/>
      <c r="BM140" s="339"/>
      <c r="BN140" s="339"/>
      <c r="BO140" s="339"/>
      <c r="BQ140" s="78"/>
      <c r="BR140" s="78"/>
      <c r="BS140" s="78"/>
    </row>
    <row r="141" spans="1:71" s="79" customFormat="1" ht="5.25" customHeight="1">
      <c r="A141" s="84"/>
      <c r="B141" s="84"/>
      <c r="C141" s="98"/>
      <c r="D141" s="1249" t="s">
        <v>252</v>
      </c>
      <c r="E141" s="1249"/>
      <c r="F141" s="1249"/>
      <c r="G141" s="1249"/>
      <c r="H141" s="1249"/>
      <c r="I141" s="1249"/>
      <c r="J141" s="1249"/>
      <c r="K141" s="1249"/>
      <c r="L141" s="1249"/>
      <c r="M141" s="1249"/>
      <c r="N141" s="1249"/>
      <c r="O141" s="1249"/>
      <c r="P141" s="1249"/>
      <c r="Q141" s="1249"/>
      <c r="R141" s="1249"/>
      <c r="S141" s="1249"/>
      <c r="T141" s="1249"/>
      <c r="U141" s="1249"/>
      <c r="V141" s="1249"/>
      <c r="W141" s="1249"/>
      <c r="X141" s="1249"/>
      <c r="Y141" s="1249"/>
      <c r="Z141" s="1249"/>
      <c r="AA141" s="1249"/>
      <c r="AB141" s="1249"/>
      <c r="AC141" s="260"/>
      <c r="AD141" s="260"/>
      <c r="AE141" s="260"/>
      <c r="AF141" s="102"/>
      <c r="AG141" s="98"/>
      <c r="AH141" s="98"/>
      <c r="AI141" s="98"/>
      <c r="AJ141" s="98"/>
      <c r="AK141" s="98"/>
      <c r="AL141" s="98"/>
      <c r="AM141" s="98"/>
      <c r="AO141" s="339"/>
      <c r="AP141" s="339"/>
      <c r="AQ141" s="339"/>
      <c r="AR141" s="339"/>
      <c r="AS141" s="339"/>
      <c r="AT141" s="339"/>
      <c r="AU141" s="339"/>
      <c r="AV141" s="339"/>
      <c r="AW141" s="339"/>
      <c r="AX141" s="339"/>
      <c r="AY141" s="339"/>
      <c r="AZ141" s="339"/>
      <c r="BA141" s="339"/>
      <c r="BB141" s="339"/>
      <c r="BC141" s="339"/>
      <c r="BD141" s="339"/>
      <c r="BE141" s="339"/>
      <c r="BF141" s="339"/>
      <c r="BG141" s="339"/>
      <c r="BH141" s="339"/>
      <c r="BI141" s="339"/>
      <c r="BJ141" s="339"/>
      <c r="BK141" s="339"/>
      <c r="BL141" s="339"/>
      <c r="BM141" s="339"/>
      <c r="BN141" s="339"/>
      <c r="BO141" s="339"/>
      <c r="BQ141" s="78"/>
      <c r="BR141" s="78"/>
      <c r="BS141" s="78"/>
    </row>
    <row r="142" spans="1:71" s="79" customFormat="1" ht="5.25" customHeight="1">
      <c r="A142" s="84"/>
      <c r="B142" s="84"/>
      <c r="C142" s="98"/>
      <c r="D142" s="1249"/>
      <c r="E142" s="1249"/>
      <c r="F142" s="1249"/>
      <c r="G142" s="1249"/>
      <c r="H142" s="1249"/>
      <c r="I142" s="1249"/>
      <c r="J142" s="1249"/>
      <c r="K142" s="1249"/>
      <c r="L142" s="1249"/>
      <c r="M142" s="1249"/>
      <c r="N142" s="1249"/>
      <c r="O142" s="1249"/>
      <c r="P142" s="1249"/>
      <c r="Q142" s="1249"/>
      <c r="R142" s="1249"/>
      <c r="S142" s="1249"/>
      <c r="T142" s="1249"/>
      <c r="U142" s="1249"/>
      <c r="V142" s="1249"/>
      <c r="W142" s="1249"/>
      <c r="X142" s="1249"/>
      <c r="Y142" s="1249"/>
      <c r="Z142" s="1249"/>
      <c r="AA142" s="1249"/>
      <c r="AB142" s="1249"/>
      <c r="AC142" s="260"/>
      <c r="AD142" s="260"/>
      <c r="AE142" s="260"/>
      <c r="AF142" s="102"/>
      <c r="AG142" s="98"/>
      <c r="AH142" s="98"/>
      <c r="AI142" s="98"/>
      <c r="AJ142" s="98"/>
      <c r="AK142" s="98"/>
      <c r="AL142" s="98"/>
      <c r="AM142" s="98"/>
      <c r="AO142" s="339"/>
      <c r="AP142" s="339"/>
      <c r="AQ142" s="339"/>
      <c r="AR142" s="339"/>
      <c r="AS142" s="339"/>
      <c r="AT142" s="339"/>
      <c r="AU142" s="339"/>
      <c r="AV142" s="339"/>
      <c r="AW142" s="339"/>
      <c r="AX142" s="339"/>
      <c r="AY142" s="339"/>
      <c r="AZ142" s="339"/>
      <c r="BA142" s="339"/>
      <c r="BB142" s="339"/>
      <c r="BC142" s="339"/>
      <c r="BD142" s="339"/>
      <c r="BE142" s="339"/>
      <c r="BF142" s="339"/>
      <c r="BG142" s="339"/>
      <c r="BH142" s="339"/>
      <c r="BI142" s="339"/>
      <c r="BJ142" s="339"/>
      <c r="BK142" s="339"/>
      <c r="BL142" s="339"/>
      <c r="BM142" s="339"/>
      <c r="BN142" s="339"/>
      <c r="BO142" s="339"/>
      <c r="BQ142" s="78"/>
      <c r="BR142" s="78"/>
      <c r="BS142" s="78"/>
    </row>
    <row r="143" spans="1:71" s="79" customFormat="1" ht="5.25" customHeight="1">
      <c r="A143" s="84"/>
      <c r="B143" s="84"/>
      <c r="C143" s="98"/>
      <c r="D143" s="908"/>
      <c r="E143" s="908"/>
      <c r="F143" s="908"/>
      <c r="G143" s="908"/>
      <c r="H143" s="908"/>
      <c r="I143" s="908"/>
      <c r="J143" s="908"/>
      <c r="K143" s="908"/>
      <c r="L143" s="908"/>
      <c r="M143" s="908"/>
      <c r="N143" s="908"/>
      <c r="O143" s="908"/>
      <c r="P143" s="908"/>
      <c r="Q143" s="908"/>
      <c r="R143" s="908"/>
      <c r="S143" s="908"/>
      <c r="T143" s="908"/>
      <c r="U143" s="908"/>
      <c r="V143" s="908"/>
      <c r="W143" s="908"/>
      <c r="X143" s="908"/>
      <c r="Y143" s="908"/>
      <c r="Z143" s="908"/>
      <c r="AA143" s="908"/>
      <c r="AB143" s="908"/>
      <c r="AC143" s="209"/>
      <c r="AD143" s="209"/>
      <c r="AE143" s="260"/>
      <c r="AF143" s="101"/>
      <c r="AG143" s="101"/>
      <c r="AH143" s="101"/>
      <c r="AI143" s="101"/>
      <c r="AJ143" s="101"/>
      <c r="AK143" s="101"/>
      <c r="AL143" s="101"/>
      <c r="AM143" s="101"/>
      <c r="AO143" s="1250" t="s">
        <v>190</v>
      </c>
      <c r="AP143" s="1250"/>
      <c r="AQ143" s="1250"/>
      <c r="AR143" s="1250"/>
      <c r="AS143" s="1250"/>
      <c r="AT143" s="1250"/>
      <c r="AU143" s="1250"/>
      <c r="AV143" s="1250"/>
      <c r="AW143" s="1250"/>
      <c r="AX143" s="1250"/>
      <c r="AY143" s="1250"/>
      <c r="AZ143" s="1250"/>
      <c r="BA143" s="1250"/>
      <c r="BB143" s="1250"/>
      <c r="BC143" s="1250"/>
      <c r="BD143" s="1250"/>
      <c r="BE143" s="1250"/>
      <c r="BF143" s="1250"/>
      <c r="BG143" s="1250"/>
      <c r="BH143" s="1250"/>
      <c r="BI143" s="1250"/>
      <c r="BJ143" s="1250"/>
      <c r="BK143" s="1250"/>
      <c r="BL143" s="1250"/>
      <c r="BM143" s="1250"/>
      <c r="BN143" s="1250"/>
      <c r="BO143" s="1250"/>
      <c r="BQ143" s="78"/>
      <c r="BR143" s="78"/>
      <c r="BS143" s="78"/>
    </row>
    <row r="144" spans="1:71" s="79" customFormat="1" ht="5.25" customHeight="1">
      <c r="A144" s="84"/>
      <c r="B144" s="84"/>
      <c r="C144" s="98"/>
      <c r="D144" s="1252" t="s">
        <v>247</v>
      </c>
      <c r="E144" s="1253"/>
      <c r="F144" s="1253"/>
      <c r="G144" s="1253"/>
      <c r="H144" s="1253"/>
      <c r="I144" s="1253"/>
      <c r="J144" s="1253"/>
      <c r="K144" s="1254"/>
      <c r="L144" s="1254"/>
      <c r="M144" s="909" t="s">
        <v>189</v>
      </c>
      <c r="N144" s="910"/>
      <c r="O144" s="910"/>
      <c r="P144" s="910"/>
      <c r="Q144" s="910"/>
      <c r="R144" s="910"/>
      <c r="S144" s="910"/>
      <c r="T144" s="910"/>
      <c r="U144" s="910"/>
      <c r="V144" s="910"/>
      <c r="W144" s="910"/>
      <c r="X144" s="910"/>
      <c r="Y144" s="910"/>
      <c r="Z144" s="910"/>
      <c r="AA144" s="910"/>
      <c r="AB144" s="910"/>
      <c r="AC144" s="910"/>
      <c r="AD144" s="910"/>
      <c r="AE144" s="910"/>
      <c r="AF144" s="910"/>
      <c r="AG144" s="910"/>
      <c r="AH144" s="910"/>
      <c r="AI144" s="910"/>
      <c r="AJ144" s="910"/>
      <c r="AK144" s="910"/>
      <c r="AL144" s="910"/>
      <c r="AM144" s="1023"/>
      <c r="AO144" s="1250"/>
      <c r="AP144" s="1250"/>
      <c r="AQ144" s="1250"/>
      <c r="AR144" s="1250"/>
      <c r="AS144" s="1250"/>
      <c r="AT144" s="1250"/>
      <c r="AU144" s="1250"/>
      <c r="AV144" s="1250"/>
      <c r="AW144" s="1250"/>
      <c r="AX144" s="1250"/>
      <c r="AY144" s="1250"/>
      <c r="AZ144" s="1250"/>
      <c r="BA144" s="1250"/>
      <c r="BB144" s="1250"/>
      <c r="BC144" s="1250"/>
      <c r="BD144" s="1250"/>
      <c r="BE144" s="1250"/>
      <c r="BF144" s="1250"/>
      <c r="BG144" s="1250"/>
      <c r="BH144" s="1250"/>
      <c r="BI144" s="1250"/>
      <c r="BJ144" s="1250"/>
      <c r="BK144" s="1250"/>
      <c r="BL144" s="1250"/>
      <c r="BM144" s="1250"/>
      <c r="BN144" s="1250"/>
      <c r="BO144" s="1250"/>
      <c r="BQ144" s="78"/>
      <c r="BR144" s="78"/>
      <c r="BS144" s="78"/>
    </row>
    <row r="145" spans="1:71" s="79" customFormat="1" ht="5.25" customHeight="1">
      <c r="A145" s="84"/>
      <c r="B145" s="84"/>
      <c r="C145" s="98"/>
      <c r="D145" s="1255"/>
      <c r="E145" s="1256"/>
      <c r="F145" s="1256"/>
      <c r="G145" s="1256"/>
      <c r="H145" s="1256"/>
      <c r="I145" s="1256"/>
      <c r="J145" s="1256"/>
      <c r="K145" s="1257"/>
      <c r="L145" s="1257"/>
      <c r="M145" s="912"/>
      <c r="N145" s="913"/>
      <c r="O145" s="913"/>
      <c r="P145" s="913"/>
      <c r="Q145" s="913"/>
      <c r="R145" s="913"/>
      <c r="S145" s="913"/>
      <c r="T145" s="913"/>
      <c r="U145" s="913"/>
      <c r="V145" s="913"/>
      <c r="W145" s="913"/>
      <c r="X145" s="913"/>
      <c r="Y145" s="913"/>
      <c r="Z145" s="913"/>
      <c r="AA145" s="913"/>
      <c r="AB145" s="913"/>
      <c r="AC145" s="913"/>
      <c r="AD145" s="913"/>
      <c r="AE145" s="913"/>
      <c r="AF145" s="913"/>
      <c r="AG145" s="913"/>
      <c r="AH145" s="913"/>
      <c r="AI145" s="913"/>
      <c r="AJ145" s="913"/>
      <c r="AK145" s="913"/>
      <c r="AL145" s="913"/>
      <c r="AM145" s="1024"/>
      <c r="AO145" s="1251"/>
      <c r="AP145" s="1251"/>
      <c r="AQ145" s="1251"/>
      <c r="AR145" s="1251"/>
      <c r="AS145" s="1251"/>
      <c r="AT145" s="1251"/>
      <c r="AU145" s="1251"/>
      <c r="AV145" s="1251"/>
      <c r="AW145" s="1251"/>
      <c r="AX145" s="1251"/>
      <c r="AY145" s="1251"/>
      <c r="AZ145" s="1251"/>
      <c r="BA145" s="1251"/>
      <c r="BB145" s="1251"/>
      <c r="BC145" s="1251"/>
      <c r="BD145" s="1251"/>
      <c r="BE145" s="1251"/>
      <c r="BF145" s="1251"/>
      <c r="BG145" s="1251"/>
      <c r="BH145" s="1251"/>
      <c r="BI145" s="1251"/>
      <c r="BJ145" s="1251"/>
      <c r="BK145" s="1251"/>
      <c r="BL145" s="1251"/>
      <c r="BM145" s="1251"/>
      <c r="BN145" s="1251"/>
      <c r="BO145" s="1251"/>
      <c r="BQ145" s="78"/>
      <c r="BR145" s="78"/>
      <c r="BS145" s="78"/>
    </row>
    <row r="146" spans="1:71" s="79" customFormat="1" ht="5.25" customHeight="1">
      <c r="A146" s="84"/>
      <c r="B146" s="84"/>
      <c r="C146" s="98"/>
      <c r="D146" s="1255"/>
      <c r="E146" s="1256"/>
      <c r="F146" s="1256"/>
      <c r="G146" s="1256"/>
      <c r="H146" s="1256"/>
      <c r="I146" s="1256"/>
      <c r="J146" s="1256"/>
      <c r="K146" s="1257"/>
      <c r="L146" s="1257"/>
      <c r="M146" s="912"/>
      <c r="N146" s="913"/>
      <c r="O146" s="913"/>
      <c r="P146" s="913"/>
      <c r="Q146" s="913"/>
      <c r="R146" s="913"/>
      <c r="S146" s="913"/>
      <c r="T146" s="913"/>
      <c r="U146" s="913"/>
      <c r="V146" s="913"/>
      <c r="W146" s="913"/>
      <c r="X146" s="913"/>
      <c r="Y146" s="913"/>
      <c r="Z146" s="913"/>
      <c r="AA146" s="913"/>
      <c r="AB146" s="913"/>
      <c r="AC146" s="913"/>
      <c r="AD146" s="913"/>
      <c r="AE146" s="913"/>
      <c r="AF146" s="913"/>
      <c r="AG146" s="913"/>
      <c r="AH146" s="913"/>
      <c r="AI146" s="913"/>
      <c r="AJ146" s="913"/>
      <c r="AK146" s="913"/>
      <c r="AL146" s="913"/>
      <c r="AM146" s="1024"/>
      <c r="AO146" s="1259" t="s">
        <v>188</v>
      </c>
      <c r="AP146" s="1260"/>
      <c r="AQ146" s="1260"/>
      <c r="AR146" s="1260"/>
      <c r="AS146" s="1260"/>
      <c r="AT146" s="1260"/>
      <c r="AU146" s="1260"/>
      <c r="AV146" s="1260"/>
      <c r="AW146" s="1260"/>
      <c r="AX146" s="1260"/>
      <c r="AY146" s="1260"/>
      <c r="AZ146" s="1261"/>
      <c r="BA146" s="1268" t="s">
        <v>187</v>
      </c>
      <c r="BB146" s="1269"/>
      <c r="BC146" s="1269"/>
      <c r="BD146" s="1269"/>
      <c r="BE146" s="1270"/>
      <c r="BF146" s="1268" t="s">
        <v>186</v>
      </c>
      <c r="BG146" s="1269"/>
      <c r="BH146" s="1269"/>
      <c r="BI146" s="1269"/>
      <c r="BJ146" s="1269"/>
      <c r="BK146" s="1269"/>
      <c r="BL146" s="1269"/>
      <c r="BM146" s="1269"/>
      <c r="BN146" s="1277" t="s">
        <v>4</v>
      </c>
      <c r="BO146" s="1278"/>
      <c r="BQ146" s="78"/>
      <c r="BR146" s="78"/>
      <c r="BS146" s="78"/>
    </row>
    <row r="147" spans="1:71" s="79" customFormat="1" ht="5.25" customHeight="1">
      <c r="A147" s="84"/>
      <c r="B147" s="84"/>
      <c r="C147" s="98"/>
      <c r="D147" s="1255"/>
      <c r="E147" s="1256"/>
      <c r="F147" s="1256"/>
      <c r="G147" s="1256"/>
      <c r="H147" s="1256"/>
      <c r="I147" s="1256"/>
      <c r="J147" s="1256"/>
      <c r="K147" s="1257"/>
      <c r="L147" s="1257"/>
      <c r="M147" s="915"/>
      <c r="N147" s="916"/>
      <c r="O147" s="916"/>
      <c r="P147" s="916"/>
      <c r="Q147" s="916"/>
      <c r="R147" s="916"/>
      <c r="S147" s="916"/>
      <c r="T147" s="916"/>
      <c r="U147" s="916"/>
      <c r="V147" s="916"/>
      <c r="W147" s="916"/>
      <c r="X147" s="916"/>
      <c r="Y147" s="916"/>
      <c r="Z147" s="916"/>
      <c r="AA147" s="916"/>
      <c r="AB147" s="916"/>
      <c r="AC147" s="916"/>
      <c r="AD147" s="916"/>
      <c r="AE147" s="916"/>
      <c r="AF147" s="916"/>
      <c r="AG147" s="916"/>
      <c r="AH147" s="916"/>
      <c r="AI147" s="916"/>
      <c r="AJ147" s="916"/>
      <c r="AK147" s="916"/>
      <c r="AL147" s="916"/>
      <c r="AM147" s="1258"/>
      <c r="AO147" s="1262"/>
      <c r="AP147" s="1263"/>
      <c r="AQ147" s="1263"/>
      <c r="AR147" s="1263"/>
      <c r="AS147" s="1263"/>
      <c r="AT147" s="1263"/>
      <c r="AU147" s="1263"/>
      <c r="AV147" s="1263"/>
      <c r="AW147" s="1263"/>
      <c r="AX147" s="1263"/>
      <c r="AY147" s="1263"/>
      <c r="AZ147" s="1264"/>
      <c r="BA147" s="1271"/>
      <c r="BB147" s="1272"/>
      <c r="BC147" s="1272"/>
      <c r="BD147" s="1272"/>
      <c r="BE147" s="1273"/>
      <c r="BF147" s="1271"/>
      <c r="BG147" s="1272"/>
      <c r="BH147" s="1272"/>
      <c r="BI147" s="1272"/>
      <c r="BJ147" s="1272"/>
      <c r="BK147" s="1272"/>
      <c r="BL147" s="1272"/>
      <c r="BM147" s="1272"/>
      <c r="BN147" s="1279"/>
      <c r="BO147" s="1280"/>
      <c r="BQ147" s="78"/>
      <c r="BR147" s="78"/>
      <c r="BS147" s="78"/>
    </row>
    <row r="148" spans="1:71" s="79" customFormat="1" ht="5.25" customHeight="1">
      <c r="A148" s="84"/>
      <c r="B148" s="84"/>
      <c r="C148" s="98"/>
      <c r="D148" s="1283"/>
      <c r="E148" s="1284"/>
      <c r="F148" s="1284"/>
      <c r="G148" s="1284"/>
      <c r="H148" s="1284"/>
      <c r="I148" s="1284"/>
      <c r="J148" s="1284"/>
      <c r="K148" s="1257"/>
      <c r="L148" s="1257"/>
      <c r="M148" s="250"/>
      <c r="N148" s="251"/>
      <c r="O148" s="251"/>
      <c r="P148" s="251"/>
      <c r="Q148" s="251"/>
      <c r="R148" s="251"/>
      <c r="S148" s="251"/>
      <c r="T148" s="251"/>
      <c r="U148" s="251"/>
      <c r="V148" s="251"/>
      <c r="W148" s="251"/>
      <c r="X148" s="251"/>
      <c r="Y148" s="251"/>
      <c r="Z148" s="251"/>
      <c r="AA148" s="251"/>
      <c r="AB148" s="251"/>
      <c r="AC148" s="251"/>
      <c r="AD148" s="251"/>
      <c r="AE148" s="251"/>
      <c r="AF148" s="251"/>
      <c r="AG148" s="251"/>
      <c r="AH148" s="251"/>
      <c r="AI148" s="251"/>
      <c r="AJ148" s="251"/>
      <c r="AK148" s="251"/>
      <c r="AL148" s="251"/>
      <c r="AM148" s="99"/>
      <c r="AO148" s="1262"/>
      <c r="AP148" s="1263"/>
      <c r="AQ148" s="1263"/>
      <c r="AR148" s="1263"/>
      <c r="AS148" s="1263"/>
      <c r="AT148" s="1263"/>
      <c r="AU148" s="1263"/>
      <c r="AV148" s="1263"/>
      <c r="AW148" s="1263"/>
      <c r="AX148" s="1263"/>
      <c r="AY148" s="1263"/>
      <c r="AZ148" s="1264"/>
      <c r="BA148" s="1271"/>
      <c r="BB148" s="1272"/>
      <c r="BC148" s="1272"/>
      <c r="BD148" s="1272"/>
      <c r="BE148" s="1273"/>
      <c r="BF148" s="1271"/>
      <c r="BG148" s="1272"/>
      <c r="BH148" s="1272"/>
      <c r="BI148" s="1272"/>
      <c r="BJ148" s="1272"/>
      <c r="BK148" s="1272"/>
      <c r="BL148" s="1272"/>
      <c r="BM148" s="1272"/>
      <c r="BN148" s="1279"/>
      <c r="BO148" s="1280"/>
      <c r="BQ148" s="78"/>
      <c r="BR148" s="78"/>
      <c r="BS148" s="78"/>
    </row>
    <row r="149" spans="1:71" s="79" customFormat="1" ht="5.25" customHeight="1">
      <c r="A149" s="84"/>
      <c r="B149" s="84"/>
      <c r="C149" s="98"/>
      <c r="D149" s="1285"/>
      <c r="E149" s="1284"/>
      <c r="F149" s="1284"/>
      <c r="G149" s="1284"/>
      <c r="H149" s="1284"/>
      <c r="I149" s="1284"/>
      <c r="J149" s="1284"/>
      <c r="K149" s="1257"/>
      <c r="L149" s="1257"/>
      <c r="M149" s="252"/>
      <c r="N149" s="253"/>
      <c r="O149" s="253"/>
      <c r="P149" s="253"/>
      <c r="Q149" s="253"/>
      <c r="R149" s="253"/>
      <c r="S149" s="253"/>
      <c r="T149" s="253"/>
      <c r="U149" s="253"/>
      <c r="V149" s="253"/>
      <c r="W149" s="253"/>
      <c r="X149" s="253"/>
      <c r="Y149" s="253"/>
      <c r="Z149" s="253"/>
      <c r="AA149" s="253"/>
      <c r="AB149" s="253"/>
      <c r="AC149" s="253"/>
      <c r="AD149" s="253"/>
      <c r="AE149" s="253"/>
      <c r="AF149" s="253"/>
      <c r="AG149" s="253"/>
      <c r="AH149" s="253"/>
      <c r="AI149" s="253"/>
      <c r="AJ149" s="253"/>
      <c r="AK149" s="253"/>
      <c r="AL149" s="253"/>
      <c r="AM149" s="97"/>
      <c r="AO149" s="1265"/>
      <c r="AP149" s="1266"/>
      <c r="AQ149" s="1266"/>
      <c r="AR149" s="1266"/>
      <c r="AS149" s="1266"/>
      <c r="AT149" s="1266"/>
      <c r="AU149" s="1266"/>
      <c r="AV149" s="1266"/>
      <c r="AW149" s="1266"/>
      <c r="AX149" s="1266"/>
      <c r="AY149" s="1266"/>
      <c r="AZ149" s="1267"/>
      <c r="BA149" s="1274"/>
      <c r="BB149" s="1275"/>
      <c r="BC149" s="1275"/>
      <c r="BD149" s="1275"/>
      <c r="BE149" s="1276"/>
      <c r="BF149" s="1274"/>
      <c r="BG149" s="1275"/>
      <c r="BH149" s="1275"/>
      <c r="BI149" s="1275"/>
      <c r="BJ149" s="1275"/>
      <c r="BK149" s="1275"/>
      <c r="BL149" s="1275"/>
      <c r="BM149" s="1275"/>
      <c r="BN149" s="1281"/>
      <c r="BO149" s="1282"/>
      <c r="BQ149" s="78"/>
      <c r="BR149" s="78"/>
      <c r="BS149" s="78"/>
    </row>
    <row r="150" spans="1:71" s="79" customFormat="1" ht="5.25" customHeight="1">
      <c r="A150" s="84"/>
      <c r="B150" s="84"/>
      <c r="C150" s="98"/>
      <c r="D150" s="1285"/>
      <c r="E150" s="1284"/>
      <c r="F150" s="1284"/>
      <c r="G150" s="1284"/>
      <c r="H150" s="1284"/>
      <c r="I150" s="1284"/>
      <c r="J150" s="1284"/>
      <c r="K150" s="1257"/>
      <c r="L150" s="1257"/>
      <c r="M150" s="252"/>
      <c r="N150" s="253"/>
      <c r="O150" s="253"/>
      <c r="P150" s="253"/>
      <c r="Q150" s="253"/>
      <c r="R150" s="253"/>
      <c r="S150" s="253"/>
      <c r="T150" s="253"/>
      <c r="U150" s="253"/>
      <c r="V150" s="253"/>
      <c r="W150" s="253"/>
      <c r="X150" s="253"/>
      <c r="Y150" s="253"/>
      <c r="Z150" s="253"/>
      <c r="AA150" s="253"/>
      <c r="AB150" s="253"/>
      <c r="AC150" s="253"/>
      <c r="AD150" s="253"/>
      <c r="AE150" s="253"/>
      <c r="AF150" s="253"/>
      <c r="AG150" s="253"/>
      <c r="AH150" s="253"/>
      <c r="AI150" s="253"/>
      <c r="AJ150" s="253"/>
      <c r="AK150" s="253"/>
      <c r="AL150" s="253"/>
      <c r="AM150" s="97"/>
      <c r="AO150" s="1286" t="s">
        <v>185</v>
      </c>
      <c r="AP150" s="1287"/>
      <c r="AQ150" s="1287"/>
      <c r="AR150" s="1287"/>
      <c r="AS150" s="1287"/>
      <c r="AT150" s="1287"/>
      <c r="AU150" s="1287"/>
      <c r="AV150" s="1287"/>
      <c r="AW150" s="1287"/>
      <c r="AX150" s="1287"/>
      <c r="AY150" s="1287"/>
      <c r="AZ150" s="1288"/>
      <c r="BA150" s="933" t="s">
        <v>4</v>
      </c>
      <c r="BB150" s="934"/>
      <c r="BC150" s="934"/>
      <c r="BD150" s="934"/>
      <c r="BE150" s="934"/>
      <c r="BF150" s="934"/>
      <c r="BG150" s="934"/>
      <c r="BH150" s="934"/>
      <c r="BI150" s="934"/>
      <c r="BJ150" s="934"/>
      <c r="BK150" s="934"/>
      <c r="BL150" s="934"/>
      <c r="BM150" s="934"/>
      <c r="BN150" s="934"/>
      <c r="BO150" s="951"/>
      <c r="BQ150" s="78"/>
      <c r="BR150" s="78"/>
      <c r="BS150" s="78"/>
    </row>
    <row r="151" spans="1:71" s="79" customFormat="1" ht="5.25" customHeight="1">
      <c r="A151" s="84"/>
      <c r="B151" s="84"/>
      <c r="C151" s="98"/>
      <c r="D151" s="1285"/>
      <c r="E151" s="1284"/>
      <c r="F151" s="1284"/>
      <c r="G151" s="1284"/>
      <c r="H151" s="1284"/>
      <c r="I151" s="1284"/>
      <c r="J151" s="1284"/>
      <c r="K151" s="1257"/>
      <c r="L151" s="1257"/>
      <c r="M151" s="255"/>
      <c r="N151" s="256"/>
      <c r="O151" s="256"/>
      <c r="P151" s="256"/>
      <c r="Q151" s="256"/>
      <c r="R151" s="256"/>
      <c r="S151" s="256"/>
      <c r="T151" s="256"/>
      <c r="U151" s="256"/>
      <c r="V151" s="256"/>
      <c r="W151" s="256"/>
      <c r="X151" s="256"/>
      <c r="Y151" s="256"/>
      <c r="Z151" s="256"/>
      <c r="AA151" s="256"/>
      <c r="AB151" s="256"/>
      <c r="AC151" s="256"/>
      <c r="AD151" s="256"/>
      <c r="AE151" s="256"/>
      <c r="AF151" s="256"/>
      <c r="AG151" s="256"/>
      <c r="AH151" s="256"/>
      <c r="AI151" s="256"/>
      <c r="AJ151" s="256"/>
      <c r="AK151" s="256"/>
      <c r="AL151" s="256"/>
      <c r="AM151" s="100"/>
      <c r="AO151" s="1289"/>
      <c r="AP151" s="1290"/>
      <c r="AQ151" s="1290"/>
      <c r="AR151" s="1290"/>
      <c r="AS151" s="1290"/>
      <c r="AT151" s="1290"/>
      <c r="AU151" s="1290"/>
      <c r="AV151" s="1290"/>
      <c r="AW151" s="1290"/>
      <c r="AX151" s="1290"/>
      <c r="AY151" s="1290"/>
      <c r="AZ151" s="1291"/>
      <c r="BA151" s="936"/>
      <c r="BB151" s="937"/>
      <c r="BC151" s="937"/>
      <c r="BD151" s="937"/>
      <c r="BE151" s="937"/>
      <c r="BF151" s="937"/>
      <c r="BG151" s="937"/>
      <c r="BH151" s="937"/>
      <c r="BI151" s="937"/>
      <c r="BJ151" s="937"/>
      <c r="BK151" s="937"/>
      <c r="BL151" s="937"/>
      <c r="BM151" s="937"/>
      <c r="BN151" s="937"/>
      <c r="BO151" s="952"/>
      <c r="BQ151" s="78"/>
      <c r="BR151" s="78"/>
      <c r="BS151" s="78"/>
    </row>
    <row r="152" spans="1:71" s="79" customFormat="1" ht="5.25" customHeight="1">
      <c r="A152" s="84"/>
      <c r="B152" s="84"/>
      <c r="C152" s="98"/>
      <c r="D152" s="1283"/>
      <c r="E152" s="1284"/>
      <c r="F152" s="1284"/>
      <c r="G152" s="1284"/>
      <c r="H152" s="1284"/>
      <c r="I152" s="1284"/>
      <c r="J152" s="1284"/>
      <c r="K152" s="1257"/>
      <c r="L152" s="1257"/>
      <c r="M152" s="250"/>
      <c r="N152" s="251"/>
      <c r="O152" s="251"/>
      <c r="P152" s="251"/>
      <c r="Q152" s="251"/>
      <c r="R152" s="251"/>
      <c r="S152" s="251"/>
      <c r="T152" s="251"/>
      <c r="U152" s="251"/>
      <c r="V152" s="251"/>
      <c r="W152" s="251"/>
      <c r="X152" s="251"/>
      <c r="Y152" s="251"/>
      <c r="Z152" s="251"/>
      <c r="AA152" s="251"/>
      <c r="AB152" s="251"/>
      <c r="AC152" s="251"/>
      <c r="AD152" s="251"/>
      <c r="AE152" s="251"/>
      <c r="AF152" s="251"/>
      <c r="AG152" s="251"/>
      <c r="AH152" s="251"/>
      <c r="AI152" s="251"/>
      <c r="AJ152" s="251"/>
      <c r="AK152" s="251"/>
      <c r="AL152" s="251"/>
      <c r="AM152" s="99"/>
      <c r="AO152" s="1289"/>
      <c r="AP152" s="1290"/>
      <c r="AQ152" s="1290"/>
      <c r="AR152" s="1290"/>
      <c r="AS152" s="1290"/>
      <c r="AT152" s="1290"/>
      <c r="AU152" s="1290"/>
      <c r="AV152" s="1290"/>
      <c r="AW152" s="1290"/>
      <c r="AX152" s="1290"/>
      <c r="AY152" s="1290"/>
      <c r="AZ152" s="1291"/>
      <c r="BA152" s="936"/>
      <c r="BB152" s="937"/>
      <c r="BC152" s="937"/>
      <c r="BD152" s="937"/>
      <c r="BE152" s="937"/>
      <c r="BF152" s="937"/>
      <c r="BG152" s="937"/>
      <c r="BH152" s="937"/>
      <c r="BI152" s="937"/>
      <c r="BJ152" s="937"/>
      <c r="BK152" s="937"/>
      <c r="BL152" s="937"/>
      <c r="BM152" s="937"/>
      <c r="BN152" s="937"/>
      <c r="BO152" s="952"/>
      <c r="BQ152" s="78"/>
      <c r="BR152" s="78"/>
      <c r="BS152" s="78"/>
    </row>
    <row r="153" spans="1:71" s="79" customFormat="1" ht="5.25" customHeight="1">
      <c r="A153" s="84"/>
      <c r="B153" s="84"/>
      <c r="C153" s="98"/>
      <c r="D153" s="1285"/>
      <c r="E153" s="1284"/>
      <c r="F153" s="1284"/>
      <c r="G153" s="1284"/>
      <c r="H153" s="1284"/>
      <c r="I153" s="1284"/>
      <c r="J153" s="1284"/>
      <c r="K153" s="1257"/>
      <c r="L153" s="1257"/>
      <c r="M153" s="252"/>
      <c r="N153" s="253"/>
      <c r="O153" s="253"/>
      <c r="P153" s="253"/>
      <c r="Q153" s="253"/>
      <c r="R153" s="253"/>
      <c r="S153" s="253"/>
      <c r="T153" s="253"/>
      <c r="U153" s="253"/>
      <c r="V153" s="253"/>
      <c r="W153" s="253"/>
      <c r="X153" s="253"/>
      <c r="Y153" s="253"/>
      <c r="Z153" s="253"/>
      <c r="AA153" s="253"/>
      <c r="AB153" s="253"/>
      <c r="AC153" s="253"/>
      <c r="AD153" s="253"/>
      <c r="AE153" s="253"/>
      <c r="AF153" s="253"/>
      <c r="AG153" s="253"/>
      <c r="AH153" s="253"/>
      <c r="AI153" s="253"/>
      <c r="AJ153" s="253"/>
      <c r="AK153" s="253"/>
      <c r="AL153" s="253"/>
      <c r="AM153" s="97"/>
      <c r="AO153" s="1289"/>
      <c r="AP153" s="1290"/>
      <c r="AQ153" s="1290"/>
      <c r="AR153" s="1290"/>
      <c r="AS153" s="1290"/>
      <c r="AT153" s="1290"/>
      <c r="AU153" s="1290"/>
      <c r="AV153" s="1290"/>
      <c r="AW153" s="1290"/>
      <c r="AX153" s="1290"/>
      <c r="AY153" s="1290"/>
      <c r="AZ153" s="1291"/>
      <c r="BA153" s="936"/>
      <c r="BB153" s="937"/>
      <c r="BC153" s="937"/>
      <c r="BD153" s="937"/>
      <c r="BE153" s="937"/>
      <c r="BF153" s="937"/>
      <c r="BG153" s="937"/>
      <c r="BH153" s="937"/>
      <c r="BI153" s="937"/>
      <c r="BJ153" s="937"/>
      <c r="BK153" s="937"/>
      <c r="BL153" s="937"/>
      <c r="BM153" s="937"/>
      <c r="BN153" s="937"/>
      <c r="BO153" s="952"/>
      <c r="BQ153" s="78"/>
      <c r="BR153" s="78"/>
      <c r="BS153" s="78"/>
    </row>
    <row r="154" spans="1:71" s="79" customFormat="1" ht="5.25" customHeight="1">
      <c r="A154" s="84"/>
      <c r="B154" s="84"/>
      <c r="C154" s="98"/>
      <c r="D154" s="1285"/>
      <c r="E154" s="1284"/>
      <c r="F154" s="1284"/>
      <c r="G154" s="1284"/>
      <c r="H154" s="1284"/>
      <c r="I154" s="1284"/>
      <c r="J154" s="1284"/>
      <c r="K154" s="1257"/>
      <c r="L154" s="1257"/>
      <c r="M154" s="252"/>
      <c r="N154" s="253"/>
      <c r="O154" s="253"/>
      <c r="P154" s="253"/>
      <c r="Q154" s="253"/>
      <c r="R154" s="253"/>
      <c r="S154" s="253"/>
      <c r="T154" s="253"/>
      <c r="U154" s="253"/>
      <c r="V154" s="253"/>
      <c r="W154" s="253"/>
      <c r="X154" s="253"/>
      <c r="Y154" s="253"/>
      <c r="Z154" s="253"/>
      <c r="AA154" s="253"/>
      <c r="AB154" s="253"/>
      <c r="AC154" s="253"/>
      <c r="AD154" s="253"/>
      <c r="AE154" s="253"/>
      <c r="AF154" s="253"/>
      <c r="AG154" s="253"/>
      <c r="AH154" s="253"/>
      <c r="AI154" s="253"/>
      <c r="AJ154" s="253"/>
      <c r="AK154" s="253"/>
      <c r="AL154" s="253"/>
      <c r="AM154" s="97"/>
      <c r="AO154" s="1292" t="s">
        <v>184</v>
      </c>
      <c r="AP154" s="1293"/>
      <c r="AQ154" s="1293"/>
      <c r="AR154" s="1293"/>
      <c r="AS154" s="1293"/>
      <c r="AT154" s="1293"/>
      <c r="AU154" s="1293"/>
      <c r="AV154" s="1293"/>
      <c r="AW154" s="1293"/>
      <c r="AX154" s="1293"/>
      <c r="AY154" s="1293"/>
      <c r="AZ154" s="1294"/>
      <c r="BA154" s="1298" t="s">
        <v>183</v>
      </c>
      <c r="BB154" s="1298"/>
      <c r="BC154" s="1298"/>
      <c r="BD154" s="1298"/>
      <c r="BE154" s="1298"/>
      <c r="BF154" s="1298"/>
      <c r="BG154" s="1299"/>
      <c r="BH154" s="1302" t="s">
        <v>182</v>
      </c>
      <c r="BI154" s="1302"/>
      <c r="BJ154" s="1302"/>
      <c r="BK154" s="1302"/>
      <c r="BL154" s="1302"/>
      <c r="BM154" s="1302"/>
      <c r="BN154" s="1302"/>
      <c r="BO154" s="1303"/>
      <c r="BQ154" s="78"/>
      <c r="BR154" s="78"/>
      <c r="BS154" s="78"/>
    </row>
    <row r="155" spans="1:71" s="79" customFormat="1" ht="5.25" customHeight="1">
      <c r="A155" s="84"/>
      <c r="B155" s="84"/>
      <c r="C155" s="98"/>
      <c r="D155" s="1285"/>
      <c r="E155" s="1284"/>
      <c r="F155" s="1284"/>
      <c r="G155" s="1284"/>
      <c r="H155" s="1284"/>
      <c r="I155" s="1284"/>
      <c r="J155" s="1284"/>
      <c r="K155" s="1257"/>
      <c r="L155" s="1257"/>
      <c r="M155" s="255"/>
      <c r="N155" s="256"/>
      <c r="O155" s="256"/>
      <c r="P155" s="256"/>
      <c r="Q155" s="256"/>
      <c r="R155" s="256"/>
      <c r="S155" s="256"/>
      <c r="T155" s="256"/>
      <c r="U155" s="256"/>
      <c r="V155" s="256"/>
      <c r="W155" s="256"/>
      <c r="X155" s="256"/>
      <c r="Y155" s="256"/>
      <c r="Z155" s="256"/>
      <c r="AA155" s="256"/>
      <c r="AB155" s="256"/>
      <c r="AC155" s="256"/>
      <c r="AD155" s="256"/>
      <c r="AE155" s="256"/>
      <c r="AF155" s="256"/>
      <c r="AG155" s="256"/>
      <c r="AH155" s="256"/>
      <c r="AI155" s="256"/>
      <c r="AJ155" s="256"/>
      <c r="AK155" s="256"/>
      <c r="AL155" s="256"/>
      <c r="AM155" s="100"/>
      <c r="AO155" s="1295"/>
      <c r="AP155" s="1296"/>
      <c r="AQ155" s="1296"/>
      <c r="AR155" s="1296"/>
      <c r="AS155" s="1296"/>
      <c r="AT155" s="1296"/>
      <c r="AU155" s="1296"/>
      <c r="AV155" s="1296"/>
      <c r="AW155" s="1296"/>
      <c r="AX155" s="1296"/>
      <c r="AY155" s="1296"/>
      <c r="AZ155" s="1297"/>
      <c r="BA155" s="1300"/>
      <c r="BB155" s="1300"/>
      <c r="BC155" s="1300"/>
      <c r="BD155" s="1300"/>
      <c r="BE155" s="1300"/>
      <c r="BF155" s="1300"/>
      <c r="BG155" s="1301"/>
      <c r="BH155" s="1304"/>
      <c r="BI155" s="1304"/>
      <c r="BJ155" s="1304"/>
      <c r="BK155" s="1304"/>
      <c r="BL155" s="1304"/>
      <c r="BM155" s="1304"/>
      <c r="BN155" s="1304"/>
      <c r="BO155" s="1305"/>
      <c r="BQ155" s="78"/>
      <c r="BR155" s="78"/>
      <c r="BS155" s="78"/>
    </row>
    <row r="156" spans="1:71" s="79" customFormat="1" ht="5.25" customHeight="1">
      <c r="A156" s="84"/>
      <c r="B156" s="84"/>
      <c r="C156" s="98"/>
      <c r="D156" s="1283"/>
      <c r="E156" s="1284"/>
      <c r="F156" s="1284"/>
      <c r="G156" s="1284"/>
      <c r="H156" s="1284"/>
      <c r="I156" s="1284"/>
      <c r="J156" s="1284"/>
      <c r="K156" s="1257"/>
      <c r="L156" s="1257"/>
      <c r="M156" s="250"/>
      <c r="N156" s="251"/>
      <c r="O156" s="251"/>
      <c r="P156" s="251"/>
      <c r="Q156" s="251"/>
      <c r="R156" s="251"/>
      <c r="S156" s="251"/>
      <c r="T156" s="251"/>
      <c r="U156" s="251"/>
      <c r="V156" s="251"/>
      <c r="W156" s="251"/>
      <c r="X156" s="251"/>
      <c r="Y156" s="251"/>
      <c r="Z156" s="251"/>
      <c r="AA156" s="251"/>
      <c r="AB156" s="251"/>
      <c r="AC156" s="251"/>
      <c r="AD156" s="251"/>
      <c r="AE156" s="251"/>
      <c r="AF156" s="251"/>
      <c r="AG156" s="251"/>
      <c r="AH156" s="251"/>
      <c r="AI156" s="251"/>
      <c r="AJ156" s="251"/>
      <c r="AK156" s="251"/>
      <c r="AL156" s="251"/>
      <c r="AM156" s="99"/>
      <c r="AO156" s="1295"/>
      <c r="AP156" s="1296"/>
      <c r="AQ156" s="1296"/>
      <c r="AR156" s="1296"/>
      <c r="AS156" s="1296"/>
      <c r="AT156" s="1296"/>
      <c r="AU156" s="1296"/>
      <c r="AV156" s="1296"/>
      <c r="AW156" s="1296"/>
      <c r="AX156" s="1296"/>
      <c r="AY156" s="1296"/>
      <c r="AZ156" s="1297"/>
      <c r="BA156" s="1306"/>
      <c r="BB156" s="1307"/>
      <c r="BC156" s="1307"/>
      <c r="BD156" s="1307"/>
      <c r="BE156" s="1307"/>
      <c r="BF156" s="1307"/>
      <c r="BG156" s="1307"/>
      <c r="BH156" s="1308" t="s">
        <v>4</v>
      </c>
      <c r="BI156" s="1279"/>
      <c r="BJ156" s="1279"/>
      <c r="BK156" s="1279"/>
      <c r="BL156" s="1279"/>
      <c r="BM156" s="1279"/>
      <c r="BN156" s="1279"/>
      <c r="BO156" s="1280"/>
      <c r="BQ156" s="78"/>
      <c r="BR156" s="78"/>
      <c r="BS156" s="78"/>
    </row>
    <row r="157" spans="1:71" s="79" customFormat="1" ht="5.25" customHeight="1">
      <c r="A157" s="84"/>
      <c r="B157" s="84"/>
      <c r="C157" s="98"/>
      <c r="D157" s="1285"/>
      <c r="E157" s="1284"/>
      <c r="F157" s="1284"/>
      <c r="G157" s="1284"/>
      <c r="H157" s="1284"/>
      <c r="I157" s="1284"/>
      <c r="J157" s="1284"/>
      <c r="K157" s="1257"/>
      <c r="L157" s="1257"/>
      <c r="M157" s="252"/>
      <c r="N157" s="253"/>
      <c r="O157" s="253"/>
      <c r="P157" s="253"/>
      <c r="Q157" s="253"/>
      <c r="R157" s="253"/>
      <c r="S157" s="253"/>
      <c r="T157" s="253"/>
      <c r="U157" s="253"/>
      <c r="V157" s="253"/>
      <c r="W157" s="253"/>
      <c r="X157" s="253"/>
      <c r="Y157" s="253"/>
      <c r="Z157" s="253"/>
      <c r="AA157" s="253"/>
      <c r="AB157" s="253"/>
      <c r="AC157" s="253"/>
      <c r="AD157" s="253"/>
      <c r="AE157" s="253"/>
      <c r="AF157" s="253"/>
      <c r="AG157" s="253"/>
      <c r="AH157" s="253"/>
      <c r="AI157" s="253"/>
      <c r="AJ157" s="253"/>
      <c r="AK157" s="253"/>
      <c r="AL157" s="253"/>
      <c r="AM157" s="97"/>
      <c r="AO157" s="1295"/>
      <c r="AP157" s="1296"/>
      <c r="AQ157" s="1296"/>
      <c r="AR157" s="1296"/>
      <c r="AS157" s="1296"/>
      <c r="AT157" s="1296"/>
      <c r="AU157" s="1296"/>
      <c r="AV157" s="1296"/>
      <c r="AW157" s="1296"/>
      <c r="AX157" s="1296"/>
      <c r="AY157" s="1296"/>
      <c r="AZ157" s="1297"/>
      <c r="BA157" s="1306"/>
      <c r="BB157" s="1307"/>
      <c r="BC157" s="1307"/>
      <c r="BD157" s="1307"/>
      <c r="BE157" s="1307"/>
      <c r="BF157" s="1307"/>
      <c r="BG157" s="1307"/>
      <c r="BH157" s="1308"/>
      <c r="BI157" s="1279"/>
      <c r="BJ157" s="1279"/>
      <c r="BK157" s="1279"/>
      <c r="BL157" s="1279"/>
      <c r="BM157" s="1279"/>
      <c r="BN157" s="1279"/>
      <c r="BO157" s="1280"/>
      <c r="BQ157" s="78"/>
      <c r="BR157" s="78"/>
      <c r="BS157" s="78"/>
    </row>
    <row r="158" spans="1:71" s="79" customFormat="1" ht="5.25" customHeight="1">
      <c r="A158" s="84"/>
      <c r="B158" s="84"/>
      <c r="C158" s="98"/>
      <c r="D158" s="1285"/>
      <c r="E158" s="1284"/>
      <c r="F158" s="1284"/>
      <c r="G158" s="1284"/>
      <c r="H158" s="1284"/>
      <c r="I158" s="1284"/>
      <c r="J158" s="1284"/>
      <c r="K158" s="1257"/>
      <c r="L158" s="1257"/>
      <c r="M158" s="252"/>
      <c r="N158" s="253"/>
      <c r="O158" s="253"/>
      <c r="P158" s="253"/>
      <c r="Q158" s="253"/>
      <c r="R158" s="253"/>
      <c r="S158" s="253"/>
      <c r="T158" s="253"/>
      <c r="U158" s="253"/>
      <c r="V158" s="253"/>
      <c r="W158" s="253"/>
      <c r="X158" s="253"/>
      <c r="Y158" s="253"/>
      <c r="Z158" s="253"/>
      <c r="AA158" s="253"/>
      <c r="AB158" s="253"/>
      <c r="AC158" s="253"/>
      <c r="AD158" s="253"/>
      <c r="AE158" s="253"/>
      <c r="AF158" s="253"/>
      <c r="AG158" s="253"/>
      <c r="AH158" s="253"/>
      <c r="AI158" s="253"/>
      <c r="AJ158" s="253"/>
      <c r="AK158" s="253"/>
      <c r="AL158" s="253"/>
      <c r="AM158" s="97"/>
      <c r="AO158" s="1309" t="s">
        <v>181</v>
      </c>
      <c r="AP158" s="1310"/>
      <c r="AQ158" s="1310"/>
      <c r="AR158" s="1310"/>
      <c r="AS158" s="1310"/>
      <c r="AT158" s="1310"/>
      <c r="AU158" s="1310"/>
      <c r="AV158" s="1310"/>
      <c r="AW158" s="1310"/>
      <c r="AX158" s="1310"/>
      <c r="AY158" s="1310"/>
      <c r="AZ158" s="1311"/>
      <c r="BA158" s="1312" t="s">
        <v>180</v>
      </c>
      <c r="BB158" s="1312"/>
      <c r="BC158" s="1312"/>
      <c r="BD158" s="1312"/>
      <c r="BE158" s="1312"/>
      <c r="BF158" s="1312"/>
      <c r="BG158" s="1312"/>
      <c r="BH158" s="1322" t="s">
        <v>179</v>
      </c>
      <c r="BI158" s="1322"/>
      <c r="BJ158" s="1322"/>
      <c r="BK158" s="1322"/>
      <c r="BL158" s="1322"/>
      <c r="BM158" s="1322"/>
      <c r="BN158" s="1322"/>
      <c r="BO158" s="1323"/>
      <c r="BQ158" s="78"/>
      <c r="BR158" s="78"/>
      <c r="BS158" s="78"/>
    </row>
    <row r="159" spans="1:71" s="79" customFormat="1" ht="5.25" customHeight="1">
      <c r="A159" s="84"/>
      <c r="B159" s="84"/>
      <c r="C159" s="98"/>
      <c r="D159" s="1285"/>
      <c r="E159" s="1284"/>
      <c r="F159" s="1284"/>
      <c r="G159" s="1284"/>
      <c r="H159" s="1284"/>
      <c r="I159" s="1284"/>
      <c r="J159" s="1284"/>
      <c r="K159" s="1257"/>
      <c r="L159" s="1257"/>
      <c r="M159" s="255"/>
      <c r="N159" s="256"/>
      <c r="O159" s="256"/>
      <c r="P159" s="256"/>
      <c r="Q159" s="256"/>
      <c r="R159" s="256"/>
      <c r="S159" s="256"/>
      <c r="T159" s="256"/>
      <c r="U159" s="256"/>
      <c r="V159" s="256"/>
      <c r="W159" s="256"/>
      <c r="X159" s="256"/>
      <c r="Y159" s="256"/>
      <c r="Z159" s="256"/>
      <c r="AA159" s="256"/>
      <c r="AB159" s="256"/>
      <c r="AC159" s="256"/>
      <c r="AD159" s="256"/>
      <c r="AE159" s="256"/>
      <c r="AF159" s="256"/>
      <c r="AG159" s="256"/>
      <c r="AH159" s="256"/>
      <c r="AI159" s="256"/>
      <c r="AJ159" s="256"/>
      <c r="AK159" s="256"/>
      <c r="AL159" s="256"/>
      <c r="AM159" s="100"/>
      <c r="AO159" s="1262"/>
      <c r="AP159" s="1263"/>
      <c r="AQ159" s="1263"/>
      <c r="AR159" s="1263"/>
      <c r="AS159" s="1263"/>
      <c r="AT159" s="1263"/>
      <c r="AU159" s="1263"/>
      <c r="AV159" s="1263"/>
      <c r="AW159" s="1263"/>
      <c r="AX159" s="1263"/>
      <c r="AY159" s="1263"/>
      <c r="AZ159" s="1264"/>
      <c r="BA159" s="1313"/>
      <c r="BB159" s="1313"/>
      <c r="BC159" s="1313"/>
      <c r="BD159" s="1313"/>
      <c r="BE159" s="1313"/>
      <c r="BF159" s="1313"/>
      <c r="BG159" s="1313"/>
      <c r="BH159" s="1324"/>
      <c r="BI159" s="1324"/>
      <c r="BJ159" s="1324"/>
      <c r="BK159" s="1324"/>
      <c r="BL159" s="1324"/>
      <c r="BM159" s="1324"/>
      <c r="BN159" s="1324"/>
      <c r="BO159" s="1325"/>
      <c r="BQ159" s="78"/>
      <c r="BR159" s="78"/>
      <c r="BS159" s="78"/>
    </row>
    <row r="160" spans="1:71" s="79" customFormat="1" ht="5.25" customHeight="1">
      <c r="A160" s="84"/>
      <c r="B160" s="84"/>
      <c r="C160" s="98"/>
      <c r="D160" s="1283"/>
      <c r="E160" s="1284"/>
      <c r="F160" s="1284"/>
      <c r="G160" s="1284"/>
      <c r="H160" s="1284"/>
      <c r="I160" s="1284"/>
      <c r="J160" s="1284"/>
      <c r="K160" s="1257"/>
      <c r="L160" s="1257"/>
      <c r="M160" s="250"/>
      <c r="N160" s="251"/>
      <c r="O160" s="251"/>
      <c r="P160" s="251"/>
      <c r="Q160" s="251"/>
      <c r="R160" s="251"/>
      <c r="S160" s="251"/>
      <c r="T160" s="251"/>
      <c r="U160" s="251"/>
      <c r="V160" s="251"/>
      <c r="W160" s="251"/>
      <c r="X160" s="251"/>
      <c r="Y160" s="251"/>
      <c r="Z160" s="251"/>
      <c r="AA160" s="251"/>
      <c r="AB160" s="251"/>
      <c r="AC160" s="251"/>
      <c r="AD160" s="251"/>
      <c r="AE160" s="251"/>
      <c r="AF160" s="251"/>
      <c r="AG160" s="251"/>
      <c r="AH160" s="251"/>
      <c r="AI160" s="251"/>
      <c r="AJ160" s="251"/>
      <c r="AK160" s="251"/>
      <c r="AL160" s="251"/>
      <c r="AM160" s="99"/>
      <c r="AO160" s="1262"/>
      <c r="AP160" s="1263"/>
      <c r="AQ160" s="1263"/>
      <c r="AR160" s="1263"/>
      <c r="AS160" s="1263"/>
      <c r="AT160" s="1263"/>
      <c r="AU160" s="1263"/>
      <c r="AV160" s="1263"/>
      <c r="AW160" s="1263"/>
      <c r="AX160" s="1263"/>
      <c r="AY160" s="1263"/>
      <c r="AZ160" s="1264"/>
      <c r="BA160" s="1313"/>
      <c r="BB160" s="1313"/>
      <c r="BC160" s="1313"/>
      <c r="BD160" s="1313"/>
      <c r="BE160" s="1313"/>
      <c r="BF160" s="1313"/>
      <c r="BG160" s="1313"/>
      <c r="BH160" s="1324"/>
      <c r="BI160" s="1324"/>
      <c r="BJ160" s="1324"/>
      <c r="BK160" s="1324"/>
      <c r="BL160" s="1324"/>
      <c r="BM160" s="1324"/>
      <c r="BN160" s="1324"/>
      <c r="BO160" s="1325"/>
      <c r="BQ160" s="78"/>
      <c r="BR160" s="78"/>
      <c r="BS160" s="78"/>
    </row>
    <row r="161" spans="1:72" s="79" customFormat="1" ht="5.25" customHeight="1">
      <c r="A161" s="84"/>
      <c r="B161" s="84"/>
      <c r="C161" s="98"/>
      <c r="D161" s="1285"/>
      <c r="E161" s="1284"/>
      <c r="F161" s="1284"/>
      <c r="G161" s="1284"/>
      <c r="H161" s="1284"/>
      <c r="I161" s="1284"/>
      <c r="J161" s="1284"/>
      <c r="K161" s="1257"/>
      <c r="L161" s="1257"/>
      <c r="M161" s="252"/>
      <c r="N161" s="253"/>
      <c r="O161" s="253"/>
      <c r="P161" s="253"/>
      <c r="Q161" s="253"/>
      <c r="R161" s="253"/>
      <c r="S161" s="253"/>
      <c r="T161" s="253"/>
      <c r="U161" s="253"/>
      <c r="V161" s="253"/>
      <c r="W161" s="253"/>
      <c r="X161" s="253"/>
      <c r="Y161" s="253"/>
      <c r="Z161" s="253"/>
      <c r="AA161" s="253"/>
      <c r="AB161" s="253"/>
      <c r="AC161" s="253"/>
      <c r="AD161" s="253"/>
      <c r="AE161" s="253"/>
      <c r="AF161" s="253"/>
      <c r="AG161" s="253"/>
      <c r="AH161" s="253"/>
      <c r="AI161" s="253"/>
      <c r="AJ161" s="253"/>
      <c r="AK161" s="253"/>
      <c r="AL161" s="253"/>
      <c r="AM161" s="97"/>
      <c r="AO161" s="1265"/>
      <c r="AP161" s="1266"/>
      <c r="AQ161" s="1266"/>
      <c r="AR161" s="1266"/>
      <c r="AS161" s="1266"/>
      <c r="AT161" s="1266"/>
      <c r="AU161" s="1266"/>
      <c r="AV161" s="1266"/>
      <c r="AW161" s="1266"/>
      <c r="AX161" s="1266"/>
      <c r="AY161" s="1266"/>
      <c r="AZ161" s="1267"/>
      <c r="BA161" s="1314"/>
      <c r="BB161" s="1314"/>
      <c r="BC161" s="1314"/>
      <c r="BD161" s="1314"/>
      <c r="BE161" s="1314"/>
      <c r="BF161" s="1314"/>
      <c r="BG161" s="1314"/>
      <c r="BH161" s="1326"/>
      <c r="BI161" s="1326"/>
      <c r="BJ161" s="1326"/>
      <c r="BK161" s="1326"/>
      <c r="BL161" s="1326"/>
      <c r="BM161" s="1326"/>
      <c r="BN161" s="1326"/>
      <c r="BO161" s="1327"/>
      <c r="BQ161" s="78"/>
      <c r="BR161" s="78"/>
      <c r="BS161" s="78"/>
    </row>
    <row r="162" spans="1:72" s="79" customFormat="1" ht="5.25" customHeight="1">
      <c r="A162" s="84"/>
      <c r="B162" s="84"/>
      <c r="C162" s="98"/>
      <c r="D162" s="1285"/>
      <c r="E162" s="1284"/>
      <c r="F162" s="1284"/>
      <c r="G162" s="1284"/>
      <c r="H162" s="1284"/>
      <c r="I162" s="1284"/>
      <c r="J162" s="1284"/>
      <c r="K162" s="1257"/>
      <c r="L162" s="1257"/>
      <c r="M162" s="252"/>
      <c r="N162" s="253"/>
      <c r="O162" s="253"/>
      <c r="P162" s="253"/>
      <c r="Q162" s="253"/>
      <c r="R162" s="253"/>
      <c r="S162" s="253"/>
      <c r="T162" s="253"/>
      <c r="U162" s="253"/>
      <c r="V162" s="253"/>
      <c r="W162" s="253"/>
      <c r="X162" s="253"/>
      <c r="Y162" s="253"/>
      <c r="Z162" s="253"/>
      <c r="AA162" s="253"/>
      <c r="AB162" s="253"/>
      <c r="AC162" s="253"/>
      <c r="AD162" s="253"/>
      <c r="AE162" s="253"/>
      <c r="AF162" s="253"/>
      <c r="AG162" s="253"/>
      <c r="AH162" s="253"/>
      <c r="AI162" s="253"/>
      <c r="AJ162" s="253"/>
      <c r="AK162" s="253"/>
      <c r="AL162" s="253"/>
      <c r="AM162" s="97"/>
      <c r="AO162" s="1331" t="s">
        <v>178</v>
      </c>
      <c r="AP162" s="1332"/>
      <c r="AQ162" s="1332"/>
      <c r="AR162" s="1332"/>
      <c r="AS162" s="1332"/>
      <c r="AT162" s="1332"/>
      <c r="AU162" s="1332"/>
      <c r="AV162" s="1332"/>
      <c r="AW162" s="1332"/>
      <c r="AX162" s="1332"/>
      <c r="AY162" s="1332"/>
      <c r="AZ162" s="1332"/>
      <c r="BA162" s="1332"/>
      <c r="BB162" s="1332"/>
      <c r="BC162" s="1332"/>
      <c r="BD162" s="1332"/>
      <c r="BE162" s="1332"/>
      <c r="BF162" s="1332"/>
      <c r="BG162" s="1332"/>
      <c r="BH162" s="1332"/>
      <c r="BI162" s="1332"/>
      <c r="BJ162" s="1332"/>
      <c r="BK162" s="1332"/>
      <c r="BL162" s="1332"/>
      <c r="BM162" s="1332"/>
      <c r="BN162" s="1332"/>
      <c r="BO162" s="1333"/>
      <c r="BQ162" s="78"/>
      <c r="BR162" s="78"/>
      <c r="BS162" s="78"/>
    </row>
    <row r="163" spans="1:72" s="79" customFormat="1" ht="5.25" customHeight="1">
      <c r="A163" s="84"/>
      <c r="C163" s="80"/>
      <c r="D163" s="1328"/>
      <c r="E163" s="1329"/>
      <c r="F163" s="1329"/>
      <c r="G163" s="1329"/>
      <c r="H163" s="1329"/>
      <c r="I163" s="1329"/>
      <c r="J163" s="1329"/>
      <c r="K163" s="1330"/>
      <c r="L163" s="1330"/>
      <c r="M163" s="96"/>
      <c r="N163" s="95"/>
      <c r="O163" s="95"/>
      <c r="P163" s="95"/>
      <c r="Q163" s="95"/>
      <c r="R163" s="95"/>
      <c r="S163" s="95"/>
      <c r="T163" s="95"/>
      <c r="U163" s="95"/>
      <c r="V163" s="95"/>
      <c r="W163" s="95"/>
      <c r="X163" s="95"/>
      <c r="Y163" s="95"/>
      <c r="Z163" s="95"/>
      <c r="AA163" s="95"/>
      <c r="AB163" s="95"/>
      <c r="AC163" s="95"/>
      <c r="AD163" s="95"/>
      <c r="AE163" s="95"/>
      <c r="AF163" s="95"/>
      <c r="AG163" s="95"/>
      <c r="AH163" s="95"/>
      <c r="AI163" s="95"/>
      <c r="AJ163" s="95"/>
      <c r="AK163" s="95"/>
      <c r="AL163" s="95"/>
      <c r="AM163" s="94"/>
      <c r="AO163" s="1334"/>
      <c r="AP163" s="1335"/>
      <c r="AQ163" s="1335"/>
      <c r="AR163" s="1335"/>
      <c r="AS163" s="1335"/>
      <c r="AT163" s="1335"/>
      <c r="AU163" s="1335"/>
      <c r="AV163" s="1335"/>
      <c r="AW163" s="1335"/>
      <c r="AX163" s="1335"/>
      <c r="AY163" s="1335"/>
      <c r="AZ163" s="1335"/>
      <c r="BA163" s="1335"/>
      <c r="BB163" s="1335"/>
      <c r="BC163" s="1335"/>
      <c r="BD163" s="1335"/>
      <c r="BE163" s="1335"/>
      <c r="BF163" s="1335"/>
      <c r="BG163" s="1335"/>
      <c r="BH163" s="1335"/>
      <c r="BI163" s="1335"/>
      <c r="BJ163" s="1335"/>
      <c r="BK163" s="1335"/>
      <c r="BL163" s="1335"/>
      <c r="BM163" s="1335"/>
      <c r="BN163" s="1335"/>
      <c r="BO163" s="1336"/>
      <c r="BQ163" s="84"/>
    </row>
    <row r="164" spans="1:72" s="79" customFormat="1" ht="5.25" customHeight="1">
      <c r="A164" s="84"/>
      <c r="C164" s="93"/>
      <c r="AO164" s="1334"/>
      <c r="AP164" s="1335"/>
      <c r="AQ164" s="1335"/>
      <c r="AR164" s="1335"/>
      <c r="AS164" s="1335"/>
      <c r="AT164" s="1335"/>
      <c r="AU164" s="1335"/>
      <c r="AV164" s="1335"/>
      <c r="AW164" s="1335"/>
      <c r="AX164" s="1335"/>
      <c r="AY164" s="1335"/>
      <c r="AZ164" s="1335"/>
      <c r="BA164" s="1335"/>
      <c r="BB164" s="1335"/>
      <c r="BC164" s="1335"/>
      <c r="BD164" s="1335"/>
      <c r="BE164" s="1335"/>
      <c r="BF164" s="1335"/>
      <c r="BG164" s="1335"/>
      <c r="BH164" s="1335"/>
      <c r="BI164" s="1335"/>
      <c r="BJ164" s="1335"/>
      <c r="BK164" s="1335"/>
      <c r="BL164" s="1335"/>
      <c r="BM164" s="1335"/>
      <c r="BN164" s="1335"/>
      <c r="BO164" s="1336"/>
      <c r="BP164" s="78"/>
      <c r="BQ164" s="84"/>
      <c r="BR164" s="84"/>
      <c r="BS164" s="84"/>
    </row>
    <row r="165" spans="1:72" s="79" customFormat="1" ht="5.25" customHeight="1">
      <c r="A165" s="84"/>
      <c r="C165" s="93"/>
      <c r="AO165" s="1337"/>
      <c r="AP165" s="1338"/>
      <c r="AQ165" s="1338"/>
      <c r="AR165" s="1338"/>
      <c r="AS165" s="1338"/>
      <c r="AT165" s="1338"/>
      <c r="AU165" s="1338"/>
      <c r="AV165" s="1338"/>
      <c r="AW165" s="1338"/>
      <c r="AX165" s="1338"/>
      <c r="AY165" s="1338"/>
      <c r="AZ165" s="1338"/>
      <c r="BA165" s="1338"/>
      <c r="BB165" s="1338"/>
      <c r="BC165" s="1338"/>
      <c r="BD165" s="1338"/>
      <c r="BE165" s="1338"/>
      <c r="BF165" s="1338"/>
      <c r="BG165" s="1338"/>
      <c r="BH165" s="1338"/>
      <c r="BI165" s="1338"/>
      <c r="BJ165" s="1338"/>
      <c r="BK165" s="1338"/>
      <c r="BL165" s="1338"/>
      <c r="BM165" s="1338"/>
      <c r="BN165" s="1338"/>
      <c r="BO165" s="1339"/>
      <c r="BP165" s="78"/>
      <c r="BQ165" s="84"/>
      <c r="BR165" s="84"/>
      <c r="BS165" s="84"/>
    </row>
    <row r="166" spans="1:72" ht="5.25" customHeight="1">
      <c r="A166" s="84"/>
      <c r="B166" s="79"/>
      <c r="C166" s="93"/>
      <c r="D166" s="1340" t="s">
        <v>177</v>
      </c>
      <c r="E166" s="1340"/>
      <c r="F166" s="1340"/>
      <c r="G166" s="1340"/>
      <c r="H166" s="1340"/>
      <c r="I166" s="1340"/>
      <c r="J166" s="1340"/>
      <c r="K166" s="1340"/>
      <c r="L166" s="1340"/>
      <c r="M166" s="1340"/>
      <c r="N166" s="1340"/>
      <c r="O166" s="1340"/>
      <c r="P166" s="1340"/>
      <c r="Q166" s="1340"/>
      <c r="R166" s="1340"/>
      <c r="S166" s="1340"/>
      <c r="T166" s="1340"/>
      <c r="U166" s="1340"/>
      <c r="V166" s="1340"/>
      <c r="W166" s="1340"/>
      <c r="X166" s="1340"/>
      <c r="Y166" s="1340"/>
      <c r="Z166" s="1340"/>
      <c r="AA166" s="1340"/>
      <c r="AB166" s="1340"/>
      <c r="AC166" s="1340"/>
      <c r="AD166" s="1340"/>
      <c r="AE166" s="78"/>
      <c r="AF166" s="78"/>
      <c r="AG166" s="78"/>
      <c r="AH166" s="78"/>
      <c r="AI166" s="78"/>
      <c r="AJ166" s="78"/>
      <c r="AK166" s="78"/>
      <c r="AL166" s="78"/>
      <c r="AM166" s="78"/>
      <c r="BQ166" s="82"/>
      <c r="BR166" s="82"/>
      <c r="BS166" s="82"/>
      <c r="BT166" s="79"/>
    </row>
    <row r="167" spans="1:72" ht="5.25" customHeight="1">
      <c r="A167" s="84"/>
      <c r="D167" s="1340"/>
      <c r="E167" s="1340"/>
      <c r="F167" s="1340"/>
      <c r="G167" s="1340"/>
      <c r="H167" s="1340"/>
      <c r="I167" s="1340"/>
      <c r="J167" s="1340"/>
      <c r="K167" s="1340"/>
      <c r="L167" s="1340"/>
      <c r="M167" s="1340"/>
      <c r="N167" s="1340"/>
      <c r="O167" s="1340"/>
      <c r="P167" s="1340"/>
      <c r="Q167" s="1340"/>
      <c r="R167" s="1340"/>
      <c r="S167" s="1340"/>
      <c r="T167" s="1340"/>
      <c r="U167" s="1340"/>
      <c r="V167" s="1340"/>
      <c r="W167" s="1340"/>
      <c r="X167" s="1340"/>
      <c r="Y167" s="1340"/>
      <c r="Z167" s="1340"/>
      <c r="AA167" s="1340"/>
      <c r="AB167" s="1340"/>
      <c r="AC167" s="1340"/>
      <c r="AD167" s="1340"/>
      <c r="AE167" s="78"/>
      <c r="AF167" s="78"/>
      <c r="AG167" s="78"/>
      <c r="AH167" s="78"/>
      <c r="AI167" s="78"/>
      <c r="AJ167" s="78"/>
      <c r="AK167" s="78"/>
      <c r="AL167" s="78"/>
      <c r="AM167" s="78"/>
      <c r="BQ167" s="82"/>
      <c r="BR167" s="82"/>
      <c r="BS167" s="82"/>
      <c r="BT167" s="79"/>
    </row>
    <row r="168" spans="1:72" ht="5.25" customHeight="1">
      <c r="A168" s="84"/>
      <c r="D168" s="1340"/>
      <c r="E168" s="1340"/>
      <c r="F168" s="1340"/>
      <c r="G168" s="1340"/>
      <c r="H168" s="1340"/>
      <c r="I168" s="1340"/>
      <c r="J168" s="1340"/>
      <c r="K168" s="1340"/>
      <c r="L168" s="1340"/>
      <c r="M168" s="1340"/>
      <c r="N168" s="1340"/>
      <c r="O168" s="1340"/>
      <c r="P168" s="1340"/>
      <c r="Q168" s="1340"/>
      <c r="R168" s="1340"/>
      <c r="S168" s="1340"/>
      <c r="T168" s="1340"/>
      <c r="U168" s="1340"/>
      <c r="V168" s="1340"/>
      <c r="W168" s="1340"/>
      <c r="X168" s="1340"/>
      <c r="Y168" s="1340"/>
      <c r="Z168" s="1340"/>
      <c r="AA168" s="1340"/>
      <c r="AB168" s="1340"/>
      <c r="AC168" s="1340"/>
      <c r="AD168" s="1340"/>
      <c r="AE168" s="78"/>
      <c r="AF168" s="78"/>
      <c r="AG168" s="78"/>
      <c r="AH168" s="78"/>
      <c r="AI168" s="78"/>
      <c r="AJ168" s="78"/>
      <c r="AK168" s="78"/>
      <c r="AL168" s="78"/>
      <c r="AM168" s="78"/>
      <c r="AO168" s="1373" t="s">
        <v>246</v>
      </c>
      <c r="AP168" s="1374"/>
      <c r="AQ168" s="1374"/>
      <c r="AR168" s="1374"/>
      <c r="AS168" s="1374"/>
      <c r="AT168" s="1374"/>
      <c r="AU168" s="1374"/>
      <c r="AV168" s="1374"/>
      <c r="AW168" s="1374"/>
      <c r="AX168" s="1374"/>
      <c r="AY168" s="1374"/>
      <c r="AZ168" s="1374"/>
      <c r="BA168" s="1374"/>
      <c r="BB168" s="1374"/>
      <c r="BC168" s="1374"/>
      <c r="BD168" s="1374"/>
      <c r="BE168" s="1374"/>
      <c r="BF168" s="1374"/>
      <c r="BG168" s="1374"/>
      <c r="BH168" s="1374"/>
      <c r="BI168" s="1374"/>
      <c r="BJ168" s="1374"/>
      <c r="BK168" s="1374"/>
      <c r="BL168" s="1374"/>
      <c r="BM168" s="1374"/>
      <c r="BN168" s="1374"/>
      <c r="BO168" s="1374"/>
      <c r="BQ168" s="82"/>
      <c r="BR168" s="82"/>
      <c r="BS168" s="82"/>
      <c r="BT168" s="79"/>
    </row>
    <row r="169" spans="1:72" ht="5.25" customHeight="1">
      <c r="A169" s="84"/>
      <c r="D169" s="1341" t="s">
        <v>176</v>
      </c>
      <c r="E169" s="1341"/>
      <c r="F169" s="1341"/>
      <c r="G169" s="1341"/>
      <c r="H169" s="1341"/>
      <c r="I169" s="1341"/>
      <c r="J169" s="1341"/>
      <c r="K169" s="1341"/>
      <c r="L169" s="1341"/>
      <c r="M169" s="1341"/>
      <c r="N169" s="1341"/>
      <c r="O169" s="1341"/>
      <c r="P169" s="1341"/>
      <c r="Q169" s="1341"/>
      <c r="R169" s="1341"/>
      <c r="S169" s="1341"/>
      <c r="T169" s="1341"/>
      <c r="U169" s="1341"/>
      <c r="V169" s="1341"/>
      <c r="W169" s="1341"/>
      <c r="X169" s="1341"/>
      <c r="Y169" s="1341"/>
      <c r="Z169" s="1341"/>
      <c r="AA169" s="1341"/>
      <c r="AB169" s="1341"/>
      <c r="AC169" s="1341"/>
      <c r="AD169" s="1341"/>
      <c r="AE169" s="1341"/>
      <c r="AF169" s="1341"/>
      <c r="AG169" s="1341"/>
      <c r="AH169" s="1341"/>
      <c r="AI169" s="1341"/>
      <c r="AJ169" s="1341"/>
      <c r="AK169" s="1341"/>
      <c r="AL169" s="1341"/>
      <c r="AM169" s="1341"/>
      <c r="AN169" s="92"/>
      <c r="AO169" s="1374"/>
      <c r="AP169" s="1374"/>
      <c r="AQ169" s="1374"/>
      <c r="AR169" s="1374"/>
      <c r="AS169" s="1374"/>
      <c r="AT169" s="1374"/>
      <c r="AU169" s="1374"/>
      <c r="AV169" s="1374"/>
      <c r="AW169" s="1374"/>
      <c r="AX169" s="1374"/>
      <c r="AY169" s="1374"/>
      <c r="AZ169" s="1374"/>
      <c r="BA169" s="1374"/>
      <c r="BB169" s="1374"/>
      <c r="BC169" s="1374"/>
      <c r="BD169" s="1374"/>
      <c r="BE169" s="1374"/>
      <c r="BF169" s="1374"/>
      <c r="BG169" s="1374"/>
      <c r="BH169" s="1374"/>
      <c r="BI169" s="1374"/>
      <c r="BJ169" s="1374"/>
      <c r="BK169" s="1374"/>
      <c r="BL169" s="1374"/>
      <c r="BM169" s="1374"/>
      <c r="BN169" s="1374"/>
      <c r="BO169" s="1374"/>
      <c r="BQ169" s="82"/>
      <c r="BR169" s="82"/>
      <c r="BS169" s="82"/>
      <c r="BT169" s="79"/>
    </row>
    <row r="170" spans="1:72" ht="5.25" customHeight="1">
      <c r="A170" s="84"/>
      <c r="D170" s="1341"/>
      <c r="E170" s="1341"/>
      <c r="F170" s="1341"/>
      <c r="G170" s="1341"/>
      <c r="H170" s="1341"/>
      <c r="I170" s="1341"/>
      <c r="J170" s="1341"/>
      <c r="K170" s="1341"/>
      <c r="L170" s="1341"/>
      <c r="M170" s="1341"/>
      <c r="N170" s="1341"/>
      <c r="O170" s="1341"/>
      <c r="P170" s="1341"/>
      <c r="Q170" s="1341"/>
      <c r="R170" s="1341"/>
      <c r="S170" s="1341"/>
      <c r="T170" s="1341"/>
      <c r="U170" s="1341"/>
      <c r="V170" s="1341"/>
      <c r="W170" s="1341"/>
      <c r="X170" s="1341"/>
      <c r="Y170" s="1341"/>
      <c r="Z170" s="1341"/>
      <c r="AA170" s="1341"/>
      <c r="AB170" s="1341"/>
      <c r="AC170" s="1341"/>
      <c r="AD170" s="1341"/>
      <c r="AE170" s="1341"/>
      <c r="AF170" s="1341"/>
      <c r="AG170" s="1341"/>
      <c r="AH170" s="1341"/>
      <c r="AI170" s="1341"/>
      <c r="AJ170" s="1341"/>
      <c r="AK170" s="1341"/>
      <c r="AL170" s="1341"/>
      <c r="AM170" s="1341"/>
      <c r="AN170" s="92"/>
      <c r="AO170" s="1375"/>
      <c r="AP170" s="1375"/>
      <c r="AQ170" s="1375"/>
      <c r="AR170" s="1375"/>
      <c r="AS170" s="1375"/>
      <c r="AT170" s="1375"/>
      <c r="AU170" s="1375"/>
      <c r="AV170" s="1375"/>
      <c r="AW170" s="1375"/>
      <c r="AX170" s="1375"/>
      <c r="AY170" s="1375"/>
      <c r="AZ170" s="1375"/>
      <c r="BA170" s="1375"/>
      <c r="BB170" s="1375"/>
      <c r="BC170" s="1375"/>
      <c r="BD170" s="1375"/>
      <c r="BE170" s="1375"/>
      <c r="BF170" s="1375"/>
      <c r="BG170" s="1375"/>
      <c r="BH170" s="1375"/>
      <c r="BI170" s="1375"/>
      <c r="BJ170" s="1375"/>
      <c r="BK170" s="1375"/>
      <c r="BL170" s="1375"/>
      <c r="BM170" s="1375"/>
      <c r="BN170" s="1375"/>
      <c r="BO170" s="1375"/>
      <c r="BQ170" s="82"/>
      <c r="BR170" s="82"/>
      <c r="BS170" s="82"/>
      <c r="BT170" s="79"/>
    </row>
    <row r="171" spans="1:72" ht="5.25" customHeight="1">
      <c r="A171" s="84"/>
      <c r="D171" s="1341"/>
      <c r="E171" s="1341"/>
      <c r="F171" s="1341"/>
      <c r="G171" s="1341"/>
      <c r="H171" s="1341"/>
      <c r="I171" s="1341"/>
      <c r="J171" s="1341"/>
      <c r="K171" s="1341"/>
      <c r="L171" s="1341"/>
      <c r="M171" s="1341"/>
      <c r="N171" s="1341"/>
      <c r="O171" s="1341"/>
      <c r="P171" s="1341"/>
      <c r="Q171" s="1341"/>
      <c r="R171" s="1341"/>
      <c r="S171" s="1341"/>
      <c r="T171" s="1341"/>
      <c r="U171" s="1341"/>
      <c r="V171" s="1341"/>
      <c r="W171" s="1341"/>
      <c r="X171" s="1341"/>
      <c r="Y171" s="1341"/>
      <c r="Z171" s="1341"/>
      <c r="AA171" s="1341"/>
      <c r="AB171" s="1341"/>
      <c r="AC171" s="1341"/>
      <c r="AD171" s="1341"/>
      <c r="AE171" s="1341"/>
      <c r="AF171" s="1341"/>
      <c r="AG171" s="1341"/>
      <c r="AH171" s="1341"/>
      <c r="AI171" s="1341"/>
      <c r="AJ171" s="1341"/>
      <c r="AK171" s="1341"/>
      <c r="AL171" s="1341"/>
      <c r="AM171" s="1341"/>
      <c r="AN171" s="92"/>
      <c r="AO171" s="1379" t="s">
        <v>248</v>
      </c>
      <c r="AP171" s="1380"/>
      <c r="AQ171" s="1380"/>
      <c r="AR171" s="1380"/>
      <c r="AS171" s="1380"/>
      <c r="AT171" s="1380"/>
      <c r="AU171" s="1381"/>
      <c r="AV171" s="1388" t="s">
        <v>249</v>
      </c>
      <c r="AW171" s="1389"/>
      <c r="AX171" s="1390"/>
      <c r="AY171" s="1388" t="s">
        <v>250</v>
      </c>
      <c r="AZ171" s="1389"/>
      <c r="BA171" s="1389"/>
      <c r="BB171" s="1389"/>
      <c r="BC171" s="1389"/>
      <c r="BD171" s="1389"/>
      <c r="BE171" s="1390"/>
      <c r="BF171" s="1388" t="s">
        <v>251</v>
      </c>
      <c r="BG171" s="1389"/>
      <c r="BH171" s="1389"/>
      <c r="BI171" s="1389"/>
      <c r="BJ171" s="1389"/>
      <c r="BK171" s="1389"/>
      <c r="BL171" s="1389"/>
      <c r="BM171" s="1389"/>
      <c r="BN171" s="1389"/>
      <c r="BO171" s="1397"/>
      <c r="BQ171" s="82"/>
      <c r="BR171" s="82"/>
      <c r="BS171" s="82"/>
      <c r="BT171" s="79"/>
    </row>
    <row r="172" spans="1:72" ht="5.25" customHeight="1">
      <c r="A172" s="84"/>
      <c r="D172" s="1341"/>
      <c r="E172" s="1341"/>
      <c r="F172" s="1341"/>
      <c r="G172" s="1341"/>
      <c r="H172" s="1341"/>
      <c r="I172" s="1341"/>
      <c r="J172" s="1341"/>
      <c r="K172" s="1341"/>
      <c r="L172" s="1341"/>
      <c r="M172" s="1341"/>
      <c r="N172" s="1341"/>
      <c r="O172" s="1341"/>
      <c r="P172" s="1341"/>
      <c r="Q172" s="1341"/>
      <c r="R172" s="1341"/>
      <c r="S172" s="1341"/>
      <c r="T172" s="1341"/>
      <c r="U172" s="1341"/>
      <c r="V172" s="1341"/>
      <c r="W172" s="1341"/>
      <c r="X172" s="1341"/>
      <c r="Y172" s="1341"/>
      <c r="Z172" s="1341"/>
      <c r="AA172" s="1341"/>
      <c r="AB172" s="1341"/>
      <c r="AC172" s="1341"/>
      <c r="AD172" s="1341"/>
      <c r="AE172" s="1341"/>
      <c r="AF172" s="1341"/>
      <c r="AG172" s="1341"/>
      <c r="AH172" s="1341"/>
      <c r="AI172" s="1341"/>
      <c r="AJ172" s="1341"/>
      <c r="AK172" s="1341"/>
      <c r="AL172" s="1341"/>
      <c r="AM172" s="1341"/>
      <c r="AN172" s="84"/>
      <c r="AO172" s="1382"/>
      <c r="AP172" s="1383"/>
      <c r="AQ172" s="1383"/>
      <c r="AR172" s="1383"/>
      <c r="AS172" s="1383"/>
      <c r="AT172" s="1383"/>
      <c r="AU172" s="1384"/>
      <c r="AV172" s="1391"/>
      <c r="AW172" s="1392"/>
      <c r="AX172" s="1393"/>
      <c r="AY172" s="1391"/>
      <c r="AZ172" s="1392"/>
      <c r="BA172" s="1392"/>
      <c r="BB172" s="1392"/>
      <c r="BC172" s="1392"/>
      <c r="BD172" s="1392"/>
      <c r="BE172" s="1393"/>
      <c r="BF172" s="1391"/>
      <c r="BG172" s="1392"/>
      <c r="BH172" s="1392"/>
      <c r="BI172" s="1392"/>
      <c r="BJ172" s="1392"/>
      <c r="BK172" s="1392"/>
      <c r="BL172" s="1392"/>
      <c r="BM172" s="1392"/>
      <c r="BN172" s="1392"/>
      <c r="BO172" s="1398"/>
      <c r="BQ172" s="82"/>
      <c r="BR172" s="82"/>
      <c r="BS172" s="82"/>
      <c r="BT172" s="79"/>
    </row>
    <row r="173" spans="1:72" ht="5.25" customHeight="1">
      <c r="A173" s="84"/>
      <c r="D173" s="1341"/>
      <c r="E173" s="1341"/>
      <c r="F173" s="1341"/>
      <c r="G173" s="1341"/>
      <c r="H173" s="1341"/>
      <c r="I173" s="1341"/>
      <c r="J173" s="1341"/>
      <c r="K173" s="1341"/>
      <c r="L173" s="1341"/>
      <c r="M173" s="1341"/>
      <c r="N173" s="1341"/>
      <c r="O173" s="1341"/>
      <c r="P173" s="1341"/>
      <c r="Q173" s="1341"/>
      <c r="R173" s="1341"/>
      <c r="S173" s="1341"/>
      <c r="T173" s="1341"/>
      <c r="U173" s="1341"/>
      <c r="V173" s="1341"/>
      <c r="W173" s="1341"/>
      <c r="X173" s="1341"/>
      <c r="Y173" s="1341"/>
      <c r="Z173" s="1341"/>
      <c r="AA173" s="1341"/>
      <c r="AB173" s="1341"/>
      <c r="AC173" s="1341"/>
      <c r="AD173" s="1341"/>
      <c r="AE173" s="1341"/>
      <c r="AF173" s="1341"/>
      <c r="AG173" s="1341"/>
      <c r="AH173" s="1341"/>
      <c r="AI173" s="1341"/>
      <c r="AJ173" s="1341"/>
      <c r="AK173" s="1341"/>
      <c r="AL173" s="1341"/>
      <c r="AM173" s="1341"/>
      <c r="AN173" s="84"/>
      <c r="AO173" s="1382"/>
      <c r="AP173" s="1383"/>
      <c r="AQ173" s="1383"/>
      <c r="AR173" s="1383"/>
      <c r="AS173" s="1383"/>
      <c r="AT173" s="1383"/>
      <c r="AU173" s="1384"/>
      <c r="AV173" s="1391"/>
      <c r="AW173" s="1392"/>
      <c r="AX173" s="1393"/>
      <c r="AY173" s="1391"/>
      <c r="AZ173" s="1392"/>
      <c r="BA173" s="1392"/>
      <c r="BB173" s="1392"/>
      <c r="BC173" s="1392"/>
      <c r="BD173" s="1392"/>
      <c r="BE173" s="1393"/>
      <c r="BF173" s="1391"/>
      <c r="BG173" s="1392"/>
      <c r="BH173" s="1392"/>
      <c r="BI173" s="1392"/>
      <c r="BJ173" s="1392"/>
      <c r="BK173" s="1392"/>
      <c r="BL173" s="1392"/>
      <c r="BM173" s="1392"/>
      <c r="BN173" s="1392"/>
      <c r="BO173" s="1398"/>
      <c r="BQ173" s="82"/>
      <c r="BR173" s="82"/>
      <c r="BS173" s="82"/>
      <c r="BT173" s="79"/>
    </row>
    <row r="174" spans="1:72" ht="5.25" customHeight="1">
      <c r="A174" s="84"/>
      <c r="D174" s="1341"/>
      <c r="E174" s="1341"/>
      <c r="F174" s="1341"/>
      <c r="G174" s="1341"/>
      <c r="H174" s="1341"/>
      <c r="I174" s="1341"/>
      <c r="J174" s="1341"/>
      <c r="K174" s="1341"/>
      <c r="L174" s="1341"/>
      <c r="M174" s="1341"/>
      <c r="N174" s="1341"/>
      <c r="O174" s="1341"/>
      <c r="P174" s="1341"/>
      <c r="Q174" s="1341"/>
      <c r="R174" s="1341"/>
      <c r="S174" s="1341"/>
      <c r="T174" s="1341"/>
      <c r="U174" s="1341"/>
      <c r="V174" s="1341"/>
      <c r="W174" s="1341"/>
      <c r="X174" s="1341"/>
      <c r="Y174" s="1341"/>
      <c r="Z174" s="1341"/>
      <c r="AA174" s="1341"/>
      <c r="AB174" s="1341"/>
      <c r="AC174" s="1341"/>
      <c r="AD174" s="1341"/>
      <c r="AE174" s="1341"/>
      <c r="AF174" s="1341"/>
      <c r="AG174" s="1341"/>
      <c r="AH174" s="1341"/>
      <c r="AI174" s="1341"/>
      <c r="AJ174" s="1341"/>
      <c r="AK174" s="1341"/>
      <c r="AL174" s="1341"/>
      <c r="AM174" s="1341"/>
      <c r="AN174" s="84"/>
      <c r="AO174" s="1385"/>
      <c r="AP174" s="1386"/>
      <c r="AQ174" s="1386"/>
      <c r="AR174" s="1386"/>
      <c r="AS174" s="1386"/>
      <c r="AT174" s="1386"/>
      <c r="AU174" s="1387"/>
      <c r="AV174" s="1394"/>
      <c r="AW174" s="1395"/>
      <c r="AX174" s="1396"/>
      <c r="AY174" s="1394"/>
      <c r="AZ174" s="1395"/>
      <c r="BA174" s="1395"/>
      <c r="BB174" s="1395"/>
      <c r="BC174" s="1395"/>
      <c r="BD174" s="1395"/>
      <c r="BE174" s="1396"/>
      <c r="BF174" s="1394"/>
      <c r="BG174" s="1395"/>
      <c r="BH174" s="1395"/>
      <c r="BI174" s="1395"/>
      <c r="BJ174" s="1395"/>
      <c r="BK174" s="1395"/>
      <c r="BL174" s="1395"/>
      <c r="BM174" s="1395"/>
      <c r="BN174" s="1395"/>
      <c r="BO174" s="1399"/>
      <c r="BQ174" s="82"/>
      <c r="BR174" s="82"/>
      <c r="BS174" s="82"/>
      <c r="BT174" s="79"/>
    </row>
    <row r="175" spans="1:72" ht="5.25" customHeight="1">
      <c r="A175" s="84"/>
      <c r="D175" s="1341"/>
      <c r="E175" s="1341"/>
      <c r="F175" s="1341"/>
      <c r="G175" s="1341"/>
      <c r="H175" s="1341"/>
      <c r="I175" s="1341"/>
      <c r="J175" s="1341"/>
      <c r="K175" s="1341"/>
      <c r="L175" s="1341"/>
      <c r="M175" s="1341"/>
      <c r="N175" s="1341"/>
      <c r="O175" s="1341"/>
      <c r="P175" s="1341"/>
      <c r="Q175" s="1341"/>
      <c r="R175" s="1341"/>
      <c r="S175" s="1341"/>
      <c r="T175" s="1341"/>
      <c r="U175" s="1341"/>
      <c r="V175" s="1341"/>
      <c r="W175" s="1341"/>
      <c r="X175" s="1341"/>
      <c r="Y175" s="1341"/>
      <c r="Z175" s="1341"/>
      <c r="AA175" s="1341"/>
      <c r="AB175" s="1341"/>
      <c r="AC175" s="1341"/>
      <c r="AD175" s="1341"/>
      <c r="AE175" s="1341"/>
      <c r="AF175" s="1341"/>
      <c r="AG175" s="1341"/>
      <c r="AH175" s="1341"/>
      <c r="AI175" s="1341"/>
      <c r="AJ175" s="1341"/>
      <c r="AK175" s="1341"/>
      <c r="AL175" s="1341"/>
      <c r="AM175" s="1341"/>
      <c r="AN175" s="84"/>
      <c r="AO175" s="1362"/>
      <c r="AP175" s="1363"/>
      <c r="AQ175" s="1363"/>
      <c r="AR175" s="1363"/>
      <c r="AS175" s="1363"/>
      <c r="AT175" s="1363"/>
      <c r="AU175" s="1363"/>
      <c r="AV175" s="1365"/>
      <c r="AW175" s="1363"/>
      <c r="AX175" s="1366"/>
      <c r="AY175" s="265"/>
      <c r="AZ175" s="1400" t="s">
        <v>196</v>
      </c>
      <c r="BA175" s="1400"/>
      <c r="BB175" s="1400"/>
      <c r="BC175" s="1400"/>
      <c r="BD175" s="1400"/>
      <c r="BE175" s="1400"/>
      <c r="BF175" s="1353"/>
      <c r="BG175" s="1354"/>
      <c r="BH175" s="1354"/>
      <c r="BI175" s="1354"/>
      <c r="BJ175" s="1354"/>
      <c r="BK175" s="1354"/>
      <c r="BL175" s="1354"/>
      <c r="BM175" s="1354"/>
      <c r="BN175" s="1354"/>
      <c r="BO175" s="1355"/>
      <c r="BQ175" s="82"/>
      <c r="BR175" s="82"/>
      <c r="BS175" s="82"/>
      <c r="BT175" s="79"/>
    </row>
    <row r="176" spans="1:72" ht="5.25" customHeight="1">
      <c r="A176" s="82"/>
      <c r="D176" s="1341"/>
      <c r="E176" s="1341"/>
      <c r="F176" s="1341"/>
      <c r="G176" s="1341"/>
      <c r="H176" s="1341"/>
      <c r="I176" s="1341"/>
      <c r="J176" s="1341"/>
      <c r="K176" s="1341"/>
      <c r="L176" s="1341"/>
      <c r="M176" s="1341"/>
      <c r="N176" s="1341"/>
      <c r="O176" s="1341"/>
      <c r="P176" s="1341"/>
      <c r="Q176" s="1341"/>
      <c r="R176" s="1341"/>
      <c r="S176" s="1341"/>
      <c r="T176" s="1341"/>
      <c r="U176" s="1341"/>
      <c r="V176" s="1341"/>
      <c r="W176" s="1341"/>
      <c r="X176" s="1341"/>
      <c r="Y176" s="1341"/>
      <c r="Z176" s="1341"/>
      <c r="AA176" s="1341"/>
      <c r="AB176" s="1341"/>
      <c r="AC176" s="1341"/>
      <c r="AD176" s="1341"/>
      <c r="AE176" s="1341"/>
      <c r="AF176" s="1341"/>
      <c r="AG176" s="1341"/>
      <c r="AH176" s="1341"/>
      <c r="AI176" s="1341"/>
      <c r="AJ176" s="1341"/>
      <c r="AK176" s="1341"/>
      <c r="AL176" s="1341"/>
      <c r="AM176" s="1341"/>
      <c r="AN176" s="84"/>
      <c r="AO176" s="1364"/>
      <c r="AP176" s="1197"/>
      <c r="AQ176" s="1197"/>
      <c r="AR176" s="1197"/>
      <c r="AS176" s="1197"/>
      <c r="AT176" s="1197"/>
      <c r="AU176" s="1197"/>
      <c r="AV176" s="1367"/>
      <c r="AW176" s="1197"/>
      <c r="AX176" s="1368"/>
      <c r="AY176" s="1361" t="s">
        <v>20</v>
      </c>
      <c r="AZ176" s="1361"/>
      <c r="BA176" s="1361"/>
      <c r="BB176" s="1361"/>
      <c r="BC176" s="1361"/>
      <c r="BD176" s="1361"/>
      <c r="BE176" s="1361"/>
      <c r="BF176" s="1356"/>
      <c r="BG176" s="1201"/>
      <c r="BH176" s="1201"/>
      <c r="BI176" s="1201"/>
      <c r="BJ176" s="1201"/>
      <c r="BK176" s="1201"/>
      <c r="BL176" s="1201"/>
      <c r="BM176" s="1201"/>
      <c r="BN176" s="1201"/>
      <c r="BO176" s="1357"/>
      <c r="BQ176" s="82"/>
      <c r="BR176" s="82"/>
      <c r="BS176" s="82"/>
      <c r="BT176" s="79"/>
    </row>
    <row r="177" spans="1:72" ht="5.25" customHeight="1">
      <c r="A177" s="84"/>
      <c r="D177" s="1341"/>
      <c r="E177" s="1341"/>
      <c r="F177" s="1341"/>
      <c r="G177" s="1341"/>
      <c r="H177" s="1341"/>
      <c r="I177" s="1341"/>
      <c r="J177" s="1341"/>
      <c r="K177" s="1341"/>
      <c r="L177" s="1341"/>
      <c r="M177" s="1341"/>
      <c r="N177" s="1341"/>
      <c r="O177" s="1341"/>
      <c r="P177" s="1341"/>
      <c r="Q177" s="1341"/>
      <c r="R177" s="1341"/>
      <c r="S177" s="1341"/>
      <c r="T177" s="1341"/>
      <c r="U177" s="1341"/>
      <c r="V177" s="1341"/>
      <c r="W177" s="1341"/>
      <c r="X177" s="1341"/>
      <c r="Y177" s="1341"/>
      <c r="Z177" s="1341"/>
      <c r="AA177" s="1341"/>
      <c r="AB177" s="1341"/>
      <c r="AC177" s="1341"/>
      <c r="AD177" s="1341"/>
      <c r="AE177" s="1341"/>
      <c r="AF177" s="1341"/>
      <c r="AG177" s="1341"/>
      <c r="AH177" s="1341"/>
      <c r="AI177" s="1341"/>
      <c r="AJ177" s="1341"/>
      <c r="AK177" s="1341"/>
      <c r="AL177" s="1341"/>
      <c r="AM177" s="1341"/>
      <c r="AN177" s="84"/>
      <c r="AO177" s="1364"/>
      <c r="AP177" s="1197"/>
      <c r="AQ177" s="1197"/>
      <c r="AR177" s="1197"/>
      <c r="AS177" s="1197"/>
      <c r="AT177" s="1197"/>
      <c r="AU177" s="1197"/>
      <c r="AV177" s="1367"/>
      <c r="AW177" s="1197"/>
      <c r="AX177" s="1368"/>
      <c r="AY177" s="1361"/>
      <c r="AZ177" s="1361"/>
      <c r="BA177" s="1361"/>
      <c r="BB177" s="1361"/>
      <c r="BC177" s="1361"/>
      <c r="BD177" s="1361"/>
      <c r="BE177" s="1361"/>
      <c r="BF177" s="1356"/>
      <c r="BG177" s="1201"/>
      <c r="BH177" s="1201"/>
      <c r="BI177" s="1201"/>
      <c r="BJ177" s="1201"/>
      <c r="BK177" s="1201"/>
      <c r="BL177" s="1201"/>
      <c r="BM177" s="1201"/>
      <c r="BN177" s="1201"/>
      <c r="BO177" s="1357"/>
      <c r="BQ177" s="82"/>
      <c r="BR177" s="82"/>
      <c r="BS177" s="82"/>
      <c r="BT177" s="79"/>
    </row>
    <row r="178" spans="1:72" ht="5.25" customHeight="1">
      <c r="A178" s="82"/>
      <c r="D178" s="1259" t="s">
        <v>175</v>
      </c>
      <c r="E178" s="1260"/>
      <c r="F178" s="1260"/>
      <c r="G178" s="1260"/>
      <c r="H178" s="1260"/>
      <c r="I178" s="1260"/>
      <c r="J178" s="1260"/>
      <c r="K178" s="1260"/>
      <c r="L178" s="1260"/>
      <c r="M178" s="1260"/>
      <c r="N178" s="1260"/>
      <c r="O178" s="1260"/>
      <c r="P178" s="1260"/>
      <c r="Q178" s="1260"/>
      <c r="R178" s="1261"/>
      <c r="S178" s="1342" t="s">
        <v>4</v>
      </c>
      <c r="T178" s="1343"/>
      <c r="U178" s="1343"/>
      <c r="V178" s="1343"/>
      <c r="W178" s="1343"/>
      <c r="X178" s="1343"/>
      <c r="Y178" s="1343"/>
      <c r="Z178" s="1343"/>
      <c r="AA178" s="1343"/>
      <c r="AB178" s="1343"/>
      <c r="AC178" s="1343"/>
      <c r="AD178" s="1344"/>
      <c r="AE178" s="78"/>
      <c r="AF178" s="78"/>
      <c r="AG178" s="78"/>
      <c r="AH178" s="78"/>
      <c r="AI178" s="78"/>
      <c r="AJ178" s="78"/>
      <c r="AK178" s="78"/>
      <c r="AL178" s="78"/>
      <c r="AM178" s="78"/>
      <c r="AN178" s="84"/>
      <c r="AO178" s="1364"/>
      <c r="AP178" s="1197"/>
      <c r="AQ178" s="1197"/>
      <c r="AR178" s="1197"/>
      <c r="AS178" s="1197"/>
      <c r="AT178" s="1197"/>
      <c r="AU178" s="1197"/>
      <c r="AV178" s="1367"/>
      <c r="AW178" s="1197"/>
      <c r="AX178" s="1368"/>
      <c r="AY178" s="266"/>
      <c r="AZ178" s="1361"/>
      <c r="BA178" s="1361"/>
      <c r="BB178" s="1361"/>
      <c r="BC178" s="1361"/>
      <c r="BD178" s="1361"/>
      <c r="BE178" s="1361"/>
      <c r="BF178" s="1356"/>
      <c r="BG178" s="1201"/>
      <c r="BH178" s="1201"/>
      <c r="BI178" s="1201"/>
      <c r="BJ178" s="1201"/>
      <c r="BK178" s="1201"/>
      <c r="BL178" s="1201"/>
      <c r="BM178" s="1201"/>
      <c r="BN178" s="1201"/>
      <c r="BO178" s="1357"/>
      <c r="BQ178" s="82"/>
      <c r="BR178" s="82"/>
      <c r="BS178" s="82"/>
      <c r="BT178" s="79"/>
    </row>
    <row r="179" spans="1:72" ht="5.25" customHeight="1">
      <c r="A179" s="82"/>
      <c r="D179" s="1262"/>
      <c r="E179" s="1263"/>
      <c r="F179" s="1263"/>
      <c r="G179" s="1263"/>
      <c r="H179" s="1263"/>
      <c r="I179" s="1263"/>
      <c r="J179" s="1263"/>
      <c r="K179" s="1263"/>
      <c r="L179" s="1263"/>
      <c r="M179" s="1263"/>
      <c r="N179" s="1263"/>
      <c r="O179" s="1263"/>
      <c r="P179" s="1263"/>
      <c r="Q179" s="1263"/>
      <c r="R179" s="1264"/>
      <c r="S179" s="1345"/>
      <c r="T179" s="1346"/>
      <c r="U179" s="1346"/>
      <c r="V179" s="1346"/>
      <c r="W179" s="1346"/>
      <c r="X179" s="1346"/>
      <c r="Y179" s="1346"/>
      <c r="Z179" s="1346"/>
      <c r="AA179" s="1346"/>
      <c r="AB179" s="1346"/>
      <c r="AC179" s="1346"/>
      <c r="AD179" s="1347"/>
      <c r="AE179" s="78"/>
      <c r="AF179" s="78"/>
      <c r="AG179" s="78"/>
      <c r="AH179" s="78"/>
      <c r="AI179" s="78"/>
      <c r="AJ179" s="78"/>
      <c r="AK179" s="78"/>
      <c r="AL179" s="78"/>
      <c r="AM179" s="78"/>
      <c r="AN179" s="84"/>
      <c r="AO179" s="1362"/>
      <c r="AP179" s="1363"/>
      <c r="AQ179" s="1363"/>
      <c r="AR179" s="1363"/>
      <c r="AS179" s="1363"/>
      <c r="AT179" s="1363"/>
      <c r="AU179" s="1363"/>
      <c r="AV179" s="1365"/>
      <c r="AW179" s="1363"/>
      <c r="AX179" s="1366"/>
      <c r="AY179" s="265"/>
      <c r="AZ179" s="1400" t="s">
        <v>196</v>
      </c>
      <c r="BA179" s="1400"/>
      <c r="BB179" s="1400"/>
      <c r="BC179" s="1400"/>
      <c r="BD179" s="1400"/>
      <c r="BE179" s="1400"/>
      <c r="BF179" s="1353"/>
      <c r="BG179" s="1354"/>
      <c r="BH179" s="1354"/>
      <c r="BI179" s="1354"/>
      <c r="BJ179" s="1354"/>
      <c r="BK179" s="1354"/>
      <c r="BL179" s="1354"/>
      <c r="BM179" s="1354"/>
      <c r="BN179" s="1354"/>
      <c r="BO179" s="1355"/>
      <c r="BQ179" s="82"/>
      <c r="BR179" s="82"/>
      <c r="BS179" s="82"/>
      <c r="BT179" s="79"/>
    </row>
    <row r="180" spans="1:72" ht="5.25" customHeight="1">
      <c r="A180" s="82"/>
      <c r="D180" s="1262"/>
      <c r="E180" s="1263"/>
      <c r="F180" s="1263"/>
      <c r="G180" s="1263"/>
      <c r="H180" s="1263"/>
      <c r="I180" s="1263"/>
      <c r="J180" s="1263"/>
      <c r="K180" s="1263"/>
      <c r="L180" s="1263"/>
      <c r="M180" s="1263"/>
      <c r="N180" s="1263"/>
      <c r="O180" s="1263"/>
      <c r="P180" s="1263"/>
      <c r="Q180" s="1263"/>
      <c r="R180" s="1264"/>
      <c r="S180" s="1345"/>
      <c r="T180" s="1346"/>
      <c r="U180" s="1346"/>
      <c r="V180" s="1346"/>
      <c r="W180" s="1346"/>
      <c r="X180" s="1346"/>
      <c r="Y180" s="1346"/>
      <c r="Z180" s="1346"/>
      <c r="AA180" s="1346"/>
      <c r="AB180" s="1346"/>
      <c r="AC180" s="1346"/>
      <c r="AD180" s="1347"/>
      <c r="AE180" s="78"/>
      <c r="AF180" s="78"/>
      <c r="AG180" s="78"/>
      <c r="AH180" s="78"/>
      <c r="AI180" s="78"/>
      <c r="AJ180" s="78"/>
      <c r="AK180" s="78"/>
      <c r="AL180" s="78"/>
      <c r="AM180" s="78"/>
      <c r="AN180" s="84"/>
      <c r="AO180" s="1364"/>
      <c r="AP180" s="1197"/>
      <c r="AQ180" s="1197"/>
      <c r="AR180" s="1197"/>
      <c r="AS180" s="1197"/>
      <c r="AT180" s="1197"/>
      <c r="AU180" s="1197"/>
      <c r="AV180" s="1367"/>
      <c r="AW180" s="1197"/>
      <c r="AX180" s="1368"/>
      <c r="AY180" s="1361" t="s">
        <v>20</v>
      </c>
      <c r="AZ180" s="1361"/>
      <c r="BA180" s="1361"/>
      <c r="BB180" s="1361"/>
      <c r="BC180" s="1361"/>
      <c r="BD180" s="1361"/>
      <c r="BE180" s="1361"/>
      <c r="BF180" s="1356"/>
      <c r="BG180" s="1201"/>
      <c r="BH180" s="1201"/>
      <c r="BI180" s="1201"/>
      <c r="BJ180" s="1201"/>
      <c r="BK180" s="1201"/>
      <c r="BL180" s="1201"/>
      <c r="BM180" s="1201"/>
      <c r="BN180" s="1201"/>
      <c r="BO180" s="1357"/>
      <c r="BQ180" s="82"/>
      <c r="BR180" s="82"/>
      <c r="BS180" s="82"/>
      <c r="BT180" s="79"/>
    </row>
    <row r="181" spans="1:72" ht="5.25" customHeight="1">
      <c r="D181" s="1265"/>
      <c r="E181" s="1266"/>
      <c r="F181" s="1266"/>
      <c r="G181" s="1266"/>
      <c r="H181" s="1266"/>
      <c r="I181" s="1266"/>
      <c r="J181" s="1266"/>
      <c r="K181" s="1266"/>
      <c r="L181" s="1266"/>
      <c r="M181" s="1266"/>
      <c r="N181" s="1266"/>
      <c r="O181" s="1266"/>
      <c r="P181" s="1266"/>
      <c r="Q181" s="1266"/>
      <c r="R181" s="1267"/>
      <c r="S181" s="1348"/>
      <c r="T181" s="1349"/>
      <c r="U181" s="1349"/>
      <c r="V181" s="1349"/>
      <c r="W181" s="1349"/>
      <c r="X181" s="1349"/>
      <c r="Y181" s="1349"/>
      <c r="Z181" s="1349"/>
      <c r="AA181" s="1349"/>
      <c r="AB181" s="1349"/>
      <c r="AC181" s="1349"/>
      <c r="AD181" s="1350"/>
      <c r="AE181" s="78"/>
      <c r="AF181" s="78"/>
      <c r="AG181" s="78"/>
      <c r="AH181" s="78"/>
      <c r="AI181" s="78"/>
      <c r="AJ181" s="78"/>
      <c r="AK181" s="78"/>
      <c r="AL181" s="78"/>
      <c r="AM181" s="78"/>
      <c r="AN181" s="84"/>
      <c r="AO181" s="1364"/>
      <c r="AP181" s="1197"/>
      <c r="AQ181" s="1197"/>
      <c r="AR181" s="1197"/>
      <c r="AS181" s="1197"/>
      <c r="AT181" s="1197"/>
      <c r="AU181" s="1197"/>
      <c r="AV181" s="1367"/>
      <c r="AW181" s="1197"/>
      <c r="AX181" s="1368"/>
      <c r="AY181" s="1361"/>
      <c r="AZ181" s="1361"/>
      <c r="BA181" s="1361"/>
      <c r="BB181" s="1361"/>
      <c r="BC181" s="1361"/>
      <c r="BD181" s="1361"/>
      <c r="BE181" s="1361"/>
      <c r="BF181" s="1356"/>
      <c r="BG181" s="1201"/>
      <c r="BH181" s="1201"/>
      <c r="BI181" s="1201"/>
      <c r="BJ181" s="1201"/>
      <c r="BK181" s="1201"/>
      <c r="BL181" s="1201"/>
      <c r="BM181" s="1201"/>
      <c r="BN181" s="1201"/>
      <c r="BO181" s="1357"/>
      <c r="BQ181" s="82"/>
      <c r="BR181" s="82"/>
      <c r="BS181" s="82"/>
      <c r="BT181" s="79"/>
    </row>
    <row r="182" spans="1:72" ht="5.25" customHeight="1">
      <c r="D182" s="1309" t="s">
        <v>174</v>
      </c>
      <c r="E182" s="1310"/>
      <c r="F182" s="1310"/>
      <c r="G182" s="1310"/>
      <c r="H182" s="1310"/>
      <c r="I182" s="1310"/>
      <c r="J182" s="1310"/>
      <c r="K182" s="1310"/>
      <c r="L182" s="1310"/>
      <c r="M182" s="1310"/>
      <c r="N182" s="1310"/>
      <c r="O182" s="1310"/>
      <c r="P182" s="1310"/>
      <c r="Q182" s="1310"/>
      <c r="R182" s="1311"/>
      <c r="S182" s="1145"/>
      <c r="T182" s="1146"/>
      <c r="U182" s="1146"/>
      <c r="V182" s="1146"/>
      <c r="W182" s="1146"/>
      <c r="X182" s="1146"/>
      <c r="Y182" s="1146"/>
      <c r="Z182" s="1146"/>
      <c r="AA182" s="1146"/>
      <c r="AB182" s="1146"/>
      <c r="AC182" s="1146"/>
      <c r="AD182" s="1318"/>
      <c r="AE182" s="78"/>
      <c r="AF182" s="78"/>
      <c r="AG182" s="78"/>
      <c r="AH182" s="78"/>
      <c r="AI182" s="78"/>
      <c r="AJ182" s="78"/>
      <c r="AK182" s="78"/>
      <c r="AL182" s="78"/>
      <c r="AM182" s="78"/>
      <c r="AN182" s="91"/>
      <c r="AO182" s="1369"/>
      <c r="AP182" s="1370"/>
      <c r="AQ182" s="1370"/>
      <c r="AR182" s="1370"/>
      <c r="AS182" s="1370"/>
      <c r="AT182" s="1370"/>
      <c r="AU182" s="1370"/>
      <c r="AV182" s="1376"/>
      <c r="AW182" s="1370"/>
      <c r="AX182" s="1377"/>
      <c r="AY182" s="267"/>
      <c r="AZ182" s="1378"/>
      <c r="BA182" s="1378"/>
      <c r="BB182" s="1378"/>
      <c r="BC182" s="1378"/>
      <c r="BD182" s="1378"/>
      <c r="BE182" s="1378"/>
      <c r="BF182" s="1358"/>
      <c r="BG182" s="1359"/>
      <c r="BH182" s="1359"/>
      <c r="BI182" s="1359"/>
      <c r="BJ182" s="1359"/>
      <c r="BK182" s="1359"/>
      <c r="BL182" s="1359"/>
      <c r="BM182" s="1359"/>
      <c r="BN182" s="1359"/>
      <c r="BO182" s="1360"/>
      <c r="BQ182" s="82"/>
      <c r="BR182" s="82"/>
      <c r="BS182" s="82"/>
      <c r="BT182" s="79"/>
    </row>
    <row r="183" spans="1:72" ht="5.25" customHeight="1">
      <c r="D183" s="1262"/>
      <c r="E183" s="1263"/>
      <c r="F183" s="1263"/>
      <c r="G183" s="1263"/>
      <c r="H183" s="1263"/>
      <c r="I183" s="1263"/>
      <c r="J183" s="1263"/>
      <c r="K183" s="1263"/>
      <c r="L183" s="1263"/>
      <c r="M183" s="1263"/>
      <c r="N183" s="1263"/>
      <c r="O183" s="1263"/>
      <c r="P183" s="1263"/>
      <c r="Q183" s="1263"/>
      <c r="R183" s="1264"/>
      <c r="S183" s="1148"/>
      <c r="T183" s="1149"/>
      <c r="U183" s="1149"/>
      <c r="V183" s="1149"/>
      <c r="W183" s="1149"/>
      <c r="X183" s="1149"/>
      <c r="Y183" s="1149"/>
      <c r="Z183" s="1149"/>
      <c r="AA183" s="1149"/>
      <c r="AB183" s="1149"/>
      <c r="AC183" s="1149"/>
      <c r="AD183" s="1319"/>
      <c r="AE183" s="78"/>
      <c r="AF183" s="78"/>
      <c r="AG183" s="78"/>
      <c r="AH183" s="78"/>
      <c r="AI183" s="78"/>
      <c r="AJ183" s="78"/>
      <c r="AK183" s="78"/>
      <c r="AL183" s="78"/>
      <c r="AM183" s="78"/>
      <c r="AN183" s="91"/>
      <c r="AO183" s="1364"/>
      <c r="AP183" s="1197"/>
      <c r="AQ183" s="1197"/>
      <c r="AR183" s="1197"/>
      <c r="AS183" s="1197"/>
      <c r="AT183" s="1197"/>
      <c r="AU183" s="1197"/>
      <c r="AV183" s="1367"/>
      <c r="AW183" s="1197"/>
      <c r="AX183" s="1368"/>
      <c r="AY183" s="266"/>
      <c r="AZ183" s="1361" t="s">
        <v>196</v>
      </c>
      <c r="BA183" s="1361"/>
      <c r="BB183" s="1361"/>
      <c r="BC183" s="1361"/>
      <c r="BD183" s="1361"/>
      <c r="BE183" s="1361"/>
      <c r="BF183" s="1356"/>
      <c r="BG183" s="1201"/>
      <c r="BH183" s="1201"/>
      <c r="BI183" s="1201"/>
      <c r="BJ183" s="1201"/>
      <c r="BK183" s="1201"/>
      <c r="BL183" s="1201"/>
      <c r="BM183" s="1201"/>
      <c r="BN183" s="1201"/>
      <c r="BO183" s="1357"/>
      <c r="BQ183" s="82"/>
      <c r="BR183" s="82"/>
      <c r="BS183" s="82"/>
      <c r="BT183" s="79"/>
    </row>
    <row r="184" spans="1:72" ht="5.25" customHeight="1">
      <c r="D184" s="1262"/>
      <c r="E184" s="1263"/>
      <c r="F184" s="1263"/>
      <c r="G184" s="1263"/>
      <c r="H184" s="1263"/>
      <c r="I184" s="1263"/>
      <c r="J184" s="1263"/>
      <c r="K184" s="1263"/>
      <c r="L184" s="1263"/>
      <c r="M184" s="1263"/>
      <c r="N184" s="1263"/>
      <c r="O184" s="1263"/>
      <c r="P184" s="1263"/>
      <c r="Q184" s="1263"/>
      <c r="R184" s="1264"/>
      <c r="S184" s="1148"/>
      <c r="T184" s="1149"/>
      <c r="U184" s="1149"/>
      <c r="V184" s="1149"/>
      <c r="W184" s="1149"/>
      <c r="X184" s="1149"/>
      <c r="Y184" s="1149"/>
      <c r="Z184" s="1149"/>
      <c r="AA184" s="1149"/>
      <c r="AB184" s="1149"/>
      <c r="AC184" s="1149"/>
      <c r="AD184" s="1319"/>
      <c r="AE184" s="78"/>
      <c r="AF184" s="78"/>
      <c r="AG184" s="78"/>
      <c r="AH184" s="78"/>
      <c r="AI184" s="78"/>
      <c r="AJ184" s="78"/>
      <c r="AK184" s="78"/>
      <c r="AL184" s="78"/>
      <c r="AM184" s="78"/>
      <c r="AN184" s="91"/>
      <c r="AO184" s="1364"/>
      <c r="AP184" s="1197"/>
      <c r="AQ184" s="1197"/>
      <c r="AR184" s="1197"/>
      <c r="AS184" s="1197"/>
      <c r="AT184" s="1197"/>
      <c r="AU184" s="1197"/>
      <c r="AV184" s="1367"/>
      <c r="AW184" s="1197"/>
      <c r="AX184" s="1368"/>
      <c r="AY184" s="1361" t="s">
        <v>20</v>
      </c>
      <c r="AZ184" s="1361"/>
      <c r="BA184" s="1361"/>
      <c r="BB184" s="1361"/>
      <c r="BC184" s="1361"/>
      <c r="BD184" s="1361"/>
      <c r="BE184" s="1361"/>
      <c r="BF184" s="1356"/>
      <c r="BG184" s="1201"/>
      <c r="BH184" s="1201"/>
      <c r="BI184" s="1201"/>
      <c r="BJ184" s="1201"/>
      <c r="BK184" s="1201"/>
      <c r="BL184" s="1201"/>
      <c r="BM184" s="1201"/>
      <c r="BN184" s="1201"/>
      <c r="BO184" s="1357"/>
      <c r="BQ184" s="82"/>
      <c r="BR184" s="82"/>
      <c r="BS184" s="82"/>
      <c r="BT184" s="79"/>
    </row>
    <row r="185" spans="1:72" ht="5.25" customHeight="1">
      <c r="D185" s="1315"/>
      <c r="E185" s="1316"/>
      <c r="F185" s="1316"/>
      <c r="G185" s="1316"/>
      <c r="H185" s="1316"/>
      <c r="I185" s="1316"/>
      <c r="J185" s="1316"/>
      <c r="K185" s="1316"/>
      <c r="L185" s="1316"/>
      <c r="M185" s="1316"/>
      <c r="N185" s="1316"/>
      <c r="O185" s="1316"/>
      <c r="P185" s="1316"/>
      <c r="Q185" s="1316"/>
      <c r="R185" s="1317"/>
      <c r="S185" s="1178"/>
      <c r="T185" s="1179"/>
      <c r="U185" s="1179"/>
      <c r="V185" s="1179"/>
      <c r="W185" s="1179"/>
      <c r="X185" s="1179"/>
      <c r="Y185" s="1179"/>
      <c r="Z185" s="1179"/>
      <c r="AA185" s="1179"/>
      <c r="AB185" s="1179"/>
      <c r="AC185" s="1179"/>
      <c r="AD185" s="1320"/>
      <c r="AE185" s="78"/>
      <c r="AF185" s="78"/>
      <c r="AG185" s="78"/>
      <c r="AH185" s="78"/>
      <c r="AI185" s="78"/>
      <c r="AJ185" s="78"/>
      <c r="AK185" s="78"/>
      <c r="AL185" s="78"/>
      <c r="AM185" s="78"/>
      <c r="AN185" s="91"/>
      <c r="AO185" s="1364"/>
      <c r="AP185" s="1197"/>
      <c r="AQ185" s="1197"/>
      <c r="AR185" s="1197"/>
      <c r="AS185" s="1197"/>
      <c r="AT185" s="1197"/>
      <c r="AU185" s="1197"/>
      <c r="AV185" s="1367"/>
      <c r="AW185" s="1197"/>
      <c r="AX185" s="1368"/>
      <c r="AY185" s="1361"/>
      <c r="AZ185" s="1361"/>
      <c r="BA185" s="1361"/>
      <c r="BB185" s="1361"/>
      <c r="BC185" s="1361"/>
      <c r="BD185" s="1361"/>
      <c r="BE185" s="1361"/>
      <c r="BF185" s="1356"/>
      <c r="BG185" s="1201"/>
      <c r="BH185" s="1201"/>
      <c r="BI185" s="1201"/>
      <c r="BJ185" s="1201"/>
      <c r="BK185" s="1201"/>
      <c r="BL185" s="1201"/>
      <c r="BM185" s="1201"/>
      <c r="BN185" s="1201"/>
      <c r="BO185" s="1357"/>
      <c r="BQ185" s="82"/>
      <c r="BR185" s="82"/>
      <c r="BS185" s="82"/>
      <c r="BT185" s="79"/>
    </row>
    <row r="186" spans="1:72" ht="5.25" customHeight="1">
      <c r="D186" s="78"/>
      <c r="E186" s="78"/>
      <c r="F186" s="78"/>
      <c r="G186" s="78"/>
      <c r="H186" s="78"/>
      <c r="I186" s="78"/>
      <c r="J186" s="78"/>
      <c r="K186" s="78"/>
      <c r="L186" s="78"/>
      <c r="M186" s="78"/>
      <c r="N186" s="78"/>
      <c r="O186" s="78"/>
      <c r="P186" s="78"/>
      <c r="Q186" s="78"/>
      <c r="R186" s="78"/>
      <c r="S186" s="78"/>
      <c r="T186" s="78"/>
      <c r="U186" s="78"/>
      <c r="V186" s="78"/>
      <c r="W186" s="78"/>
      <c r="X186" s="78"/>
      <c r="Y186" s="78"/>
      <c r="Z186" s="78"/>
      <c r="AA186" s="78"/>
      <c r="AB186" s="78"/>
      <c r="AC186" s="78"/>
      <c r="AD186" s="78"/>
      <c r="AE186" s="78"/>
      <c r="AF186" s="78"/>
      <c r="AG186" s="78"/>
      <c r="AH186" s="78"/>
      <c r="AI186" s="78"/>
      <c r="AJ186" s="78"/>
      <c r="AK186" s="78"/>
      <c r="AL186" s="78"/>
      <c r="AM186" s="78"/>
      <c r="AN186" s="91"/>
      <c r="AO186" s="1369"/>
      <c r="AP186" s="1370"/>
      <c r="AQ186" s="1370"/>
      <c r="AR186" s="1370"/>
      <c r="AS186" s="1370"/>
      <c r="AT186" s="1370"/>
      <c r="AU186" s="1370"/>
      <c r="AV186" s="1376"/>
      <c r="AW186" s="1370"/>
      <c r="AX186" s="1377"/>
      <c r="AY186" s="267"/>
      <c r="AZ186" s="1378"/>
      <c r="BA186" s="1378"/>
      <c r="BB186" s="1378"/>
      <c r="BC186" s="1378"/>
      <c r="BD186" s="1378"/>
      <c r="BE186" s="1378"/>
      <c r="BF186" s="1358"/>
      <c r="BG186" s="1359"/>
      <c r="BH186" s="1359"/>
      <c r="BI186" s="1359"/>
      <c r="BJ186" s="1359"/>
      <c r="BK186" s="1359"/>
      <c r="BL186" s="1359"/>
      <c r="BM186" s="1359"/>
      <c r="BN186" s="1359"/>
      <c r="BO186" s="1360"/>
      <c r="BQ186" s="82"/>
      <c r="BR186" s="82"/>
      <c r="BS186" s="82"/>
      <c r="BT186" s="79"/>
    </row>
    <row r="187" spans="1:72" ht="5.25" customHeight="1">
      <c r="D187" s="210"/>
      <c r="E187" s="210"/>
      <c r="F187" s="210"/>
      <c r="G187" s="210"/>
      <c r="H187" s="210"/>
      <c r="I187" s="210"/>
      <c r="J187" s="210"/>
      <c r="K187" s="210"/>
      <c r="L187" s="210"/>
      <c r="M187" s="210"/>
      <c r="N187" s="210"/>
      <c r="O187" s="210"/>
      <c r="P187" s="210"/>
      <c r="Q187" s="210"/>
      <c r="R187" s="210"/>
      <c r="S187" s="210"/>
      <c r="T187" s="210"/>
      <c r="U187" s="210"/>
      <c r="V187" s="210"/>
      <c r="W187" s="210"/>
      <c r="X187" s="90"/>
      <c r="Y187" s="90"/>
      <c r="Z187" s="90"/>
      <c r="AA187" s="90"/>
      <c r="AB187" s="90"/>
      <c r="AC187" s="90"/>
      <c r="AD187" s="90"/>
      <c r="AE187" s="90"/>
      <c r="AF187" s="90"/>
      <c r="AG187" s="90"/>
      <c r="AH187" s="90"/>
      <c r="AI187" s="90"/>
      <c r="AJ187" s="90"/>
      <c r="AK187" s="90"/>
      <c r="AL187" s="90"/>
      <c r="AM187" s="90"/>
      <c r="AN187" s="84"/>
      <c r="AO187" s="1371" t="s">
        <v>260</v>
      </c>
      <c r="AP187" s="1371"/>
      <c r="AQ187" s="1371"/>
      <c r="AR187" s="1371"/>
      <c r="AS187" s="1371"/>
      <c r="AT187" s="1371"/>
      <c r="AU187" s="1371"/>
      <c r="AV187" s="1371"/>
      <c r="AW187" s="1371"/>
      <c r="AX187" s="1371"/>
      <c r="AY187" s="1371"/>
      <c r="AZ187" s="1371"/>
      <c r="BA187" s="1371"/>
      <c r="BB187" s="1371"/>
      <c r="BC187" s="1371"/>
      <c r="BD187" s="1371"/>
      <c r="BE187" s="1371"/>
      <c r="BF187" s="1371"/>
      <c r="BG187" s="1371"/>
      <c r="BH187" s="1371"/>
      <c r="BI187" s="1371"/>
      <c r="BJ187" s="1371"/>
      <c r="BK187" s="1371"/>
      <c r="BL187" s="1371"/>
      <c r="BM187" s="1371"/>
      <c r="BN187" s="1371"/>
      <c r="BO187" s="1371"/>
      <c r="BP187" s="82"/>
      <c r="BQ187" s="82"/>
      <c r="BR187" s="82"/>
      <c r="BS187" s="82"/>
      <c r="BT187" s="79"/>
    </row>
    <row r="188" spans="1:72" ht="5.25" customHeight="1">
      <c r="D188" s="210"/>
      <c r="E188" s="210"/>
      <c r="F188" s="210"/>
      <c r="G188" s="210"/>
      <c r="H188" s="210"/>
      <c r="I188" s="210"/>
      <c r="J188" s="210"/>
      <c r="K188" s="210"/>
      <c r="L188" s="210"/>
      <c r="M188" s="210"/>
      <c r="N188" s="210"/>
      <c r="O188" s="210"/>
      <c r="P188" s="210"/>
      <c r="Q188" s="210"/>
      <c r="R188" s="210"/>
      <c r="S188" s="210"/>
      <c r="T188" s="210"/>
      <c r="U188" s="210"/>
      <c r="V188" s="210"/>
      <c r="W188" s="210"/>
      <c r="X188" s="90"/>
      <c r="Y188" s="90"/>
      <c r="Z188" s="90"/>
      <c r="AA188" s="90"/>
      <c r="AB188" s="90"/>
      <c r="AC188" s="90"/>
      <c r="AD188" s="90"/>
      <c r="AE188" s="90"/>
      <c r="AF188" s="90"/>
      <c r="AG188" s="90"/>
      <c r="AH188" s="90"/>
      <c r="AI188" s="90"/>
      <c r="AJ188" s="90"/>
      <c r="AK188" s="90"/>
      <c r="AL188" s="90"/>
      <c r="AM188" s="90"/>
      <c r="AN188" s="84"/>
      <c r="AO188" s="1372"/>
      <c r="AP188" s="1372"/>
      <c r="AQ188" s="1372"/>
      <c r="AR188" s="1372"/>
      <c r="AS188" s="1372"/>
      <c r="AT188" s="1372"/>
      <c r="AU188" s="1372"/>
      <c r="AV188" s="1372"/>
      <c r="AW188" s="1372"/>
      <c r="AX188" s="1372"/>
      <c r="AY188" s="1372"/>
      <c r="AZ188" s="1372"/>
      <c r="BA188" s="1372"/>
      <c r="BB188" s="1372"/>
      <c r="BC188" s="1372"/>
      <c r="BD188" s="1372"/>
      <c r="BE188" s="1372"/>
      <c r="BF188" s="1372"/>
      <c r="BG188" s="1372"/>
      <c r="BH188" s="1372"/>
      <c r="BI188" s="1372"/>
      <c r="BJ188" s="1372"/>
      <c r="BK188" s="1372"/>
      <c r="BL188" s="1372"/>
      <c r="BM188" s="1372"/>
      <c r="BN188" s="1372"/>
      <c r="BO188" s="1372"/>
      <c r="BP188" s="82"/>
      <c r="BQ188" s="82"/>
      <c r="BR188" s="82"/>
      <c r="BS188" s="82"/>
      <c r="BT188" s="79"/>
    </row>
    <row r="189" spans="1:72" ht="5.25" customHeight="1">
      <c r="D189" s="210"/>
      <c r="E189" s="210"/>
      <c r="F189" s="210"/>
      <c r="G189" s="210"/>
      <c r="H189" s="210"/>
      <c r="I189" s="210"/>
      <c r="J189" s="210"/>
      <c r="K189" s="210"/>
      <c r="L189" s="210"/>
      <c r="M189" s="210"/>
      <c r="N189" s="210"/>
      <c r="O189" s="210"/>
      <c r="P189" s="210"/>
      <c r="Q189" s="210"/>
      <c r="R189" s="210"/>
      <c r="S189" s="210"/>
      <c r="T189" s="210"/>
      <c r="U189" s="210"/>
      <c r="V189" s="210"/>
      <c r="W189" s="210"/>
      <c r="X189" s="90"/>
      <c r="Y189" s="90"/>
      <c r="Z189" s="90"/>
      <c r="AA189" s="90"/>
      <c r="AB189" s="90"/>
      <c r="AC189" s="90"/>
      <c r="AD189" s="90"/>
      <c r="AE189" s="90"/>
      <c r="AF189" s="90"/>
      <c r="AG189" s="90"/>
      <c r="AH189" s="90"/>
      <c r="AI189" s="90"/>
      <c r="AJ189" s="90"/>
      <c r="AK189" s="90"/>
      <c r="AL189" s="90"/>
      <c r="AM189" s="90"/>
      <c r="AN189" s="84"/>
      <c r="AO189" s="1372"/>
      <c r="AP189" s="1372"/>
      <c r="AQ189" s="1372"/>
      <c r="AR189" s="1372"/>
      <c r="AS189" s="1372"/>
      <c r="AT189" s="1372"/>
      <c r="AU189" s="1372"/>
      <c r="AV189" s="1372"/>
      <c r="AW189" s="1372"/>
      <c r="AX189" s="1372"/>
      <c r="AY189" s="1372"/>
      <c r="AZ189" s="1372"/>
      <c r="BA189" s="1372"/>
      <c r="BB189" s="1372"/>
      <c r="BC189" s="1372"/>
      <c r="BD189" s="1372"/>
      <c r="BE189" s="1372"/>
      <c r="BF189" s="1372"/>
      <c r="BG189" s="1372"/>
      <c r="BH189" s="1372"/>
      <c r="BI189" s="1372"/>
      <c r="BJ189" s="1372"/>
      <c r="BK189" s="1372"/>
      <c r="BL189" s="1372"/>
      <c r="BM189" s="1372"/>
      <c r="BN189" s="1372"/>
      <c r="BO189" s="1372"/>
      <c r="BP189" s="82"/>
      <c r="BQ189" s="82"/>
      <c r="BR189" s="82"/>
      <c r="BS189" s="82"/>
      <c r="BT189" s="79"/>
    </row>
    <row r="190" spans="1:72" ht="5.25" customHeight="1">
      <c r="D190" s="210"/>
      <c r="E190" s="210"/>
      <c r="F190" s="210"/>
      <c r="G190" s="210"/>
      <c r="H190" s="210"/>
      <c r="I190" s="210"/>
      <c r="J190" s="210"/>
      <c r="K190" s="210"/>
      <c r="L190" s="210"/>
      <c r="M190" s="210"/>
      <c r="N190" s="210"/>
      <c r="O190" s="210"/>
      <c r="P190" s="210"/>
      <c r="Q190" s="210"/>
      <c r="R190" s="210"/>
      <c r="S190" s="210"/>
      <c r="T190" s="210"/>
      <c r="U190" s="210"/>
      <c r="V190" s="210"/>
      <c r="W190" s="210"/>
      <c r="X190" s="90"/>
      <c r="Y190" s="90"/>
      <c r="Z190" s="90"/>
      <c r="AA190" s="90"/>
      <c r="AB190" s="90"/>
      <c r="AC190" s="90"/>
      <c r="AD190" s="90"/>
      <c r="AE190" s="90"/>
      <c r="AF190" s="90"/>
      <c r="AG190" s="90"/>
      <c r="AH190" s="90"/>
      <c r="AI190" s="90"/>
      <c r="AJ190" s="90"/>
      <c r="AK190" s="90"/>
      <c r="AL190" s="90"/>
      <c r="AM190" s="90"/>
      <c r="AN190" s="84"/>
      <c r="AO190" s="1372"/>
      <c r="AP190" s="1372"/>
      <c r="AQ190" s="1372"/>
      <c r="AR190" s="1372"/>
      <c r="AS190" s="1372"/>
      <c r="AT190" s="1372"/>
      <c r="AU190" s="1372"/>
      <c r="AV190" s="1372"/>
      <c r="AW190" s="1372"/>
      <c r="AX190" s="1372"/>
      <c r="AY190" s="1372"/>
      <c r="AZ190" s="1372"/>
      <c r="BA190" s="1372"/>
      <c r="BB190" s="1372"/>
      <c r="BC190" s="1372"/>
      <c r="BD190" s="1372"/>
      <c r="BE190" s="1372"/>
      <c r="BF190" s="1372"/>
      <c r="BG190" s="1372"/>
      <c r="BH190" s="1372"/>
      <c r="BI190" s="1372"/>
      <c r="BJ190" s="1372"/>
      <c r="BK190" s="1372"/>
      <c r="BL190" s="1372"/>
      <c r="BM190" s="1372"/>
      <c r="BN190" s="1372"/>
      <c r="BO190" s="1372"/>
      <c r="BQ190" s="82"/>
      <c r="BR190" s="82"/>
      <c r="BS190" s="82"/>
      <c r="BT190" s="79"/>
    </row>
    <row r="191" spans="1:72" ht="5.25" customHeight="1">
      <c r="A191" s="87"/>
      <c r="B191" s="87"/>
      <c r="C191" s="87"/>
      <c r="D191" s="87"/>
      <c r="E191" s="87"/>
      <c r="F191" s="87"/>
      <c r="G191" s="87"/>
      <c r="H191" s="87"/>
      <c r="I191" s="87"/>
      <c r="J191" s="87"/>
      <c r="K191" s="87"/>
      <c r="L191" s="87"/>
      <c r="M191" s="87"/>
      <c r="N191" s="87"/>
      <c r="O191" s="87"/>
      <c r="P191" s="87"/>
      <c r="Q191" s="87"/>
      <c r="R191" s="87"/>
      <c r="S191" s="87"/>
      <c r="T191" s="87"/>
      <c r="U191" s="87"/>
      <c r="V191" s="87"/>
      <c r="W191" s="87"/>
      <c r="X191" s="87"/>
      <c r="Y191" s="87"/>
      <c r="Z191" s="87"/>
      <c r="AA191" s="89"/>
      <c r="AB191" s="1321" t="s">
        <v>23</v>
      </c>
      <c r="AC191" s="1321"/>
      <c r="AD191" s="1321"/>
      <c r="AE191" s="1321"/>
      <c r="AF191" s="1321"/>
      <c r="AG191" s="1321"/>
      <c r="AH191" s="1321"/>
      <c r="AI191" s="1321"/>
      <c r="AJ191" s="1321"/>
      <c r="AK191" s="1321"/>
      <c r="AL191" s="1321"/>
      <c r="AM191" s="1321"/>
      <c r="AN191" s="1321"/>
      <c r="AO191" s="1321"/>
      <c r="AP191" s="1321"/>
      <c r="AQ191" s="88"/>
      <c r="AR191" s="88"/>
      <c r="AS191" s="88"/>
      <c r="AT191" s="88"/>
      <c r="AU191" s="87"/>
      <c r="AV191" s="87"/>
      <c r="AW191" s="87"/>
      <c r="AX191" s="87"/>
      <c r="AY191" s="87"/>
      <c r="AZ191" s="87"/>
      <c r="BA191" s="87"/>
      <c r="BB191" s="87"/>
      <c r="BC191" s="87"/>
      <c r="BD191" s="87"/>
      <c r="BE191" s="87"/>
      <c r="BF191" s="87"/>
      <c r="BG191" s="87"/>
      <c r="BH191" s="87"/>
      <c r="BI191" s="87"/>
      <c r="BJ191" s="87"/>
      <c r="BK191" s="87"/>
      <c r="BL191" s="87"/>
      <c r="BM191" s="87"/>
      <c r="BN191" s="87"/>
      <c r="BO191" s="87"/>
      <c r="BP191" s="87"/>
      <c r="BQ191" s="87"/>
      <c r="BR191" s="87"/>
      <c r="BS191" s="87"/>
      <c r="BT191" s="87"/>
    </row>
    <row r="192" spans="1:72" ht="5.25" customHeight="1">
      <c r="A192" s="231"/>
      <c r="B192" s="231"/>
      <c r="C192" s="231"/>
      <c r="D192" s="231"/>
      <c r="E192" s="231"/>
      <c r="F192" s="231"/>
      <c r="G192" s="231"/>
      <c r="H192" s="231"/>
      <c r="I192" s="231"/>
      <c r="J192" s="231"/>
      <c r="K192" s="231"/>
      <c r="L192" s="231"/>
      <c r="M192" s="231"/>
      <c r="N192" s="231"/>
      <c r="O192" s="231"/>
      <c r="P192" s="231"/>
      <c r="Q192" s="231"/>
      <c r="R192" s="231"/>
      <c r="S192" s="231"/>
      <c r="T192" s="231"/>
      <c r="U192" s="231"/>
      <c r="V192" s="231"/>
      <c r="W192" s="231"/>
      <c r="X192" s="231"/>
      <c r="Y192" s="231"/>
      <c r="Z192" s="86"/>
      <c r="AA192" s="261"/>
      <c r="AB192" s="1321"/>
      <c r="AC192" s="1321"/>
      <c r="AD192" s="1321"/>
      <c r="AE192" s="1321"/>
      <c r="AF192" s="1321"/>
      <c r="AG192" s="1321"/>
      <c r="AH192" s="1321"/>
      <c r="AI192" s="1321"/>
      <c r="AJ192" s="1321"/>
      <c r="AK192" s="1321"/>
      <c r="AL192" s="1321"/>
      <c r="AM192" s="1321"/>
      <c r="AN192" s="1321"/>
      <c r="AO192" s="1321"/>
      <c r="AP192" s="1321"/>
      <c r="AQ192" s="86"/>
      <c r="AR192" s="86"/>
      <c r="AS192" s="86"/>
      <c r="AT192" s="86"/>
      <c r="AU192" s="231"/>
      <c r="AV192" s="231"/>
      <c r="AW192" s="231"/>
      <c r="AX192" s="231"/>
      <c r="AY192" s="231"/>
      <c r="AZ192" s="231"/>
      <c r="BA192" s="231"/>
      <c r="BB192" s="231"/>
      <c r="BC192" s="231"/>
      <c r="BD192" s="231"/>
      <c r="BE192" s="231"/>
      <c r="BF192" s="231"/>
      <c r="BG192" s="85"/>
      <c r="BH192" s="85"/>
      <c r="BI192" s="85"/>
      <c r="BJ192" s="85"/>
      <c r="BK192" s="85"/>
      <c r="BL192" s="85"/>
      <c r="BM192" s="85"/>
      <c r="BN192" s="85"/>
      <c r="BO192" s="85"/>
      <c r="BP192" s="85"/>
      <c r="BQ192" s="85"/>
      <c r="BR192" s="85"/>
      <c r="BS192" s="85"/>
      <c r="BT192" s="85"/>
    </row>
    <row r="193" spans="1:72" ht="5.25" customHeight="1">
      <c r="D193" s="84"/>
      <c r="E193" s="84"/>
      <c r="F193" s="84"/>
      <c r="G193" s="84"/>
      <c r="H193" s="84"/>
      <c r="I193" s="84"/>
      <c r="J193" s="84"/>
      <c r="K193" s="84"/>
      <c r="L193" s="84"/>
      <c r="M193" s="84"/>
      <c r="N193" s="84"/>
      <c r="O193" s="84"/>
      <c r="P193" s="84"/>
      <c r="Q193" s="84"/>
      <c r="R193" s="84"/>
      <c r="S193" s="84"/>
      <c r="T193" s="84"/>
      <c r="U193" s="84"/>
      <c r="V193" s="84"/>
      <c r="W193" s="84"/>
      <c r="X193" s="84"/>
      <c r="Y193" s="84"/>
      <c r="Z193" s="84"/>
      <c r="AA193" s="84"/>
      <c r="AB193" s="84"/>
      <c r="AC193" s="84"/>
      <c r="AD193" s="84"/>
      <c r="AE193" s="84"/>
      <c r="BQ193" s="82"/>
      <c r="BR193" s="82"/>
      <c r="BS193" s="82"/>
      <c r="BT193" s="79"/>
    </row>
    <row r="194" spans="1:72" ht="5.25" customHeight="1">
      <c r="A194" s="82"/>
      <c r="D194" s="84"/>
      <c r="E194" s="84"/>
      <c r="F194" s="84"/>
      <c r="G194" s="84"/>
      <c r="H194" s="84"/>
      <c r="I194" s="84"/>
      <c r="J194" s="84"/>
      <c r="K194" s="84"/>
      <c r="L194" s="84"/>
      <c r="M194" s="84"/>
      <c r="N194" s="84"/>
      <c r="O194" s="84"/>
      <c r="P194" s="84"/>
      <c r="Q194" s="84"/>
      <c r="R194" s="84"/>
      <c r="S194" s="84"/>
      <c r="T194" s="84"/>
      <c r="U194" s="84"/>
      <c r="V194" s="84"/>
      <c r="W194" s="84"/>
      <c r="X194" s="84"/>
      <c r="Y194" s="84"/>
      <c r="Z194" s="84"/>
      <c r="AA194" s="84"/>
      <c r="AB194" s="84"/>
      <c r="AC194" s="84"/>
      <c r="AD194" s="84"/>
      <c r="AE194" s="84"/>
      <c r="BQ194" s="82"/>
      <c r="BR194" s="82"/>
      <c r="BS194" s="82"/>
      <c r="BT194" s="84"/>
    </row>
    <row r="195" spans="1:72" ht="5.25" customHeight="1">
      <c r="A195" s="82"/>
      <c r="D195" s="84"/>
      <c r="Q195" s="82"/>
      <c r="R195" s="82"/>
      <c r="S195" s="82"/>
      <c r="T195" s="78"/>
      <c r="U195" s="78"/>
      <c r="V195" s="78"/>
      <c r="W195" s="78"/>
      <c r="X195" s="78"/>
      <c r="Y195" s="78"/>
      <c r="Z195" s="78"/>
      <c r="AA195" s="78"/>
      <c r="AB195" s="78"/>
      <c r="AC195" s="78"/>
      <c r="AD195" s="78"/>
      <c r="AE195" s="78"/>
      <c r="AF195" s="78"/>
      <c r="AG195" s="78"/>
      <c r="AH195" s="78"/>
      <c r="AI195" s="78"/>
      <c r="AJ195" s="78"/>
      <c r="AK195" s="78"/>
      <c r="AL195" s="78"/>
      <c r="AM195" s="78"/>
      <c r="AN195" s="78"/>
      <c r="BQ195" s="82"/>
      <c r="BR195" s="82"/>
      <c r="BS195" s="82"/>
      <c r="BT195" s="84"/>
    </row>
    <row r="196" spans="1:72" ht="5.25" customHeight="1">
      <c r="A196" s="82"/>
      <c r="Q196" s="82"/>
      <c r="R196" s="82"/>
      <c r="S196" s="82"/>
      <c r="T196" s="78"/>
      <c r="U196" s="78"/>
      <c r="V196" s="78"/>
      <c r="W196" s="78"/>
      <c r="X196" s="78"/>
      <c r="Y196" s="78"/>
      <c r="Z196" s="78"/>
      <c r="AA196" s="78"/>
      <c r="AB196" s="78"/>
      <c r="AC196" s="78"/>
      <c r="AD196" s="78"/>
      <c r="AE196" s="78"/>
      <c r="AF196" s="78"/>
      <c r="AG196" s="78"/>
      <c r="AH196" s="78"/>
      <c r="AI196" s="78"/>
      <c r="AJ196" s="78"/>
      <c r="AK196" s="78"/>
      <c r="AL196" s="78"/>
      <c r="AM196" s="78"/>
      <c r="AN196" s="78"/>
      <c r="AO196" s="78"/>
      <c r="AP196" s="78"/>
      <c r="AQ196" s="78"/>
      <c r="AR196" s="78"/>
      <c r="AS196" s="78"/>
      <c r="AT196" s="78"/>
      <c r="AU196" s="78"/>
      <c r="AV196" s="78"/>
      <c r="AW196" s="78"/>
      <c r="AX196" s="78"/>
      <c r="AY196" s="78"/>
      <c r="AZ196" s="78"/>
      <c r="BA196" s="78"/>
      <c r="BB196" s="78"/>
      <c r="BC196" s="78"/>
      <c r="BD196" s="78"/>
      <c r="BE196" s="78"/>
      <c r="BF196" s="78"/>
      <c r="BG196" s="78"/>
      <c r="BH196" s="78"/>
      <c r="BI196" s="78"/>
      <c r="BJ196" s="78"/>
      <c r="BK196" s="78"/>
      <c r="BL196" s="78"/>
      <c r="BM196" s="78"/>
      <c r="BN196" s="78"/>
      <c r="BO196" s="78"/>
      <c r="BQ196" s="82"/>
      <c r="BR196" s="82"/>
      <c r="BS196" s="82"/>
    </row>
    <row r="197" spans="1:72" ht="5.25" customHeight="1">
      <c r="A197" s="82"/>
      <c r="Q197" s="82"/>
      <c r="R197" s="82"/>
      <c r="S197" s="82"/>
      <c r="T197" s="78"/>
      <c r="U197" s="78"/>
      <c r="V197" s="78"/>
      <c r="W197" s="78"/>
      <c r="X197" s="78"/>
      <c r="Y197" s="78"/>
      <c r="Z197" s="78"/>
      <c r="AA197" s="78"/>
      <c r="AB197" s="78"/>
      <c r="AC197" s="78"/>
      <c r="AD197" s="78"/>
      <c r="AE197" s="78"/>
      <c r="AF197" s="78"/>
      <c r="AG197" s="78"/>
      <c r="AH197" s="78"/>
      <c r="AI197" s="78"/>
      <c r="AJ197" s="78"/>
      <c r="AK197" s="78"/>
      <c r="AL197" s="78"/>
      <c r="AM197" s="78"/>
      <c r="AN197" s="78"/>
      <c r="AO197" s="78"/>
      <c r="AP197" s="78"/>
      <c r="AQ197" s="78"/>
      <c r="AR197" s="78"/>
      <c r="AS197" s="78"/>
      <c r="AT197" s="78"/>
      <c r="AU197" s="78"/>
      <c r="AV197" s="78"/>
      <c r="AW197" s="78"/>
      <c r="AX197" s="78"/>
      <c r="AY197" s="78"/>
      <c r="AZ197" s="78"/>
      <c r="BA197" s="78"/>
      <c r="BB197" s="78"/>
      <c r="BC197" s="78"/>
      <c r="BD197" s="78"/>
      <c r="BE197" s="78"/>
      <c r="BF197" s="78"/>
      <c r="BG197" s="78"/>
      <c r="BH197" s="78"/>
      <c r="BI197" s="78"/>
      <c r="BJ197" s="78"/>
      <c r="BK197" s="78"/>
      <c r="BL197" s="78"/>
      <c r="BM197" s="78"/>
      <c r="BN197" s="78"/>
      <c r="BO197" s="78"/>
      <c r="BQ197" s="82"/>
      <c r="BR197" s="82"/>
      <c r="BS197" s="82"/>
    </row>
    <row r="198" spans="1:72" ht="5.25" customHeight="1">
      <c r="A198" s="82"/>
      <c r="Q198" s="82"/>
      <c r="R198" s="82"/>
      <c r="S198" s="82"/>
      <c r="T198" s="78"/>
      <c r="U198" s="78"/>
      <c r="V198" s="78"/>
      <c r="W198" s="78"/>
      <c r="X198" s="78"/>
      <c r="Y198" s="78"/>
      <c r="Z198" s="78"/>
      <c r="AA198" s="78"/>
      <c r="AB198" s="78"/>
      <c r="AC198" s="78"/>
      <c r="AD198" s="78"/>
      <c r="AE198" s="78"/>
      <c r="AF198" s="78"/>
      <c r="AG198" s="78"/>
      <c r="AH198" s="78"/>
      <c r="AI198" s="78"/>
      <c r="AJ198" s="78"/>
      <c r="AK198" s="78"/>
      <c r="AL198" s="78"/>
      <c r="AM198" s="78"/>
      <c r="AN198" s="78"/>
      <c r="AO198" s="78"/>
      <c r="AP198" s="78"/>
      <c r="AQ198" s="78"/>
      <c r="AR198" s="78"/>
      <c r="AS198" s="78"/>
      <c r="AT198" s="78"/>
      <c r="AU198" s="78"/>
      <c r="AV198" s="78"/>
      <c r="AW198" s="78"/>
      <c r="AX198" s="78"/>
      <c r="AY198" s="78"/>
      <c r="AZ198" s="78"/>
      <c r="BA198" s="78"/>
      <c r="BB198" s="78"/>
      <c r="BC198" s="78"/>
      <c r="BD198" s="78"/>
      <c r="BE198" s="78"/>
      <c r="BF198" s="78"/>
      <c r="BG198" s="78"/>
      <c r="BH198" s="78"/>
      <c r="BI198" s="78"/>
      <c r="BJ198" s="78"/>
      <c r="BK198" s="78"/>
      <c r="BL198" s="78"/>
      <c r="BM198" s="78"/>
      <c r="BN198" s="78"/>
      <c r="BO198" s="78"/>
      <c r="BQ198" s="82"/>
      <c r="BR198" s="82"/>
      <c r="BS198" s="82"/>
    </row>
    <row r="199" spans="1:72" ht="5.25" customHeight="1">
      <c r="A199" s="82"/>
      <c r="D199" s="82"/>
      <c r="Q199" s="82"/>
      <c r="R199" s="82"/>
      <c r="S199" s="82"/>
      <c r="T199" s="78"/>
      <c r="U199" s="78"/>
      <c r="V199" s="78"/>
      <c r="W199" s="78"/>
      <c r="X199" s="78"/>
      <c r="Y199" s="78"/>
      <c r="Z199" s="78"/>
      <c r="AA199" s="78"/>
      <c r="AB199" s="78"/>
      <c r="AC199" s="78"/>
      <c r="AD199" s="78"/>
      <c r="AE199" s="78"/>
      <c r="AF199" s="78"/>
      <c r="AG199" s="78"/>
      <c r="AH199" s="78"/>
      <c r="AI199" s="78"/>
      <c r="AJ199" s="78"/>
      <c r="AK199" s="78"/>
      <c r="AL199" s="78"/>
      <c r="AM199" s="78"/>
      <c r="AN199" s="78"/>
      <c r="AO199" s="78"/>
      <c r="AP199" s="78"/>
      <c r="AQ199" s="78"/>
      <c r="AR199" s="78"/>
      <c r="AS199" s="78"/>
      <c r="AT199" s="78"/>
      <c r="AU199" s="78"/>
      <c r="AV199" s="78"/>
      <c r="AW199" s="78"/>
      <c r="AX199" s="78"/>
      <c r="AY199" s="78"/>
      <c r="AZ199" s="78"/>
      <c r="BA199" s="78"/>
      <c r="BB199" s="78"/>
      <c r="BC199" s="78"/>
      <c r="BD199" s="78"/>
      <c r="BE199" s="78"/>
      <c r="BF199" s="78"/>
      <c r="BG199" s="78"/>
      <c r="BH199" s="78"/>
      <c r="BI199" s="78"/>
      <c r="BJ199" s="78"/>
      <c r="BK199" s="78"/>
      <c r="BL199" s="78"/>
      <c r="BM199" s="78"/>
      <c r="BN199" s="78"/>
      <c r="BO199" s="78"/>
      <c r="BR199" s="82"/>
      <c r="BS199" s="82"/>
    </row>
    <row r="200" spans="1:72" ht="7.5" customHeight="1">
      <c r="A200" s="82"/>
      <c r="D200" s="84"/>
      <c r="Q200" s="82"/>
      <c r="R200" s="82"/>
      <c r="S200" s="82"/>
      <c r="T200" s="78"/>
      <c r="U200" s="78"/>
      <c r="V200" s="78"/>
      <c r="W200" s="78"/>
      <c r="X200" s="78"/>
      <c r="Y200" s="78"/>
      <c r="Z200" s="78"/>
      <c r="AA200" s="78"/>
      <c r="AB200" s="78"/>
      <c r="AC200" s="78"/>
      <c r="AD200" s="78"/>
      <c r="AE200" s="78"/>
      <c r="AF200" s="78"/>
      <c r="AG200" s="78"/>
      <c r="AH200" s="78"/>
      <c r="AI200" s="78"/>
      <c r="AJ200" s="78"/>
      <c r="AK200" s="78"/>
      <c r="AL200" s="78"/>
      <c r="AM200" s="78"/>
      <c r="AN200" s="78"/>
      <c r="AO200" s="78"/>
      <c r="AP200" s="78"/>
      <c r="AQ200" s="78"/>
      <c r="AR200" s="78"/>
      <c r="AS200" s="78"/>
      <c r="AT200" s="78"/>
      <c r="AU200" s="78"/>
      <c r="AV200" s="78"/>
      <c r="AW200" s="78"/>
      <c r="AX200" s="78"/>
      <c r="AY200" s="78"/>
      <c r="AZ200" s="78"/>
      <c r="BA200" s="78"/>
      <c r="BB200" s="78"/>
      <c r="BC200" s="78"/>
      <c r="BD200" s="78"/>
      <c r="BE200" s="78"/>
      <c r="BF200" s="78"/>
      <c r="BG200" s="78"/>
      <c r="BH200" s="78"/>
      <c r="BI200" s="78"/>
      <c r="BJ200" s="78"/>
      <c r="BK200" s="78"/>
      <c r="BL200" s="78"/>
      <c r="BM200" s="78"/>
      <c r="BN200" s="78"/>
      <c r="BO200" s="78"/>
      <c r="BR200" s="82"/>
      <c r="BS200" s="82"/>
    </row>
    <row r="201" spans="1:72" ht="5.25" customHeight="1">
      <c r="A201" s="82"/>
      <c r="D201" s="84"/>
      <c r="Q201" s="82"/>
      <c r="R201" s="82"/>
      <c r="S201" s="82"/>
      <c r="T201" s="78"/>
      <c r="U201" s="78"/>
      <c r="V201" s="78"/>
      <c r="W201" s="78"/>
      <c r="X201" s="78"/>
      <c r="Y201" s="78"/>
      <c r="Z201" s="78"/>
      <c r="AA201" s="78"/>
      <c r="AB201" s="78"/>
      <c r="AC201" s="78"/>
      <c r="AD201" s="78"/>
      <c r="AE201" s="78"/>
      <c r="AF201" s="78"/>
      <c r="AG201" s="78"/>
      <c r="AH201" s="78"/>
      <c r="AI201" s="78"/>
      <c r="AJ201" s="78"/>
      <c r="AK201" s="78"/>
      <c r="AL201" s="78"/>
      <c r="AM201" s="78"/>
      <c r="AN201" s="78"/>
      <c r="AO201" s="78"/>
      <c r="AP201" s="78"/>
      <c r="AQ201" s="78"/>
      <c r="AR201" s="78"/>
      <c r="AS201" s="78"/>
      <c r="AT201" s="78"/>
      <c r="AU201" s="78"/>
      <c r="AV201" s="78"/>
      <c r="AW201" s="78"/>
      <c r="AX201" s="78"/>
      <c r="AY201" s="78"/>
      <c r="AZ201" s="78"/>
      <c r="BA201" s="78"/>
      <c r="BB201" s="78"/>
      <c r="BC201" s="78"/>
      <c r="BD201" s="78"/>
      <c r="BE201" s="78"/>
      <c r="BF201" s="78"/>
      <c r="BG201" s="78"/>
      <c r="BH201" s="78"/>
      <c r="BI201" s="78"/>
      <c r="BJ201" s="78"/>
      <c r="BK201" s="78"/>
      <c r="BL201" s="78"/>
      <c r="BM201" s="78"/>
      <c r="BN201" s="78"/>
      <c r="BO201" s="78"/>
    </row>
    <row r="202" spans="1:72" ht="5.25" customHeight="1">
      <c r="A202" s="82"/>
      <c r="D202" s="84"/>
      <c r="E202" s="84"/>
      <c r="F202" s="84"/>
      <c r="G202" s="84"/>
      <c r="H202" s="84"/>
      <c r="I202" s="84"/>
      <c r="J202" s="84"/>
      <c r="K202" s="84"/>
      <c r="L202" s="84"/>
      <c r="M202" s="84"/>
      <c r="N202" s="84"/>
      <c r="O202" s="84"/>
      <c r="P202" s="84"/>
      <c r="Q202" s="83"/>
      <c r="R202" s="83"/>
      <c r="S202" s="82"/>
      <c r="T202" s="78"/>
      <c r="U202" s="78"/>
      <c r="V202" s="78"/>
      <c r="W202" s="78"/>
      <c r="X202" s="78"/>
      <c r="Y202" s="78"/>
      <c r="Z202" s="78"/>
      <c r="AA202" s="78"/>
      <c r="AB202" s="78"/>
      <c r="AC202" s="78"/>
      <c r="AD202" s="78"/>
      <c r="AE202" s="78"/>
      <c r="AF202" s="78"/>
      <c r="AG202" s="78"/>
      <c r="AH202" s="78"/>
      <c r="AI202" s="78"/>
      <c r="AJ202" s="78"/>
      <c r="AK202" s="78"/>
      <c r="AL202" s="78"/>
      <c r="AM202" s="78"/>
      <c r="AN202" s="78"/>
      <c r="AO202" s="78"/>
      <c r="AP202" s="78"/>
      <c r="AQ202" s="78"/>
      <c r="AR202" s="78"/>
      <c r="AS202" s="78"/>
      <c r="AT202" s="78"/>
      <c r="AU202" s="78"/>
      <c r="AV202" s="78"/>
      <c r="AW202" s="78"/>
      <c r="AX202" s="78"/>
      <c r="AY202" s="78"/>
      <c r="AZ202" s="78"/>
      <c r="BA202" s="78"/>
      <c r="BB202" s="78"/>
      <c r="BC202" s="78"/>
      <c r="BD202" s="78"/>
      <c r="BE202" s="78"/>
      <c r="BF202" s="78"/>
      <c r="BG202" s="78"/>
      <c r="BH202" s="78"/>
      <c r="BI202" s="78"/>
      <c r="BJ202" s="78"/>
      <c r="BK202" s="78"/>
      <c r="BL202" s="78"/>
      <c r="BM202" s="78"/>
      <c r="BN202" s="78"/>
      <c r="BO202" s="78"/>
    </row>
    <row r="203" spans="1:72" ht="5.25" customHeight="1">
      <c r="A203" s="82"/>
      <c r="Q203" s="81"/>
      <c r="R203" s="81"/>
      <c r="S203" s="78"/>
      <c r="T203" s="78"/>
      <c r="U203" s="78"/>
      <c r="V203" s="78"/>
      <c r="W203" s="78"/>
      <c r="X203" s="78"/>
      <c r="Y203" s="78"/>
      <c r="Z203" s="78"/>
      <c r="AA203" s="78"/>
      <c r="AB203" s="78"/>
      <c r="AC203" s="78"/>
      <c r="AD203" s="78"/>
      <c r="AE203" s="78"/>
      <c r="AF203" s="78"/>
      <c r="AG203" s="78"/>
      <c r="AH203" s="78"/>
      <c r="AI203" s="78"/>
      <c r="AJ203" s="78"/>
      <c r="AK203" s="78"/>
      <c r="AL203" s="78"/>
      <c r="AM203" s="78"/>
      <c r="AN203" s="78"/>
      <c r="AO203" s="78"/>
      <c r="AP203" s="78"/>
      <c r="AQ203" s="78"/>
      <c r="AR203" s="78"/>
      <c r="AS203" s="78"/>
      <c r="AT203" s="78"/>
      <c r="AU203" s="78"/>
      <c r="AV203" s="78"/>
      <c r="AW203" s="78"/>
      <c r="AX203" s="78"/>
      <c r="AY203" s="78"/>
      <c r="AZ203" s="78"/>
      <c r="BA203" s="78"/>
      <c r="BB203" s="78"/>
      <c r="BC203" s="78"/>
      <c r="BD203" s="78"/>
      <c r="BE203" s="78"/>
      <c r="BF203" s="78"/>
      <c r="BG203" s="78"/>
      <c r="BH203" s="78"/>
      <c r="BI203" s="78"/>
      <c r="BJ203" s="78"/>
      <c r="BK203" s="78"/>
      <c r="BL203" s="78"/>
      <c r="BM203" s="78"/>
      <c r="BN203" s="78"/>
      <c r="BO203" s="78"/>
    </row>
    <row r="204" spans="1:72" ht="5.25" customHeight="1">
      <c r="A204" s="82"/>
      <c r="Q204" s="81"/>
      <c r="R204" s="81"/>
      <c r="S204" s="78"/>
      <c r="T204" s="78"/>
      <c r="U204" s="78"/>
      <c r="V204" s="78"/>
      <c r="W204" s="78"/>
      <c r="X204" s="78"/>
      <c r="Y204" s="78"/>
      <c r="Z204" s="78"/>
      <c r="AA204" s="78"/>
      <c r="AB204" s="78"/>
      <c r="AC204" s="78"/>
      <c r="AD204" s="78"/>
      <c r="AE204" s="78"/>
      <c r="AF204" s="78"/>
      <c r="AG204" s="78"/>
      <c r="AH204" s="78"/>
      <c r="AI204" s="78"/>
      <c r="AJ204" s="78"/>
      <c r="AK204" s="78"/>
      <c r="AL204" s="78"/>
      <c r="AM204" s="78"/>
      <c r="AN204" s="78"/>
      <c r="AO204" s="78"/>
      <c r="AP204" s="78"/>
      <c r="AQ204" s="78"/>
      <c r="AR204" s="78"/>
      <c r="AS204" s="78"/>
      <c r="AT204" s="78"/>
      <c r="AU204" s="78"/>
      <c r="AV204" s="78"/>
      <c r="AW204" s="78"/>
      <c r="AX204" s="78"/>
      <c r="AY204" s="78"/>
      <c r="AZ204" s="78"/>
      <c r="BA204" s="78"/>
      <c r="BB204" s="78"/>
      <c r="BC204" s="78"/>
      <c r="BD204" s="78"/>
      <c r="BE204" s="78"/>
      <c r="BF204" s="78"/>
      <c r="BG204" s="78"/>
      <c r="BH204" s="78"/>
      <c r="BI204" s="78"/>
      <c r="BJ204" s="78"/>
      <c r="BK204" s="78"/>
      <c r="BL204" s="78"/>
      <c r="BM204" s="78"/>
      <c r="BN204" s="78"/>
      <c r="BO204" s="78"/>
    </row>
    <row r="205" spans="1:72" ht="5.25" customHeight="1">
      <c r="A205" s="82"/>
      <c r="Q205" s="81"/>
      <c r="R205" s="81"/>
      <c r="S205" s="78"/>
      <c r="T205" s="78"/>
      <c r="U205" s="78"/>
      <c r="V205" s="78"/>
      <c r="W205" s="78"/>
      <c r="X205" s="78"/>
      <c r="Y205" s="78"/>
      <c r="Z205" s="78"/>
      <c r="AA205" s="78"/>
      <c r="AB205" s="78"/>
      <c r="AC205" s="78"/>
      <c r="AD205" s="78"/>
      <c r="AE205" s="78"/>
      <c r="AF205" s="78"/>
      <c r="AG205" s="78"/>
      <c r="AH205" s="78"/>
      <c r="AI205" s="78"/>
      <c r="AJ205" s="78"/>
      <c r="AK205" s="78"/>
      <c r="AL205" s="78"/>
      <c r="AM205" s="78"/>
      <c r="AN205" s="78"/>
      <c r="AO205" s="78"/>
      <c r="AP205" s="78"/>
      <c r="AQ205" s="78"/>
      <c r="AR205" s="78"/>
      <c r="AS205" s="78"/>
      <c r="AT205" s="78"/>
      <c r="AU205" s="78"/>
      <c r="AV205" s="78"/>
      <c r="AW205" s="78"/>
      <c r="AX205" s="78"/>
      <c r="AY205" s="78"/>
      <c r="AZ205" s="78"/>
      <c r="BA205" s="78"/>
      <c r="BB205" s="78"/>
      <c r="BC205" s="78"/>
      <c r="BD205" s="78"/>
      <c r="BE205" s="78"/>
      <c r="BF205" s="78"/>
      <c r="BG205" s="78"/>
      <c r="BH205" s="78"/>
      <c r="BI205" s="78"/>
      <c r="BJ205" s="78"/>
      <c r="BK205" s="78"/>
      <c r="BL205" s="78"/>
      <c r="BM205" s="78"/>
      <c r="BN205" s="78"/>
      <c r="BO205" s="78"/>
    </row>
    <row r="206" spans="1:72" ht="5.25" customHeight="1">
      <c r="A206" s="82"/>
      <c r="Q206" s="81"/>
      <c r="R206" s="81"/>
      <c r="S206" s="78"/>
      <c r="T206" s="78"/>
      <c r="U206" s="78"/>
      <c r="V206" s="78"/>
      <c r="W206" s="78"/>
      <c r="X206" s="78"/>
      <c r="Y206" s="78"/>
      <c r="Z206" s="78"/>
      <c r="AA206" s="78"/>
      <c r="AB206" s="78"/>
      <c r="AC206" s="78"/>
      <c r="AD206" s="78"/>
      <c r="AE206" s="78"/>
      <c r="AF206" s="78"/>
      <c r="AG206" s="78"/>
      <c r="AH206" s="78"/>
      <c r="AI206" s="78"/>
      <c r="AJ206" s="78"/>
      <c r="AK206" s="78"/>
      <c r="AL206" s="78"/>
      <c r="AM206" s="78"/>
      <c r="AN206" s="78"/>
      <c r="AO206" s="78"/>
      <c r="AP206" s="78"/>
      <c r="AQ206" s="78"/>
      <c r="AR206" s="78"/>
      <c r="AS206" s="78"/>
      <c r="AT206" s="78"/>
      <c r="AU206" s="78"/>
      <c r="AV206" s="78"/>
      <c r="AW206" s="78"/>
      <c r="AX206" s="78"/>
      <c r="AY206" s="78"/>
      <c r="AZ206" s="78"/>
      <c r="BA206" s="78"/>
      <c r="BB206" s="78"/>
      <c r="BC206" s="78"/>
      <c r="BD206" s="78"/>
      <c r="BE206" s="78"/>
      <c r="BF206" s="78"/>
      <c r="BG206" s="78"/>
      <c r="BH206" s="78"/>
      <c r="BI206" s="78"/>
      <c r="BJ206" s="78"/>
      <c r="BK206" s="78"/>
      <c r="BL206" s="78"/>
      <c r="BM206" s="78"/>
      <c r="BN206" s="78"/>
      <c r="BO206" s="78"/>
    </row>
    <row r="207" spans="1:72" ht="5.25" customHeight="1">
      <c r="A207" s="82"/>
      <c r="Q207" s="81"/>
      <c r="R207" s="81"/>
      <c r="S207" s="78"/>
      <c r="T207" s="78"/>
      <c r="U207" s="78"/>
      <c r="V207" s="78"/>
      <c r="W207" s="78"/>
      <c r="X207" s="78"/>
      <c r="Y207" s="78"/>
      <c r="Z207" s="78"/>
      <c r="AA207" s="78"/>
      <c r="AB207" s="78"/>
      <c r="AC207" s="78"/>
      <c r="AD207" s="78"/>
      <c r="AE207" s="78"/>
      <c r="AF207" s="78"/>
      <c r="AG207" s="78"/>
      <c r="AH207" s="78"/>
      <c r="AI207" s="78"/>
      <c r="AJ207" s="78"/>
      <c r="AK207" s="78"/>
      <c r="AL207" s="78"/>
      <c r="AM207" s="78"/>
      <c r="AN207" s="78"/>
      <c r="AO207" s="78"/>
      <c r="AP207" s="78"/>
      <c r="AQ207" s="78"/>
      <c r="AR207" s="78"/>
      <c r="AS207" s="78"/>
      <c r="AT207" s="78"/>
      <c r="AU207" s="78"/>
      <c r="AV207" s="78"/>
      <c r="AW207" s="78"/>
      <c r="AX207" s="78"/>
      <c r="AY207" s="78"/>
      <c r="AZ207" s="78"/>
      <c r="BA207" s="78"/>
      <c r="BB207" s="78"/>
      <c r="BC207" s="78"/>
      <c r="BD207" s="78"/>
      <c r="BE207" s="78"/>
      <c r="BF207" s="78"/>
      <c r="BG207" s="78"/>
      <c r="BH207" s="78"/>
      <c r="BI207" s="78"/>
      <c r="BJ207" s="78"/>
      <c r="BK207" s="78"/>
      <c r="BL207" s="78"/>
      <c r="BM207" s="78"/>
      <c r="BN207" s="78"/>
      <c r="BO207" s="78"/>
    </row>
    <row r="208" spans="1:72" ht="5.25" customHeight="1">
      <c r="A208" s="82"/>
      <c r="Q208" s="81"/>
      <c r="R208" s="81"/>
      <c r="S208" s="78"/>
      <c r="T208" s="78"/>
      <c r="U208" s="78"/>
      <c r="V208" s="78"/>
      <c r="W208" s="78"/>
      <c r="X208" s="78"/>
      <c r="Y208" s="78"/>
      <c r="Z208" s="78"/>
      <c r="AA208" s="78"/>
      <c r="AB208" s="78"/>
      <c r="AC208" s="78"/>
      <c r="AD208" s="78"/>
      <c r="AE208" s="78"/>
      <c r="AF208" s="78"/>
      <c r="AG208" s="78"/>
      <c r="AH208" s="78"/>
      <c r="AI208" s="78"/>
      <c r="AJ208" s="78"/>
      <c r="AK208" s="78"/>
      <c r="AL208" s="78"/>
      <c r="AM208" s="78"/>
      <c r="AN208" s="78"/>
      <c r="AO208" s="78"/>
      <c r="AP208" s="78"/>
      <c r="AQ208" s="78"/>
      <c r="AR208" s="78"/>
      <c r="AS208" s="78"/>
      <c r="AT208" s="78"/>
      <c r="AU208" s="78"/>
      <c r="AV208" s="78"/>
      <c r="AW208" s="78"/>
      <c r="AX208" s="78"/>
      <c r="AY208" s="78"/>
      <c r="AZ208" s="78"/>
      <c r="BA208" s="78"/>
      <c r="BB208" s="78"/>
      <c r="BC208" s="78"/>
      <c r="BD208" s="78"/>
      <c r="BE208" s="78"/>
      <c r="BF208" s="78"/>
      <c r="BG208" s="78"/>
      <c r="BH208" s="78"/>
      <c r="BI208" s="78"/>
      <c r="BJ208" s="78"/>
      <c r="BK208" s="78"/>
      <c r="BL208" s="78"/>
      <c r="BM208" s="78"/>
      <c r="BN208" s="78"/>
      <c r="BO208" s="78"/>
    </row>
    <row r="209" spans="1:72" ht="5.25" customHeight="1">
      <c r="A209" s="82"/>
      <c r="Q209" s="81"/>
      <c r="R209" s="81"/>
      <c r="S209" s="78"/>
      <c r="T209" s="78"/>
      <c r="U209" s="78"/>
      <c r="V209" s="78"/>
      <c r="W209" s="78"/>
      <c r="X209" s="78"/>
      <c r="Y209" s="78"/>
      <c r="Z209" s="78"/>
      <c r="AA209" s="78"/>
      <c r="AB209" s="78"/>
      <c r="AC209" s="78"/>
      <c r="AD209" s="78"/>
      <c r="AE209" s="78"/>
      <c r="AF209" s="78"/>
      <c r="AG209" s="78"/>
      <c r="AH209" s="78"/>
      <c r="AI209" s="78"/>
      <c r="AJ209" s="78"/>
      <c r="AK209" s="78"/>
      <c r="AL209" s="78"/>
      <c r="AM209" s="78"/>
      <c r="AN209" s="78"/>
      <c r="AO209" s="78"/>
      <c r="AP209" s="78"/>
      <c r="AQ209" s="78"/>
      <c r="AR209" s="78"/>
      <c r="AS209" s="78"/>
      <c r="AT209" s="78"/>
      <c r="AU209" s="78"/>
      <c r="AV209" s="78"/>
      <c r="AW209" s="78"/>
      <c r="AX209" s="78"/>
      <c r="AY209" s="78"/>
      <c r="AZ209" s="78"/>
      <c r="BA209" s="78"/>
      <c r="BB209" s="78"/>
      <c r="BC209" s="78"/>
      <c r="BD209" s="78"/>
      <c r="BE209" s="78"/>
      <c r="BF209" s="78"/>
      <c r="BG209" s="78"/>
      <c r="BH209" s="78"/>
      <c r="BI209" s="78"/>
      <c r="BJ209" s="78"/>
      <c r="BK209" s="78"/>
      <c r="BL209" s="78"/>
      <c r="BM209" s="78"/>
      <c r="BN209" s="78"/>
      <c r="BO209" s="78"/>
    </row>
    <row r="210" spans="1:72" ht="5.25" customHeight="1">
      <c r="A210" s="82"/>
      <c r="Q210" s="81"/>
      <c r="R210" s="81"/>
      <c r="S210" s="78"/>
      <c r="T210" s="78"/>
      <c r="U210" s="78"/>
      <c r="V210" s="78"/>
      <c r="W210" s="78"/>
      <c r="X210" s="78"/>
      <c r="Y210" s="78"/>
      <c r="Z210" s="78"/>
      <c r="AA210" s="78"/>
      <c r="AB210" s="78"/>
      <c r="AC210" s="78"/>
      <c r="AD210" s="78"/>
      <c r="AE210" s="78"/>
      <c r="AF210" s="78"/>
      <c r="AG210" s="78"/>
      <c r="AH210" s="78"/>
      <c r="AI210" s="78"/>
      <c r="AJ210" s="78"/>
      <c r="AK210" s="78"/>
      <c r="AL210" s="78"/>
      <c r="AM210" s="78"/>
      <c r="AN210" s="78"/>
      <c r="AO210" s="78"/>
      <c r="AP210" s="78"/>
      <c r="AQ210" s="78"/>
      <c r="AR210" s="78"/>
      <c r="AS210" s="78"/>
      <c r="AT210" s="78"/>
      <c r="AU210" s="78"/>
      <c r="AV210" s="78"/>
      <c r="AW210" s="78"/>
      <c r="AX210" s="78"/>
      <c r="AY210" s="78"/>
      <c r="AZ210" s="78"/>
      <c r="BA210" s="78"/>
      <c r="BB210" s="78"/>
      <c r="BC210" s="78"/>
      <c r="BD210" s="78"/>
      <c r="BE210" s="78"/>
      <c r="BF210" s="78"/>
      <c r="BG210" s="78"/>
      <c r="BH210" s="78"/>
      <c r="BI210" s="78"/>
      <c r="BJ210" s="78"/>
      <c r="BK210" s="78"/>
      <c r="BL210" s="78"/>
      <c r="BM210" s="78"/>
      <c r="BN210" s="78"/>
      <c r="BO210" s="78"/>
    </row>
    <row r="211" spans="1:72" ht="5.25" customHeight="1">
      <c r="A211" s="82"/>
      <c r="Q211" s="81"/>
      <c r="R211" s="81"/>
      <c r="S211" s="78"/>
      <c r="T211" s="78"/>
      <c r="U211" s="78"/>
      <c r="V211" s="78"/>
      <c r="W211" s="78"/>
      <c r="X211" s="78"/>
      <c r="Y211" s="78"/>
      <c r="Z211" s="78"/>
      <c r="AA211" s="78"/>
      <c r="AB211" s="78"/>
      <c r="AC211" s="78"/>
      <c r="AD211" s="78"/>
      <c r="AE211" s="78"/>
      <c r="AF211" s="78"/>
      <c r="AG211" s="78"/>
      <c r="AH211" s="78"/>
      <c r="AI211" s="78"/>
      <c r="AJ211" s="78"/>
      <c r="AK211" s="78"/>
      <c r="AL211" s="78"/>
      <c r="AM211" s="78"/>
      <c r="AN211" s="78"/>
      <c r="AO211" s="78"/>
      <c r="AP211" s="78"/>
      <c r="AQ211" s="78"/>
      <c r="AR211" s="78"/>
      <c r="AS211" s="78"/>
      <c r="AT211" s="78"/>
      <c r="AU211" s="78"/>
      <c r="AV211" s="78"/>
      <c r="AW211" s="78"/>
      <c r="AX211" s="78"/>
      <c r="AY211" s="78"/>
      <c r="AZ211" s="78"/>
      <c r="BA211" s="78"/>
      <c r="BB211" s="78"/>
      <c r="BC211" s="78"/>
      <c r="BD211" s="78"/>
      <c r="BE211" s="78"/>
      <c r="BF211" s="78"/>
      <c r="BG211" s="78"/>
      <c r="BH211" s="78"/>
      <c r="BI211" s="78"/>
      <c r="BJ211" s="78"/>
      <c r="BK211" s="78"/>
      <c r="BL211" s="78"/>
      <c r="BM211" s="78"/>
      <c r="BN211" s="78"/>
      <c r="BO211" s="78"/>
    </row>
    <row r="212" spans="1:72" ht="5.25" customHeight="1">
      <c r="Q212" s="81"/>
      <c r="R212" s="81"/>
      <c r="S212" s="78"/>
      <c r="T212" s="78"/>
      <c r="U212" s="78"/>
      <c r="V212" s="78"/>
      <c r="W212" s="78"/>
      <c r="X212" s="78"/>
      <c r="Y212" s="78"/>
      <c r="Z212" s="78"/>
      <c r="AA212" s="78"/>
      <c r="AB212" s="78"/>
      <c r="AC212" s="78"/>
      <c r="AD212" s="78"/>
      <c r="AE212" s="78"/>
      <c r="AF212" s="78"/>
      <c r="AG212" s="78"/>
      <c r="AH212" s="78"/>
      <c r="AI212" s="78"/>
      <c r="AJ212" s="78"/>
      <c r="AK212" s="78"/>
      <c r="AL212" s="78"/>
      <c r="AM212" s="78"/>
      <c r="AN212" s="78"/>
      <c r="AO212" s="78"/>
      <c r="AP212" s="78"/>
      <c r="AQ212" s="78"/>
      <c r="AR212" s="78"/>
      <c r="AS212" s="78"/>
      <c r="AT212" s="78"/>
      <c r="AU212" s="78"/>
      <c r="AV212" s="78"/>
      <c r="AW212" s="78"/>
      <c r="AX212" s="78"/>
      <c r="AY212" s="78"/>
      <c r="AZ212" s="78"/>
      <c r="BA212" s="78"/>
      <c r="BB212" s="78"/>
      <c r="BC212" s="78"/>
      <c r="BD212" s="78"/>
      <c r="BE212" s="78"/>
      <c r="BF212" s="78"/>
      <c r="BG212" s="78"/>
      <c r="BH212" s="78"/>
      <c r="BI212" s="78"/>
      <c r="BJ212" s="78"/>
      <c r="BK212" s="78"/>
      <c r="BL212" s="78"/>
      <c r="BM212" s="78"/>
      <c r="BN212" s="78"/>
      <c r="BO212" s="78"/>
    </row>
    <row r="213" spans="1:72" ht="5.25" customHeight="1">
      <c r="Q213" s="81"/>
      <c r="R213" s="81"/>
      <c r="S213" s="78"/>
      <c r="T213" s="78"/>
      <c r="U213" s="78"/>
      <c r="V213" s="78"/>
      <c r="W213" s="78"/>
      <c r="X213" s="78"/>
      <c r="Y213" s="78"/>
      <c r="Z213" s="78"/>
      <c r="AA213" s="78"/>
      <c r="AB213" s="78"/>
      <c r="AC213" s="78"/>
      <c r="AD213" s="78"/>
      <c r="AE213" s="78"/>
      <c r="AF213" s="78"/>
      <c r="AG213" s="78"/>
      <c r="AH213" s="78"/>
      <c r="AI213" s="78"/>
      <c r="AJ213" s="78"/>
      <c r="AK213" s="78"/>
      <c r="AL213" s="78"/>
      <c r="AM213" s="78"/>
      <c r="AN213" s="78"/>
      <c r="AO213" s="78"/>
      <c r="AP213" s="78"/>
      <c r="AQ213" s="78"/>
      <c r="AR213" s="78"/>
      <c r="AS213" s="78"/>
      <c r="AT213" s="78"/>
      <c r="AU213" s="78"/>
      <c r="AV213" s="78"/>
      <c r="AW213" s="78"/>
      <c r="AX213" s="78"/>
      <c r="AY213" s="78"/>
      <c r="AZ213" s="78"/>
      <c r="BA213" s="78"/>
      <c r="BB213" s="78"/>
      <c r="BC213" s="78"/>
      <c r="BD213" s="78"/>
      <c r="BE213" s="78"/>
      <c r="BF213" s="78"/>
      <c r="BG213" s="78"/>
      <c r="BH213" s="78"/>
      <c r="BI213" s="78"/>
      <c r="BJ213" s="78"/>
      <c r="BK213" s="78"/>
      <c r="BL213" s="78"/>
      <c r="BM213" s="78"/>
      <c r="BN213" s="78"/>
      <c r="BO213" s="78"/>
    </row>
    <row r="214" spans="1:72" ht="5.25" customHeight="1">
      <c r="Q214" s="81"/>
      <c r="R214" s="81"/>
      <c r="S214" s="78"/>
      <c r="T214" s="78"/>
      <c r="U214" s="78"/>
      <c r="V214" s="78"/>
      <c r="W214" s="78"/>
      <c r="X214" s="78"/>
      <c r="Y214" s="78"/>
      <c r="Z214" s="78"/>
      <c r="AA214" s="78"/>
      <c r="AB214" s="78"/>
      <c r="AC214" s="78"/>
      <c r="AD214" s="78"/>
      <c r="AE214" s="78"/>
      <c r="AF214" s="78"/>
      <c r="AG214" s="78"/>
      <c r="AH214" s="78"/>
      <c r="AI214" s="78"/>
      <c r="AJ214" s="78"/>
      <c r="AK214" s="78"/>
      <c r="AL214" s="78"/>
      <c r="AM214" s="78"/>
      <c r="AN214" s="78"/>
      <c r="AO214" s="78"/>
      <c r="AP214" s="78"/>
      <c r="AQ214" s="78"/>
      <c r="AR214" s="78"/>
      <c r="AS214" s="78"/>
      <c r="AT214" s="78"/>
      <c r="AU214" s="78"/>
      <c r="AV214" s="78"/>
      <c r="AW214" s="78"/>
      <c r="AX214" s="78"/>
      <c r="AY214" s="78"/>
      <c r="AZ214" s="78"/>
      <c r="BA214" s="78"/>
      <c r="BB214" s="78"/>
      <c r="BC214" s="78"/>
      <c r="BD214" s="78"/>
      <c r="BE214" s="78"/>
      <c r="BF214" s="78"/>
      <c r="BG214" s="78"/>
      <c r="BH214" s="78"/>
      <c r="BI214" s="78"/>
      <c r="BJ214" s="78"/>
      <c r="BK214" s="78"/>
      <c r="BL214" s="78"/>
      <c r="BM214" s="78"/>
      <c r="BN214" s="78"/>
      <c r="BO214" s="78"/>
    </row>
    <row r="215" spans="1:72" ht="5.25" customHeight="1">
      <c r="Q215" s="81"/>
      <c r="R215" s="81"/>
      <c r="S215" s="78"/>
      <c r="T215" s="78"/>
      <c r="U215" s="78"/>
      <c r="V215" s="78"/>
      <c r="W215" s="78"/>
      <c r="X215" s="78"/>
      <c r="Y215" s="78"/>
      <c r="Z215" s="78"/>
      <c r="AA215" s="78"/>
      <c r="AB215" s="78"/>
      <c r="AC215" s="78"/>
      <c r="AD215" s="78"/>
      <c r="AE215" s="78"/>
      <c r="AF215" s="78"/>
      <c r="AG215" s="78"/>
      <c r="AH215" s="78"/>
      <c r="AI215" s="78"/>
      <c r="AJ215" s="78"/>
      <c r="AK215" s="78"/>
      <c r="AL215" s="78"/>
      <c r="AM215" s="78"/>
      <c r="AN215" s="78"/>
      <c r="AO215" s="78"/>
      <c r="AP215" s="78"/>
      <c r="AQ215" s="78"/>
      <c r="AR215" s="78"/>
      <c r="AS215" s="78"/>
      <c r="AT215" s="78"/>
      <c r="AU215" s="78"/>
      <c r="AV215" s="78"/>
      <c r="AW215" s="78"/>
      <c r="AX215" s="78"/>
      <c r="AY215" s="78"/>
      <c r="AZ215" s="78"/>
      <c r="BA215" s="78"/>
      <c r="BB215" s="78"/>
      <c r="BC215" s="78"/>
      <c r="BD215" s="78"/>
      <c r="BE215" s="78"/>
      <c r="BF215" s="78"/>
      <c r="BG215" s="78"/>
      <c r="BH215" s="78"/>
      <c r="BI215" s="78"/>
      <c r="BJ215" s="78"/>
      <c r="BK215" s="78"/>
      <c r="BL215" s="78"/>
      <c r="BM215" s="78"/>
      <c r="BN215" s="78"/>
      <c r="BO215" s="78"/>
    </row>
    <row r="216" spans="1:72" ht="5.25" customHeight="1">
      <c r="Q216" s="81"/>
      <c r="R216" s="81"/>
      <c r="S216" s="78"/>
      <c r="T216" s="78"/>
      <c r="U216" s="78"/>
      <c r="V216" s="78"/>
      <c r="W216" s="78"/>
      <c r="X216" s="78"/>
      <c r="Y216" s="78"/>
      <c r="Z216" s="78"/>
      <c r="AA216" s="78"/>
      <c r="AB216" s="78"/>
      <c r="AC216" s="78"/>
      <c r="AD216" s="78"/>
      <c r="AE216" s="78"/>
      <c r="AF216" s="78"/>
      <c r="AG216" s="78"/>
      <c r="AH216" s="78"/>
      <c r="AI216" s="78"/>
      <c r="AJ216" s="78"/>
      <c r="AK216" s="78"/>
      <c r="AL216" s="78"/>
      <c r="AM216" s="78"/>
      <c r="AN216" s="78"/>
      <c r="AO216" s="78"/>
      <c r="AP216" s="78"/>
      <c r="AQ216" s="78"/>
      <c r="AR216" s="78"/>
      <c r="AS216" s="78"/>
      <c r="AT216" s="78"/>
      <c r="AU216" s="78"/>
      <c r="AV216" s="78"/>
      <c r="AW216" s="78"/>
      <c r="AX216" s="78"/>
      <c r="AY216" s="78"/>
      <c r="AZ216" s="78"/>
      <c r="BA216" s="78"/>
      <c r="BB216" s="78"/>
      <c r="BC216" s="78"/>
      <c r="BD216" s="78"/>
      <c r="BE216" s="78"/>
      <c r="BF216" s="78"/>
      <c r="BG216" s="78"/>
      <c r="BH216" s="78"/>
      <c r="BI216" s="78"/>
      <c r="BJ216" s="78"/>
      <c r="BK216" s="78"/>
      <c r="BL216" s="78"/>
      <c r="BM216" s="78"/>
      <c r="BN216" s="78"/>
      <c r="BO216" s="78"/>
    </row>
    <row r="217" spans="1:72" ht="5.25" customHeight="1">
      <c r="Q217" s="81"/>
      <c r="R217" s="81"/>
      <c r="S217" s="78"/>
      <c r="T217" s="78"/>
      <c r="U217" s="78"/>
      <c r="V217" s="78"/>
      <c r="W217" s="78"/>
      <c r="X217" s="78"/>
      <c r="Y217" s="78"/>
      <c r="Z217" s="78"/>
      <c r="AA217" s="78"/>
      <c r="AB217" s="78"/>
      <c r="AC217" s="78"/>
      <c r="AD217" s="78"/>
      <c r="AE217" s="78"/>
      <c r="AF217" s="78"/>
      <c r="AG217" s="78"/>
      <c r="AH217" s="78"/>
      <c r="AI217" s="78"/>
      <c r="AJ217" s="78"/>
      <c r="AK217" s="78"/>
      <c r="AL217" s="78"/>
      <c r="AM217" s="78"/>
      <c r="AN217" s="78"/>
      <c r="AO217" s="78"/>
      <c r="AP217" s="78"/>
      <c r="AQ217" s="78"/>
      <c r="AR217" s="78"/>
      <c r="AS217" s="78"/>
      <c r="AT217" s="78"/>
      <c r="AU217" s="78"/>
      <c r="AV217" s="78"/>
      <c r="AW217" s="78"/>
      <c r="AX217" s="78"/>
      <c r="AY217" s="78"/>
      <c r="AZ217" s="78"/>
      <c r="BA217" s="78"/>
      <c r="BB217" s="78"/>
      <c r="BC217" s="78"/>
      <c r="BD217" s="78"/>
      <c r="BE217" s="78"/>
      <c r="BF217" s="78"/>
      <c r="BG217" s="78"/>
      <c r="BH217" s="78"/>
      <c r="BI217" s="78"/>
      <c r="BJ217" s="78"/>
      <c r="BK217" s="78"/>
      <c r="BL217" s="78"/>
      <c r="BM217" s="78"/>
      <c r="BN217" s="78"/>
      <c r="BO217" s="78"/>
    </row>
    <row r="218" spans="1:72" ht="5.25" customHeight="1">
      <c r="Q218" s="81"/>
      <c r="R218" s="81"/>
      <c r="S218" s="78"/>
      <c r="T218" s="78"/>
      <c r="U218" s="78"/>
      <c r="V218" s="78"/>
      <c r="W218" s="78"/>
      <c r="X218" s="78"/>
      <c r="Y218" s="78"/>
      <c r="Z218" s="78"/>
      <c r="AA218" s="78"/>
      <c r="AB218" s="78"/>
      <c r="AC218" s="78"/>
      <c r="AD218" s="78"/>
      <c r="AE218" s="78"/>
      <c r="AF218" s="78"/>
      <c r="AG218" s="78"/>
      <c r="AH218" s="78"/>
      <c r="AI218" s="78"/>
      <c r="AJ218" s="78"/>
      <c r="AK218" s="78"/>
      <c r="AL218" s="78"/>
      <c r="AM218" s="78"/>
      <c r="AN218" s="78"/>
      <c r="AO218" s="78"/>
      <c r="AP218" s="78"/>
      <c r="AQ218" s="78"/>
      <c r="AR218" s="78"/>
      <c r="AS218" s="78"/>
      <c r="AT218" s="78"/>
      <c r="AU218" s="78"/>
      <c r="AV218" s="78"/>
      <c r="AW218" s="78"/>
      <c r="AX218" s="78"/>
      <c r="AY218" s="78"/>
      <c r="AZ218" s="78"/>
      <c r="BA218" s="78"/>
      <c r="BB218" s="78"/>
      <c r="BC218" s="78"/>
      <c r="BD218" s="78"/>
      <c r="BE218" s="78"/>
      <c r="BF218" s="78"/>
      <c r="BG218" s="78"/>
      <c r="BH218" s="78"/>
      <c r="BI218" s="78"/>
      <c r="BJ218" s="78"/>
      <c r="BK218" s="78"/>
      <c r="BL218" s="78"/>
      <c r="BM218" s="78"/>
      <c r="BN218" s="78"/>
      <c r="BO218" s="78"/>
    </row>
    <row r="219" spans="1:72" ht="5.25" customHeight="1">
      <c r="Q219" s="81"/>
      <c r="R219" s="81"/>
      <c r="S219" s="78"/>
      <c r="T219" s="78"/>
      <c r="U219" s="78"/>
      <c r="V219" s="78"/>
      <c r="W219" s="78"/>
      <c r="X219" s="78"/>
      <c r="Y219" s="78"/>
      <c r="Z219" s="78"/>
      <c r="AA219" s="78"/>
      <c r="AB219" s="78"/>
      <c r="AC219" s="78"/>
      <c r="AD219" s="78"/>
      <c r="AE219" s="78"/>
      <c r="AF219" s="78"/>
      <c r="AG219" s="78"/>
      <c r="AH219" s="78"/>
      <c r="AI219" s="78"/>
      <c r="AJ219" s="78"/>
      <c r="AK219" s="78"/>
      <c r="AL219" s="78"/>
      <c r="AM219" s="78"/>
      <c r="AN219" s="78"/>
      <c r="AO219" s="78"/>
      <c r="AP219" s="78"/>
      <c r="AQ219" s="78"/>
      <c r="AR219" s="78"/>
      <c r="AS219" s="78"/>
      <c r="AT219" s="78"/>
      <c r="AU219" s="78"/>
      <c r="AV219" s="78"/>
      <c r="AW219" s="78"/>
      <c r="AX219" s="78"/>
      <c r="AY219" s="78"/>
      <c r="AZ219" s="78"/>
      <c r="BA219" s="78"/>
      <c r="BB219" s="78"/>
      <c r="BC219" s="78"/>
      <c r="BD219" s="78"/>
      <c r="BE219" s="78"/>
      <c r="BF219" s="78"/>
      <c r="BG219" s="78"/>
      <c r="BH219" s="78"/>
      <c r="BI219" s="78"/>
      <c r="BJ219" s="78"/>
      <c r="BK219" s="78"/>
      <c r="BL219" s="78"/>
      <c r="BM219" s="78"/>
      <c r="BN219" s="78"/>
      <c r="BO219" s="78"/>
    </row>
    <row r="220" spans="1:72" ht="5.25" customHeight="1">
      <c r="Q220" s="81"/>
      <c r="R220" s="81"/>
      <c r="S220" s="78"/>
      <c r="T220" s="78"/>
      <c r="U220" s="78"/>
      <c r="V220" s="78"/>
      <c r="W220" s="78"/>
      <c r="X220" s="78"/>
      <c r="Y220" s="78"/>
      <c r="Z220" s="78"/>
      <c r="AA220" s="78"/>
      <c r="AB220" s="78"/>
      <c r="AC220" s="78"/>
      <c r="AD220" s="78"/>
      <c r="AE220" s="78"/>
      <c r="AF220" s="78"/>
      <c r="AG220" s="78"/>
      <c r="AH220" s="78"/>
      <c r="AI220" s="78"/>
      <c r="AJ220" s="78"/>
      <c r="AK220" s="78"/>
      <c r="AL220" s="78"/>
      <c r="AM220" s="78"/>
      <c r="AN220" s="78"/>
      <c r="AO220" s="78"/>
      <c r="AP220" s="78"/>
      <c r="AQ220" s="78"/>
      <c r="AR220" s="78"/>
      <c r="AS220" s="78"/>
      <c r="AT220" s="78"/>
      <c r="AU220" s="78"/>
      <c r="AV220" s="78"/>
      <c r="AW220" s="78"/>
      <c r="AX220" s="78"/>
      <c r="AY220" s="78"/>
      <c r="AZ220" s="78"/>
      <c r="BA220" s="78"/>
      <c r="BB220" s="78"/>
      <c r="BC220" s="78"/>
      <c r="BD220" s="78"/>
      <c r="BE220" s="78"/>
      <c r="BF220" s="78"/>
      <c r="BG220" s="78"/>
      <c r="BH220" s="78"/>
      <c r="BI220" s="78"/>
      <c r="BJ220" s="78"/>
      <c r="BK220" s="78"/>
      <c r="BL220" s="78"/>
      <c r="BM220" s="78"/>
      <c r="BN220" s="78"/>
      <c r="BO220" s="78"/>
    </row>
    <row r="221" spans="1:72" ht="5.25" customHeight="1">
      <c r="Q221" s="81"/>
      <c r="R221" s="81"/>
      <c r="S221" s="78"/>
      <c r="T221" s="78"/>
      <c r="U221" s="78"/>
      <c r="V221" s="78"/>
      <c r="W221" s="78"/>
      <c r="X221" s="78"/>
      <c r="Y221" s="78"/>
      <c r="Z221" s="78"/>
      <c r="AA221" s="78"/>
      <c r="AB221" s="78"/>
      <c r="AC221" s="78"/>
      <c r="AD221" s="78"/>
      <c r="AE221" s="78"/>
      <c r="AF221" s="78"/>
      <c r="AG221" s="78"/>
      <c r="AH221" s="78"/>
      <c r="AI221" s="78"/>
      <c r="AJ221" s="78"/>
      <c r="AK221" s="78"/>
      <c r="AL221" s="78"/>
      <c r="AM221" s="78"/>
      <c r="AN221" s="78"/>
      <c r="AO221" s="78"/>
      <c r="AP221" s="78"/>
      <c r="AQ221" s="78"/>
      <c r="AR221" s="78"/>
      <c r="AS221" s="78"/>
      <c r="AT221" s="78"/>
      <c r="AU221" s="78"/>
      <c r="AV221" s="78"/>
      <c r="AW221" s="78"/>
      <c r="AX221" s="78"/>
      <c r="AY221" s="78"/>
      <c r="AZ221" s="78"/>
      <c r="BA221" s="78"/>
      <c r="BB221" s="78"/>
      <c r="BC221" s="78"/>
      <c r="BD221" s="78"/>
      <c r="BE221" s="78"/>
      <c r="BF221" s="78"/>
      <c r="BG221" s="78"/>
      <c r="BH221" s="78"/>
      <c r="BI221" s="78"/>
      <c r="BJ221" s="78"/>
      <c r="BK221" s="78"/>
      <c r="BL221" s="78"/>
      <c r="BM221" s="78"/>
      <c r="BN221" s="78"/>
      <c r="BO221" s="78"/>
      <c r="BT221" s="82"/>
    </row>
    <row r="222" spans="1:72" ht="5.25" customHeight="1">
      <c r="Q222" s="81"/>
      <c r="R222" s="81"/>
      <c r="S222" s="78"/>
      <c r="T222" s="78"/>
      <c r="U222" s="78"/>
      <c r="V222" s="78"/>
      <c r="W222" s="78"/>
      <c r="X222" s="78"/>
      <c r="Y222" s="78"/>
      <c r="Z222" s="78"/>
      <c r="AA222" s="78"/>
      <c r="AB222" s="78"/>
      <c r="AC222" s="78"/>
      <c r="AD222" s="78"/>
      <c r="AE222" s="78"/>
      <c r="AF222" s="78"/>
      <c r="AG222" s="78"/>
      <c r="AH222" s="78"/>
      <c r="AI222" s="78"/>
      <c r="AJ222" s="78"/>
      <c r="AK222" s="78"/>
      <c r="AL222" s="78"/>
      <c r="AM222" s="78"/>
      <c r="AN222" s="78"/>
      <c r="AO222" s="78"/>
      <c r="AP222" s="78"/>
      <c r="AQ222" s="78"/>
      <c r="AR222" s="78"/>
      <c r="AS222" s="78"/>
      <c r="AT222" s="78"/>
      <c r="AU222" s="78"/>
      <c r="AV222" s="78"/>
      <c r="AW222" s="78"/>
      <c r="AX222" s="78"/>
      <c r="AY222" s="78"/>
      <c r="AZ222" s="78"/>
      <c r="BA222" s="78"/>
      <c r="BB222" s="78"/>
      <c r="BC222" s="78"/>
      <c r="BD222" s="78"/>
      <c r="BE222" s="78"/>
      <c r="BF222" s="78"/>
      <c r="BG222" s="78"/>
      <c r="BH222" s="78"/>
      <c r="BI222" s="78"/>
      <c r="BJ222" s="78"/>
      <c r="BK222" s="78"/>
      <c r="BL222" s="78"/>
      <c r="BM222" s="78"/>
      <c r="BN222" s="78"/>
      <c r="BO222" s="78"/>
      <c r="BT222" s="82"/>
    </row>
    <row r="223" spans="1:72" ht="5.25" customHeight="1">
      <c r="Q223" s="81"/>
      <c r="R223" s="81"/>
      <c r="S223" s="78"/>
      <c r="T223" s="78"/>
      <c r="U223" s="78"/>
      <c r="V223" s="78"/>
      <c r="W223" s="78"/>
      <c r="X223" s="78"/>
      <c r="Y223" s="78"/>
      <c r="Z223" s="78"/>
      <c r="AA223" s="78"/>
      <c r="AB223" s="78"/>
      <c r="AC223" s="78"/>
      <c r="AD223" s="78"/>
      <c r="AE223" s="78"/>
      <c r="AF223" s="78"/>
      <c r="AG223" s="78"/>
      <c r="AH223" s="78"/>
      <c r="AI223" s="78"/>
      <c r="AJ223" s="78"/>
      <c r="AK223" s="78"/>
      <c r="AL223" s="78"/>
      <c r="AM223" s="78"/>
      <c r="AN223" s="78"/>
      <c r="AO223" s="78"/>
      <c r="AP223" s="78"/>
      <c r="AQ223" s="78"/>
      <c r="AR223" s="78"/>
      <c r="AS223" s="78"/>
      <c r="AT223" s="78"/>
      <c r="AU223" s="78"/>
      <c r="AV223" s="78"/>
      <c r="AW223" s="78"/>
      <c r="AX223" s="78"/>
      <c r="AY223" s="78"/>
      <c r="AZ223" s="78"/>
      <c r="BA223" s="78"/>
      <c r="BB223" s="78"/>
      <c r="BC223" s="78"/>
      <c r="BD223" s="78"/>
      <c r="BE223" s="78"/>
      <c r="BF223" s="78"/>
      <c r="BG223" s="78"/>
      <c r="BH223" s="78"/>
      <c r="BI223" s="78"/>
      <c r="BJ223" s="78"/>
      <c r="BK223" s="78"/>
      <c r="BL223" s="78"/>
      <c r="BM223" s="78"/>
      <c r="BN223" s="78"/>
      <c r="BO223" s="78"/>
      <c r="BT223" s="82"/>
    </row>
    <row r="224" spans="1:72" ht="5.25" customHeight="1">
      <c r="Q224" s="81"/>
      <c r="R224" s="81"/>
      <c r="S224" s="78"/>
      <c r="T224" s="78"/>
      <c r="U224" s="78"/>
      <c r="V224" s="78"/>
      <c r="W224" s="78"/>
      <c r="X224" s="78"/>
      <c r="Y224" s="78"/>
      <c r="Z224" s="78"/>
      <c r="AA224" s="78"/>
      <c r="AB224" s="78"/>
      <c r="AC224" s="78"/>
      <c r="AD224" s="78"/>
      <c r="AE224" s="78"/>
      <c r="AF224" s="78"/>
      <c r="AG224" s="78"/>
      <c r="AH224" s="78"/>
      <c r="AI224" s="78"/>
      <c r="AJ224" s="78"/>
      <c r="AK224" s="78"/>
      <c r="AL224" s="78"/>
      <c r="AM224" s="78"/>
      <c r="AN224" s="78"/>
      <c r="AO224" s="78"/>
      <c r="AP224" s="78"/>
      <c r="AQ224" s="78"/>
      <c r="AR224" s="78"/>
      <c r="AS224" s="78"/>
      <c r="AT224" s="78"/>
      <c r="AU224" s="78"/>
      <c r="AV224" s="78"/>
      <c r="AW224" s="78"/>
      <c r="AX224" s="78"/>
      <c r="AY224" s="78"/>
      <c r="AZ224" s="78"/>
      <c r="BA224" s="78"/>
      <c r="BB224" s="78"/>
      <c r="BC224" s="78"/>
      <c r="BD224" s="78"/>
      <c r="BE224" s="78"/>
      <c r="BF224" s="78"/>
      <c r="BG224" s="78"/>
      <c r="BH224" s="78"/>
      <c r="BI224" s="78"/>
      <c r="BJ224" s="78"/>
      <c r="BK224" s="78"/>
      <c r="BL224" s="78"/>
      <c r="BM224" s="78"/>
      <c r="BN224" s="78"/>
      <c r="BO224" s="78"/>
      <c r="BT224" s="82"/>
    </row>
    <row r="225" spans="17:72" s="78" customFormat="1" ht="5.25" customHeight="1">
      <c r="Q225" s="81"/>
      <c r="R225" s="81"/>
      <c r="BT225" s="82"/>
    </row>
    <row r="226" spans="17:72" s="78" customFormat="1" ht="5.25" customHeight="1">
      <c r="Q226" s="81"/>
      <c r="R226" s="81"/>
      <c r="BT226" s="82"/>
    </row>
    <row r="227" spans="17:72" s="78" customFormat="1" ht="5.25" customHeight="1">
      <c r="Q227" s="81"/>
      <c r="R227" s="81"/>
      <c r="BT227" s="82"/>
    </row>
    <row r="228" spans="17:72" s="78" customFormat="1" ht="5.25" customHeight="1">
      <c r="Q228" s="81"/>
      <c r="R228" s="81"/>
      <c r="BT228" s="82"/>
    </row>
    <row r="229" spans="17:72" s="78" customFormat="1" ht="5.25" customHeight="1">
      <c r="Q229" s="81"/>
      <c r="R229" s="81"/>
    </row>
    <row r="230" spans="17:72" s="78" customFormat="1" ht="5.25" customHeight="1">
      <c r="Q230" s="81"/>
      <c r="R230" s="81"/>
    </row>
    <row r="231" spans="17:72" s="78" customFormat="1" ht="5.25" customHeight="1">
      <c r="Q231" s="81"/>
      <c r="R231" s="81"/>
    </row>
    <row r="232" spans="17:72" s="78" customFormat="1" ht="5.25" customHeight="1">
      <c r="Q232" s="81"/>
      <c r="R232" s="81"/>
    </row>
    <row r="233" spans="17:72" s="78" customFormat="1" ht="5.25" customHeight="1">
      <c r="Q233" s="81"/>
      <c r="R233" s="81"/>
    </row>
    <row r="234" spans="17:72" s="78" customFormat="1" ht="5.25" customHeight="1">
      <c r="Q234" s="81"/>
      <c r="R234" s="81"/>
    </row>
    <row r="235" spans="17:72" s="78" customFormat="1" ht="5.25" customHeight="1">
      <c r="Q235" s="79"/>
      <c r="R235" s="79"/>
      <c r="S235" s="79"/>
      <c r="T235" s="79"/>
      <c r="U235" s="79"/>
      <c r="V235" s="79"/>
      <c r="W235" s="79"/>
      <c r="X235" s="79"/>
      <c r="Y235" s="79"/>
      <c r="Z235" s="79"/>
      <c r="AA235" s="79"/>
      <c r="AB235" s="79"/>
      <c r="AC235" s="79"/>
      <c r="AD235" s="79"/>
      <c r="AE235" s="79"/>
      <c r="AF235" s="79"/>
      <c r="AG235" s="79"/>
      <c r="AH235" s="79"/>
      <c r="AI235" s="79"/>
      <c r="AJ235" s="79"/>
      <c r="AK235" s="79"/>
      <c r="AL235" s="79"/>
      <c r="AM235" s="79"/>
      <c r="AN235" s="79"/>
    </row>
  </sheetData>
  <mergeCells count="231">
    <mergeCell ref="D1:V3"/>
    <mergeCell ref="BN1:BP4"/>
    <mergeCell ref="D4:D8"/>
    <mergeCell ref="E4:V8"/>
    <mergeCell ref="W4:W8"/>
    <mergeCell ref="Y6:BG8"/>
    <mergeCell ref="AO9:AW12"/>
    <mergeCell ref="AX9:BF12"/>
    <mergeCell ref="BG9:BO12"/>
    <mergeCell ref="D13:E16"/>
    <mergeCell ref="F13:K16"/>
    <mergeCell ref="L13:N16"/>
    <mergeCell ref="O13:W16"/>
    <mergeCell ref="AO13:AW16"/>
    <mergeCell ref="AX13:BF16"/>
    <mergeCell ref="BG13:BO16"/>
    <mergeCell ref="D9:E12"/>
    <mergeCell ref="F9:K12"/>
    <mergeCell ref="L9:N12"/>
    <mergeCell ref="O9:W12"/>
    <mergeCell ref="Y9:AC12"/>
    <mergeCell ref="AD9:AN12"/>
    <mergeCell ref="D25:E28"/>
    <mergeCell ref="F25:K28"/>
    <mergeCell ref="L25:N28"/>
    <mergeCell ref="O25:W28"/>
    <mergeCell ref="D29:E32"/>
    <mergeCell ref="F29:K32"/>
    <mergeCell ref="L29:N32"/>
    <mergeCell ref="O29:W32"/>
    <mergeCell ref="D17:E20"/>
    <mergeCell ref="F17:K20"/>
    <mergeCell ref="L17:N20"/>
    <mergeCell ref="O17:W20"/>
    <mergeCell ref="D21:E24"/>
    <mergeCell ref="F21:K24"/>
    <mergeCell ref="L21:N24"/>
    <mergeCell ref="O21:W24"/>
    <mergeCell ref="Y38:AL40"/>
    <mergeCell ref="D41:E44"/>
    <mergeCell ref="F41:K44"/>
    <mergeCell ref="L41:N44"/>
    <mergeCell ref="O41:W44"/>
    <mergeCell ref="Y41:AC44"/>
    <mergeCell ref="AD41:AN44"/>
    <mergeCell ref="D33:E36"/>
    <mergeCell ref="F33:K36"/>
    <mergeCell ref="L33:N36"/>
    <mergeCell ref="O33:W36"/>
    <mergeCell ref="D37:E40"/>
    <mergeCell ref="F37:K40"/>
    <mergeCell ref="L37:N40"/>
    <mergeCell ref="O37:W40"/>
    <mergeCell ref="AO41:AW44"/>
    <mergeCell ref="AX41:BF44"/>
    <mergeCell ref="BG41:BO44"/>
    <mergeCell ref="D45:E48"/>
    <mergeCell ref="F45:K48"/>
    <mergeCell ref="L45:N48"/>
    <mergeCell ref="O45:W48"/>
    <mergeCell ref="AO45:AW48"/>
    <mergeCell ref="AX45:BF48"/>
    <mergeCell ref="BG45:BO48"/>
    <mergeCell ref="D57:E60"/>
    <mergeCell ref="F57:K60"/>
    <mergeCell ref="L57:N60"/>
    <mergeCell ref="O57:W60"/>
    <mergeCell ref="AO57:AW60"/>
    <mergeCell ref="D61:L65"/>
    <mergeCell ref="M61:W65"/>
    <mergeCell ref="D49:E52"/>
    <mergeCell ref="F49:K52"/>
    <mergeCell ref="L49:N52"/>
    <mergeCell ref="O49:W52"/>
    <mergeCell ref="AO49:AW52"/>
    <mergeCell ref="D53:E56"/>
    <mergeCell ref="F53:K56"/>
    <mergeCell ref="L53:N56"/>
    <mergeCell ref="O53:W56"/>
    <mergeCell ref="AO53:AW56"/>
    <mergeCell ref="D71:J75"/>
    <mergeCell ref="K71:W75"/>
    <mergeCell ref="Y71:AC75"/>
    <mergeCell ref="AD71:AN75"/>
    <mergeCell ref="AO71:BB75"/>
    <mergeCell ref="BC71:BO75"/>
    <mergeCell ref="AX61:BF64"/>
    <mergeCell ref="Y64:AT66"/>
    <mergeCell ref="D66:L70"/>
    <mergeCell ref="M66:W70"/>
    <mergeCell ref="Y67:AC70"/>
    <mergeCell ref="AD67:AN70"/>
    <mergeCell ref="AO67:BB70"/>
    <mergeCell ref="BC67:BO70"/>
    <mergeCell ref="D81:J85"/>
    <mergeCell ref="K81:W85"/>
    <mergeCell ref="Y81:AC85"/>
    <mergeCell ref="AD81:AN85"/>
    <mergeCell ref="AO81:BB85"/>
    <mergeCell ref="BC81:BO85"/>
    <mergeCell ref="D76:J80"/>
    <mergeCell ref="K76:W80"/>
    <mergeCell ref="Y76:AC80"/>
    <mergeCell ref="AD76:AN80"/>
    <mergeCell ref="AO76:BB80"/>
    <mergeCell ref="BC76:BO80"/>
    <mergeCell ref="D94:H101"/>
    <mergeCell ref="I94:M97"/>
    <mergeCell ref="N94:X97"/>
    <mergeCell ref="Y94:AH97"/>
    <mergeCell ref="AI94:AS97"/>
    <mergeCell ref="AT94:BC101"/>
    <mergeCell ref="BD94:BJ97"/>
    <mergeCell ref="D87:AQ89"/>
    <mergeCell ref="D90:M93"/>
    <mergeCell ref="N90:X93"/>
    <mergeCell ref="Y90:AH93"/>
    <mergeCell ref="AI90:AS91"/>
    <mergeCell ref="AT90:BC93"/>
    <mergeCell ref="BK94:BO97"/>
    <mergeCell ref="I98:M101"/>
    <mergeCell ref="N98:X101"/>
    <mergeCell ref="Y98:AH101"/>
    <mergeCell ref="AI98:AS101"/>
    <mergeCell ref="BD98:BJ101"/>
    <mergeCell ref="BK98:BO101"/>
    <mergeCell ref="BD90:BO91"/>
    <mergeCell ref="AI92:AS93"/>
    <mergeCell ref="BD92:BO93"/>
    <mergeCell ref="BD102:BJ105"/>
    <mergeCell ref="BK102:BO105"/>
    <mergeCell ref="D106:AP107"/>
    <mergeCell ref="AQ106:BC109"/>
    <mergeCell ref="BD106:BO109"/>
    <mergeCell ref="D108:AK109"/>
    <mergeCell ref="D102:M105"/>
    <mergeCell ref="N102:X105"/>
    <mergeCell ref="Y102:AH105"/>
    <mergeCell ref="AI102:AP105"/>
    <mergeCell ref="AQ102:AS105"/>
    <mergeCell ref="AT102:BC105"/>
    <mergeCell ref="D112:U114"/>
    <mergeCell ref="AO112:BO114"/>
    <mergeCell ref="D115:L118"/>
    <mergeCell ref="M115:P118"/>
    <mergeCell ref="Q115:Y118"/>
    <mergeCell ref="Z115:AC118"/>
    <mergeCell ref="AD115:AM118"/>
    <mergeCell ref="AO115:AZ118"/>
    <mergeCell ref="BA115:BO118"/>
    <mergeCell ref="BA119:BO122"/>
    <mergeCell ref="Q121:S122"/>
    <mergeCell ref="D123:L126"/>
    <mergeCell ref="M123:P126"/>
    <mergeCell ref="Q123:S124"/>
    <mergeCell ref="T123:Y126"/>
    <mergeCell ref="AD123:AM126"/>
    <mergeCell ref="AO123:AT130"/>
    <mergeCell ref="AU123:AZ126"/>
    <mergeCell ref="BA123:BO126"/>
    <mergeCell ref="D119:L122"/>
    <mergeCell ref="M119:P122"/>
    <mergeCell ref="Q119:S120"/>
    <mergeCell ref="T119:Y122"/>
    <mergeCell ref="AD119:AM122"/>
    <mergeCell ref="AO119:AZ122"/>
    <mergeCell ref="AU127:AZ130"/>
    <mergeCell ref="BA127:BO130"/>
    <mergeCell ref="Q129:S130"/>
    <mergeCell ref="Q125:S126"/>
    <mergeCell ref="D127:L130"/>
    <mergeCell ref="M127:P130"/>
    <mergeCell ref="Q127:S128"/>
    <mergeCell ref="T127:Y130"/>
    <mergeCell ref="AO150:AZ153"/>
    <mergeCell ref="BA150:BO153"/>
    <mergeCell ref="D152:L155"/>
    <mergeCell ref="AO154:AZ157"/>
    <mergeCell ref="BA154:BG155"/>
    <mergeCell ref="BH154:BO155"/>
    <mergeCell ref="D156:L159"/>
    <mergeCell ref="BA156:BG157"/>
    <mergeCell ref="BH156:BO157"/>
    <mergeCell ref="AD127:AM130"/>
    <mergeCell ref="AB191:AP192"/>
    <mergeCell ref="AO183:AU186"/>
    <mergeCell ref="AO187:BO190"/>
    <mergeCell ref="BH158:BO161"/>
    <mergeCell ref="D160:L163"/>
    <mergeCell ref="AO162:BO165"/>
    <mergeCell ref="D166:AD168"/>
    <mergeCell ref="AO168:BO170"/>
    <mergeCell ref="D169:AM177"/>
    <mergeCell ref="AV183:AX186"/>
    <mergeCell ref="AZ183:BE186"/>
    <mergeCell ref="BF183:BO186"/>
    <mergeCell ref="AY184:AY185"/>
    <mergeCell ref="AO171:AU174"/>
    <mergeCell ref="AV171:AX174"/>
    <mergeCell ref="AY171:BE174"/>
    <mergeCell ref="BF171:BO174"/>
    <mergeCell ref="AZ175:BE178"/>
    <mergeCell ref="D141:AB143"/>
    <mergeCell ref="BF175:BO178"/>
    <mergeCell ref="AO179:AU182"/>
    <mergeCell ref="AV179:AX182"/>
    <mergeCell ref="AZ179:BE182"/>
    <mergeCell ref="AO131:BO139"/>
    <mergeCell ref="Q131:AC134"/>
    <mergeCell ref="AD131:AM134"/>
    <mergeCell ref="Q135:AC138"/>
    <mergeCell ref="AD135:AM138"/>
    <mergeCell ref="BF179:BO182"/>
    <mergeCell ref="AY180:AY181"/>
    <mergeCell ref="AO175:AU178"/>
    <mergeCell ref="AV175:AX178"/>
    <mergeCell ref="AY176:AY177"/>
    <mergeCell ref="AO158:AZ161"/>
    <mergeCell ref="BA158:BG161"/>
    <mergeCell ref="D178:R181"/>
    <mergeCell ref="S178:AD181"/>
    <mergeCell ref="D182:R185"/>
    <mergeCell ref="S182:AD185"/>
    <mergeCell ref="AO143:BO145"/>
    <mergeCell ref="D144:L147"/>
    <mergeCell ref="M144:AM147"/>
    <mergeCell ref="AO146:AZ149"/>
    <mergeCell ref="BA146:BE149"/>
    <mergeCell ref="BF146:BM149"/>
    <mergeCell ref="BN146:BO149"/>
    <mergeCell ref="D148:L151"/>
  </mergeCells>
  <phoneticPr fontId="2"/>
  <pageMargins left="0.22" right="0.27" top="0.6" bottom="0" header="0" footer="0"/>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CH277"/>
  <sheetViews>
    <sheetView view="pageBreakPreview" topLeftCell="A121" zoomScale="110" zoomScaleNormal="110" zoomScaleSheetLayoutView="110" workbookViewId="0">
      <selection activeCell="CV15" sqref="CV15"/>
    </sheetView>
  </sheetViews>
  <sheetFormatPr defaultColWidth="1.25" defaultRowHeight="5.25" customHeight="1"/>
  <cols>
    <col min="1" max="1" width="1.25" style="356"/>
    <col min="2" max="2" width="1.25" style="356" customWidth="1"/>
    <col min="3" max="7" width="1.25" style="356"/>
    <col min="8" max="8" width="1.25" style="356" customWidth="1"/>
    <col min="9" max="16384" width="1.25" style="356"/>
  </cols>
  <sheetData>
    <row r="1" spans="4:86" ht="5.25" customHeight="1">
      <c r="E1" s="1633" t="s">
        <v>530</v>
      </c>
      <c r="F1" s="1633"/>
      <c r="G1" s="1633"/>
      <c r="H1" s="1633"/>
      <c r="I1" s="1633"/>
      <c r="J1" s="1633"/>
      <c r="K1" s="1633"/>
      <c r="L1" s="1633"/>
      <c r="M1" s="1633"/>
      <c r="N1" s="1633"/>
      <c r="O1" s="1633"/>
      <c r="P1" s="1633"/>
      <c r="Q1" s="1633"/>
      <c r="R1" s="1633"/>
      <c r="S1" s="1633"/>
      <c r="T1" s="1633"/>
      <c r="U1" s="1633"/>
      <c r="V1" s="1633"/>
      <c r="W1" s="1633"/>
      <c r="X1" s="1633"/>
      <c r="Y1" s="1633"/>
      <c r="Z1" s="1633"/>
      <c r="AA1" s="1633"/>
      <c r="AB1" s="1633"/>
      <c r="AC1" s="1633"/>
      <c r="AD1" s="1633"/>
      <c r="AE1" s="1633"/>
      <c r="AF1" s="1633"/>
      <c r="AG1" s="1633"/>
      <c r="AH1" s="1633"/>
      <c r="AI1" s="1633"/>
      <c r="AJ1" s="1633"/>
      <c r="AK1" s="1633"/>
      <c r="AL1" s="1633"/>
      <c r="AM1" s="1633"/>
      <c r="AN1" s="1633"/>
      <c r="AO1" s="1633"/>
      <c r="AP1" s="1633"/>
      <c r="AQ1" s="1633"/>
      <c r="AR1" s="1633"/>
      <c r="AS1" s="1633"/>
      <c r="AT1" s="1633"/>
      <c r="AU1" s="1633"/>
      <c r="AV1" s="1633"/>
      <c r="AW1" s="1633"/>
      <c r="AX1" s="1633"/>
      <c r="AY1" s="1633"/>
      <c r="AZ1" s="1635" t="s">
        <v>279</v>
      </c>
      <c r="BA1" s="1635"/>
      <c r="BB1" s="1635"/>
      <c r="BC1" s="1635"/>
      <c r="BD1" s="1635"/>
      <c r="BE1" s="1635"/>
      <c r="BF1" s="1635"/>
      <c r="BG1" s="1635"/>
      <c r="BH1" s="1635"/>
      <c r="BI1" s="1635"/>
      <c r="BJ1" s="1635"/>
      <c r="BK1" s="1635"/>
      <c r="BL1" s="1634" t="s">
        <v>171</v>
      </c>
      <c r="BM1" s="1634"/>
      <c r="BN1" s="1634"/>
      <c r="BO1" s="1634"/>
      <c r="BP1" s="1634"/>
      <c r="BQ1" s="1634"/>
      <c r="BR1" s="1634"/>
      <c r="BS1" s="1634"/>
      <c r="BT1" s="1634"/>
      <c r="BU1" s="1634"/>
      <c r="BV1" s="1634"/>
      <c r="BW1" s="1634"/>
      <c r="BX1" s="1634"/>
      <c r="BY1" s="1634"/>
      <c r="BZ1" s="1634"/>
      <c r="CA1" s="1634"/>
      <c r="CB1" s="1634"/>
      <c r="CC1" s="1634"/>
      <c r="CD1" s="377"/>
      <c r="CE1" s="377"/>
    </row>
    <row r="2" spans="4:86" ht="5.25" customHeight="1">
      <c r="E2" s="1633"/>
      <c r="F2" s="1633"/>
      <c r="G2" s="1633"/>
      <c r="H2" s="1633"/>
      <c r="I2" s="1633"/>
      <c r="J2" s="1633"/>
      <c r="K2" s="1633"/>
      <c r="L2" s="1633"/>
      <c r="M2" s="1633"/>
      <c r="N2" s="1633"/>
      <c r="O2" s="1633"/>
      <c r="P2" s="1633"/>
      <c r="Q2" s="1633"/>
      <c r="R2" s="1633"/>
      <c r="S2" s="1633"/>
      <c r="T2" s="1633"/>
      <c r="U2" s="1633"/>
      <c r="V2" s="1633"/>
      <c r="W2" s="1633"/>
      <c r="X2" s="1633"/>
      <c r="Y2" s="1633"/>
      <c r="Z2" s="1633"/>
      <c r="AA2" s="1633"/>
      <c r="AB2" s="1633"/>
      <c r="AC2" s="1633"/>
      <c r="AD2" s="1633"/>
      <c r="AE2" s="1633"/>
      <c r="AF2" s="1633"/>
      <c r="AG2" s="1633"/>
      <c r="AH2" s="1633"/>
      <c r="AI2" s="1633"/>
      <c r="AJ2" s="1633"/>
      <c r="AK2" s="1633"/>
      <c r="AL2" s="1633"/>
      <c r="AM2" s="1633"/>
      <c r="AN2" s="1633"/>
      <c r="AO2" s="1633"/>
      <c r="AP2" s="1633"/>
      <c r="AQ2" s="1633"/>
      <c r="AR2" s="1633"/>
      <c r="AS2" s="1633"/>
      <c r="AT2" s="1633"/>
      <c r="AU2" s="1633"/>
      <c r="AV2" s="1633"/>
      <c r="AW2" s="1633"/>
      <c r="AX2" s="1633"/>
      <c r="AY2" s="1633"/>
      <c r="AZ2" s="1635"/>
      <c r="BA2" s="1635"/>
      <c r="BB2" s="1635"/>
      <c r="BC2" s="1635"/>
      <c r="BD2" s="1635"/>
      <c r="BE2" s="1635"/>
      <c r="BF2" s="1635"/>
      <c r="BG2" s="1635"/>
      <c r="BH2" s="1635"/>
      <c r="BI2" s="1635"/>
      <c r="BJ2" s="1635"/>
      <c r="BK2" s="1635"/>
      <c r="BL2" s="1634"/>
      <c r="BM2" s="1634"/>
      <c r="BN2" s="1634"/>
      <c r="BO2" s="1634"/>
      <c r="BP2" s="1634"/>
      <c r="BQ2" s="1634"/>
      <c r="BR2" s="1634"/>
      <c r="BS2" s="1634"/>
      <c r="BT2" s="1634"/>
      <c r="BU2" s="1634"/>
      <c r="BV2" s="1634"/>
      <c r="BW2" s="1634"/>
      <c r="BX2" s="1634"/>
      <c r="BY2" s="1634"/>
      <c r="BZ2" s="1634"/>
      <c r="CA2" s="1634"/>
      <c r="CB2" s="1634"/>
      <c r="CC2" s="1634"/>
      <c r="CD2" s="377"/>
      <c r="CE2" s="377"/>
    </row>
    <row r="3" spans="4:86" ht="5.25" customHeight="1">
      <c r="E3" s="1633"/>
      <c r="F3" s="1633"/>
      <c r="G3" s="1633"/>
      <c r="H3" s="1633"/>
      <c r="I3" s="1633"/>
      <c r="J3" s="1633"/>
      <c r="K3" s="1633"/>
      <c r="L3" s="1633"/>
      <c r="M3" s="1633"/>
      <c r="N3" s="1633"/>
      <c r="O3" s="1633"/>
      <c r="P3" s="1633"/>
      <c r="Q3" s="1633"/>
      <c r="R3" s="1633"/>
      <c r="S3" s="1633"/>
      <c r="T3" s="1633"/>
      <c r="U3" s="1633"/>
      <c r="V3" s="1633"/>
      <c r="W3" s="1633"/>
      <c r="X3" s="1633"/>
      <c r="Y3" s="1633"/>
      <c r="Z3" s="1633"/>
      <c r="AA3" s="1633"/>
      <c r="AB3" s="1633"/>
      <c r="AC3" s="1633"/>
      <c r="AD3" s="1633"/>
      <c r="AE3" s="1633"/>
      <c r="AF3" s="1633"/>
      <c r="AG3" s="1633"/>
      <c r="AH3" s="1633"/>
      <c r="AI3" s="1633"/>
      <c r="AJ3" s="1633"/>
      <c r="AK3" s="1633"/>
      <c r="AL3" s="1633"/>
      <c r="AM3" s="1633"/>
      <c r="AN3" s="1633"/>
      <c r="AO3" s="1633"/>
      <c r="AP3" s="1633"/>
      <c r="AQ3" s="1633"/>
      <c r="AR3" s="1633"/>
      <c r="AS3" s="1633"/>
      <c r="AT3" s="1633"/>
      <c r="AU3" s="1633"/>
      <c r="AV3" s="1633"/>
      <c r="AW3" s="1633"/>
      <c r="AX3" s="1633"/>
      <c r="AY3" s="1633"/>
      <c r="AZ3" s="1635"/>
      <c r="BA3" s="1635"/>
      <c r="BB3" s="1635"/>
      <c r="BC3" s="1635"/>
      <c r="BD3" s="1635"/>
      <c r="BE3" s="1635"/>
      <c r="BF3" s="1635"/>
      <c r="BG3" s="1635"/>
      <c r="BH3" s="1635"/>
      <c r="BI3" s="1635"/>
      <c r="BJ3" s="1635"/>
      <c r="BK3" s="1635"/>
      <c r="BL3" s="1634"/>
      <c r="BM3" s="1634"/>
      <c r="BN3" s="1634"/>
      <c r="BO3" s="1634"/>
      <c r="BP3" s="1634"/>
      <c r="BQ3" s="1634"/>
      <c r="BR3" s="1634"/>
      <c r="BS3" s="1634"/>
      <c r="BT3" s="1634"/>
      <c r="BU3" s="1634"/>
      <c r="BV3" s="1634"/>
      <c r="BW3" s="1634"/>
      <c r="BX3" s="1634"/>
      <c r="BY3" s="1634"/>
      <c r="BZ3" s="1634"/>
      <c r="CA3" s="1634"/>
      <c r="CB3" s="1634"/>
      <c r="CC3" s="1634"/>
      <c r="CD3" s="377"/>
      <c r="CE3" s="377"/>
    </row>
    <row r="4" spans="4:86" ht="5.25" customHeight="1">
      <c r="E4" s="1633"/>
      <c r="F4" s="1633"/>
      <c r="G4" s="1633"/>
      <c r="H4" s="1633"/>
      <c r="I4" s="1633"/>
      <c r="J4" s="1633"/>
      <c r="K4" s="1633"/>
      <c r="L4" s="1633"/>
      <c r="M4" s="1633"/>
      <c r="N4" s="1633"/>
      <c r="O4" s="1633"/>
      <c r="P4" s="1633"/>
      <c r="Q4" s="1633"/>
      <c r="R4" s="1633"/>
      <c r="S4" s="1633"/>
      <c r="T4" s="1633"/>
      <c r="U4" s="1633"/>
      <c r="V4" s="1633"/>
      <c r="W4" s="1633"/>
      <c r="X4" s="1633"/>
      <c r="Y4" s="1633"/>
      <c r="Z4" s="1633"/>
      <c r="AA4" s="1633"/>
      <c r="AB4" s="1633"/>
      <c r="AC4" s="1633"/>
      <c r="AD4" s="1633"/>
      <c r="AE4" s="1633"/>
      <c r="AF4" s="1633"/>
      <c r="AG4" s="1633"/>
      <c r="AH4" s="1633"/>
      <c r="AI4" s="1633"/>
      <c r="AJ4" s="1633"/>
      <c r="AK4" s="1633"/>
      <c r="AL4" s="1633"/>
      <c r="AM4" s="1633"/>
      <c r="AN4" s="1633"/>
      <c r="AO4" s="1633"/>
      <c r="AP4" s="1633"/>
      <c r="AQ4" s="1633"/>
      <c r="AR4" s="1633"/>
      <c r="AS4" s="1633"/>
      <c r="AT4" s="1633"/>
      <c r="AU4" s="1633"/>
      <c r="AV4" s="1633"/>
      <c r="AW4" s="1633"/>
      <c r="AX4" s="1633"/>
      <c r="AY4" s="1633"/>
      <c r="AZ4" s="1635" t="s">
        <v>280</v>
      </c>
      <c r="BA4" s="1635"/>
      <c r="BB4" s="1635"/>
      <c r="BC4" s="1635"/>
      <c r="BD4" s="1635"/>
      <c r="BE4" s="1635"/>
      <c r="BF4" s="1635"/>
      <c r="BG4" s="1635"/>
      <c r="BH4" s="1635"/>
      <c r="BI4" s="1635"/>
      <c r="BJ4" s="1635"/>
      <c r="BK4" s="1635"/>
      <c r="BL4" s="1634"/>
      <c r="BM4" s="1634"/>
      <c r="BN4" s="1634"/>
      <c r="BO4" s="1634"/>
      <c r="BP4" s="1634"/>
      <c r="BQ4" s="1634"/>
      <c r="BR4" s="1634"/>
      <c r="BS4" s="1634"/>
      <c r="BT4" s="1634"/>
      <c r="BU4" s="1634"/>
      <c r="BV4" s="1634"/>
      <c r="BW4" s="1634"/>
      <c r="BX4" s="1634"/>
      <c r="BY4" s="1634"/>
      <c r="BZ4" s="1634"/>
      <c r="CA4" s="1634"/>
      <c r="CB4" s="1634"/>
      <c r="CC4" s="1634"/>
      <c r="CD4" s="377"/>
      <c r="CE4" s="377"/>
    </row>
    <row r="5" spans="4:86" ht="5.25" customHeight="1">
      <c r="E5" s="1633"/>
      <c r="F5" s="1633"/>
      <c r="G5" s="1633"/>
      <c r="H5" s="1633"/>
      <c r="I5" s="1633"/>
      <c r="J5" s="1633"/>
      <c r="K5" s="1633"/>
      <c r="L5" s="1633"/>
      <c r="M5" s="1633"/>
      <c r="N5" s="1633"/>
      <c r="O5" s="1633"/>
      <c r="P5" s="1633"/>
      <c r="Q5" s="1633"/>
      <c r="R5" s="1633"/>
      <c r="S5" s="1633"/>
      <c r="T5" s="1633"/>
      <c r="U5" s="1633"/>
      <c r="V5" s="1633"/>
      <c r="W5" s="1633"/>
      <c r="X5" s="1633"/>
      <c r="Y5" s="1633"/>
      <c r="Z5" s="1633"/>
      <c r="AA5" s="1633"/>
      <c r="AB5" s="1633"/>
      <c r="AC5" s="1633"/>
      <c r="AD5" s="1633"/>
      <c r="AE5" s="1633"/>
      <c r="AF5" s="1633"/>
      <c r="AG5" s="1633"/>
      <c r="AH5" s="1633"/>
      <c r="AI5" s="1633"/>
      <c r="AJ5" s="1633"/>
      <c r="AK5" s="1633"/>
      <c r="AL5" s="1633"/>
      <c r="AM5" s="1633"/>
      <c r="AN5" s="1633"/>
      <c r="AO5" s="1633"/>
      <c r="AP5" s="1633"/>
      <c r="AQ5" s="1633"/>
      <c r="AR5" s="1633"/>
      <c r="AS5" s="1633"/>
      <c r="AT5" s="1633"/>
      <c r="AU5" s="1633"/>
      <c r="AV5" s="1633"/>
      <c r="AW5" s="1633"/>
      <c r="AX5" s="1633"/>
      <c r="AY5" s="1633"/>
      <c r="AZ5" s="1635"/>
      <c r="BA5" s="1635"/>
      <c r="BB5" s="1635"/>
      <c r="BC5" s="1635"/>
      <c r="BD5" s="1635"/>
      <c r="BE5" s="1635"/>
      <c r="BF5" s="1635"/>
      <c r="BG5" s="1635"/>
      <c r="BH5" s="1635"/>
      <c r="BI5" s="1635"/>
      <c r="BJ5" s="1635"/>
      <c r="BK5" s="1635"/>
      <c r="BL5" s="1634"/>
      <c r="BM5" s="1634"/>
      <c r="BN5" s="1634"/>
      <c r="BO5" s="1634"/>
      <c r="BP5" s="1634"/>
      <c r="BQ5" s="1634"/>
      <c r="BR5" s="1634"/>
      <c r="BS5" s="1634"/>
      <c r="BT5" s="1634"/>
      <c r="BU5" s="1634"/>
      <c r="BV5" s="1634"/>
      <c r="BW5" s="1634"/>
      <c r="BX5" s="1634"/>
      <c r="BY5" s="1634"/>
      <c r="BZ5" s="1634"/>
      <c r="CA5" s="1634"/>
      <c r="CB5" s="1634"/>
      <c r="CC5" s="1634"/>
      <c r="CD5" s="377"/>
      <c r="CE5" s="377"/>
    </row>
    <row r="6" spans="4:86" ht="5.25" customHeight="1">
      <c r="E6" s="1633"/>
      <c r="F6" s="1633"/>
      <c r="G6" s="1633"/>
      <c r="H6" s="1633"/>
      <c r="I6" s="1633"/>
      <c r="J6" s="1633"/>
      <c r="K6" s="1633"/>
      <c r="L6" s="1633"/>
      <c r="M6" s="1633"/>
      <c r="N6" s="1633"/>
      <c r="O6" s="1633"/>
      <c r="P6" s="1633"/>
      <c r="Q6" s="1633"/>
      <c r="R6" s="1633"/>
      <c r="S6" s="1633"/>
      <c r="T6" s="1633"/>
      <c r="U6" s="1633"/>
      <c r="V6" s="1633"/>
      <c r="W6" s="1633"/>
      <c r="X6" s="1633"/>
      <c r="Y6" s="1633"/>
      <c r="Z6" s="1633"/>
      <c r="AA6" s="1633"/>
      <c r="AB6" s="1633"/>
      <c r="AC6" s="1633"/>
      <c r="AD6" s="1633"/>
      <c r="AE6" s="1633"/>
      <c r="AF6" s="1633"/>
      <c r="AG6" s="1633"/>
      <c r="AH6" s="1633"/>
      <c r="AI6" s="1633"/>
      <c r="AJ6" s="1633"/>
      <c r="AK6" s="1633"/>
      <c r="AL6" s="1633"/>
      <c r="AM6" s="1633"/>
      <c r="AN6" s="1633"/>
      <c r="AO6" s="1633"/>
      <c r="AP6" s="1633"/>
      <c r="AQ6" s="1633"/>
      <c r="AR6" s="1633"/>
      <c r="AS6" s="1633"/>
      <c r="AT6" s="1633"/>
      <c r="AU6" s="1633"/>
      <c r="AV6" s="1633"/>
      <c r="AW6" s="1633"/>
      <c r="AX6" s="1633"/>
      <c r="AY6" s="1633"/>
      <c r="AZ6" s="1635"/>
      <c r="BA6" s="1635"/>
      <c r="BB6" s="1635"/>
      <c r="BC6" s="1635"/>
      <c r="BD6" s="1635"/>
      <c r="BE6" s="1635"/>
      <c r="BF6" s="1635"/>
      <c r="BG6" s="1635"/>
      <c r="BH6" s="1635"/>
      <c r="BI6" s="1635"/>
      <c r="BJ6" s="1635"/>
      <c r="BK6" s="1635"/>
      <c r="BL6" s="1634"/>
      <c r="BM6" s="1634"/>
      <c r="BN6" s="1634"/>
      <c r="BO6" s="1634"/>
      <c r="BP6" s="1634"/>
      <c r="BQ6" s="1634"/>
      <c r="BR6" s="1634"/>
      <c r="BS6" s="1634"/>
      <c r="BT6" s="1634"/>
      <c r="BU6" s="1634"/>
      <c r="BV6" s="1634"/>
      <c r="BW6" s="1634"/>
      <c r="BX6" s="1634"/>
      <c r="BY6" s="1634"/>
      <c r="BZ6" s="1634"/>
      <c r="CA6" s="1634"/>
      <c r="CB6" s="1634"/>
      <c r="CC6" s="1634"/>
      <c r="CD6" s="377"/>
      <c r="CE6" s="377"/>
    </row>
    <row r="7" spans="4:86" ht="5.25" customHeight="1">
      <c r="BG7" s="363"/>
      <c r="BH7" s="363"/>
      <c r="BI7" s="363"/>
      <c r="BJ7" s="363"/>
      <c r="BK7" s="363"/>
      <c r="BL7" s="363"/>
      <c r="BM7" s="363"/>
      <c r="BN7" s="363"/>
      <c r="BO7" s="378"/>
      <c r="BP7" s="378"/>
      <c r="BQ7" s="378"/>
      <c r="BR7" s="378"/>
      <c r="BS7" s="378"/>
      <c r="BT7" s="378"/>
      <c r="BU7" s="378"/>
      <c r="BV7" s="378"/>
      <c r="BW7" s="378"/>
      <c r="BX7" s="378"/>
      <c r="BY7" s="378"/>
      <c r="BZ7" s="378"/>
      <c r="CA7" s="378"/>
      <c r="CB7" s="378"/>
      <c r="CC7" s="378"/>
      <c r="CD7" s="377"/>
      <c r="CE7" s="377"/>
    </row>
    <row r="8" spans="4:86" ht="5.25" customHeight="1">
      <c r="D8" s="379"/>
      <c r="E8" s="350" t="s">
        <v>9</v>
      </c>
      <c r="F8" s="351"/>
      <c r="G8" s="351"/>
      <c r="H8" s="351"/>
      <c r="I8" s="352"/>
      <c r="J8" s="352"/>
      <c r="K8" s="352"/>
      <c r="L8" s="352"/>
      <c r="M8" s="390"/>
      <c r="N8" s="352"/>
      <c r="O8" s="1495" t="s">
        <v>13</v>
      </c>
      <c r="P8" s="1496"/>
      <c r="Q8" s="1496"/>
      <c r="R8" s="1496"/>
      <c r="S8" s="1496"/>
      <c r="T8" s="1428"/>
      <c r="U8" s="1429"/>
      <c r="V8" s="1429"/>
      <c r="W8" s="1429"/>
      <c r="X8" s="1429"/>
      <c r="Y8" s="1429"/>
      <c r="Z8" s="1429"/>
      <c r="AA8" s="1429"/>
      <c r="AB8" s="1429"/>
      <c r="AC8" s="1429"/>
      <c r="AD8" s="1429"/>
      <c r="AE8" s="1429"/>
      <c r="AF8" s="1429"/>
      <c r="AG8" s="1429"/>
      <c r="AH8" s="1429"/>
      <c r="AI8" s="1429"/>
      <c r="AJ8" s="1429"/>
      <c r="AK8" s="1429"/>
      <c r="AL8" s="1429"/>
      <c r="AM8" s="1429"/>
      <c r="AN8" s="1429"/>
      <c r="AO8" s="1429"/>
      <c r="AP8" s="1429"/>
      <c r="AQ8" s="1429"/>
      <c r="AR8" s="1430"/>
      <c r="AS8" s="1427" t="s">
        <v>393</v>
      </c>
      <c r="AT8" s="1427"/>
      <c r="AU8" s="1427"/>
      <c r="AV8" s="1427"/>
      <c r="AW8" s="1427"/>
      <c r="AX8" s="1427"/>
      <c r="AY8" s="1427"/>
      <c r="AZ8" s="1427"/>
      <c r="BA8" s="1427"/>
      <c r="BB8" s="1809"/>
      <c r="BC8" s="1427" t="s">
        <v>438</v>
      </c>
      <c r="BD8" s="1427"/>
      <c r="BE8" s="1427"/>
      <c r="BF8" s="1427"/>
      <c r="BG8" s="1427"/>
      <c r="BH8" s="1784"/>
      <c r="BI8" s="1785"/>
      <c r="BJ8" s="1785"/>
      <c r="BK8" s="1785"/>
      <c r="BL8" s="1785"/>
      <c r="BM8" s="1785"/>
      <c r="BN8" s="1785"/>
      <c r="BO8" s="1785"/>
      <c r="BP8" s="1785"/>
      <c r="BQ8" s="1785"/>
      <c r="BR8" s="1785"/>
      <c r="BS8" s="1785"/>
      <c r="BT8" s="1785"/>
      <c r="BU8" s="1785"/>
      <c r="BV8" s="1785"/>
      <c r="BW8" s="1785"/>
      <c r="BX8" s="1785"/>
      <c r="BY8" s="1785"/>
      <c r="BZ8" s="1785"/>
      <c r="CA8" s="1785"/>
      <c r="CB8" s="1785"/>
      <c r="CC8" s="1785"/>
      <c r="CD8" s="1785"/>
      <c r="CE8" s="1785"/>
      <c r="CF8" s="1785"/>
      <c r="CG8" s="1785"/>
      <c r="CH8" s="1786"/>
    </row>
    <row r="9" spans="4:86" ht="5.25" customHeight="1">
      <c r="D9" s="379"/>
      <c r="E9" s="353"/>
      <c r="F9" s="354"/>
      <c r="G9" s="354"/>
      <c r="H9" s="354"/>
      <c r="I9" s="355"/>
      <c r="J9" s="355"/>
      <c r="K9" s="355"/>
      <c r="L9" s="355"/>
      <c r="M9" s="388"/>
      <c r="N9" s="355"/>
      <c r="O9" s="1644"/>
      <c r="P9" s="1645"/>
      <c r="Q9" s="1645"/>
      <c r="R9" s="1645"/>
      <c r="S9" s="1645"/>
      <c r="T9" s="1431"/>
      <c r="U9" s="1432"/>
      <c r="V9" s="1432"/>
      <c r="W9" s="1432"/>
      <c r="X9" s="1432"/>
      <c r="Y9" s="1432"/>
      <c r="Z9" s="1432"/>
      <c r="AA9" s="1432"/>
      <c r="AB9" s="1432"/>
      <c r="AC9" s="1432"/>
      <c r="AD9" s="1432"/>
      <c r="AE9" s="1432"/>
      <c r="AF9" s="1432"/>
      <c r="AG9" s="1432"/>
      <c r="AH9" s="1432"/>
      <c r="AI9" s="1432"/>
      <c r="AJ9" s="1432"/>
      <c r="AK9" s="1432"/>
      <c r="AL9" s="1432"/>
      <c r="AM9" s="1432"/>
      <c r="AN9" s="1432"/>
      <c r="AO9" s="1432"/>
      <c r="AP9" s="1432"/>
      <c r="AQ9" s="1432"/>
      <c r="AR9" s="1433"/>
      <c r="AS9" s="1427"/>
      <c r="AT9" s="1427"/>
      <c r="AU9" s="1427"/>
      <c r="AV9" s="1427"/>
      <c r="AW9" s="1427"/>
      <c r="AX9" s="1427"/>
      <c r="AY9" s="1427"/>
      <c r="AZ9" s="1427"/>
      <c r="BA9" s="1427"/>
      <c r="BB9" s="1809"/>
      <c r="BC9" s="1427"/>
      <c r="BD9" s="1427"/>
      <c r="BE9" s="1427"/>
      <c r="BF9" s="1427"/>
      <c r="BG9" s="1427"/>
      <c r="BH9" s="1787"/>
      <c r="BI9" s="1788"/>
      <c r="BJ9" s="1788"/>
      <c r="BK9" s="1788"/>
      <c r="BL9" s="1788"/>
      <c r="BM9" s="1788"/>
      <c r="BN9" s="1788"/>
      <c r="BO9" s="1788"/>
      <c r="BP9" s="1788"/>
      <c r="BQ9" s="1788"/>
      <c r="BR9" s="1788"/>
      <c r="BS9" s="1788"/>
      <c r="BT9" s="1788"/>
      <c r="BU9" s="1788"/>
      <c r="BV9" s="1788"/>
      <c r="BW9" s="1788"/>
      <c r="BX9" s="1788"/>
      <c r="BY9" s="1788"/>
      <c r="BZ9" s="1788"/>
      <c r="CA9" s="1788"/>
      <c r="CB9" s="1788"/>
      <c r="CC9" s="1788"/>
      <c r="CD9" s="1788"/>
      <c r="CE9" s="1788"/>
      <c r="CF9" s="1788"/>
      <c r="CG9" s="1788"/>
      <c r="CH9" s="1789"/>
    </row>
    <row r="10" spans="4:86" ht="5.25" customHeight="1">
      <c r="D10" s="379"/>
      <c r="E10" s="353"/>
      <c r="F10" s="354"/>
      <c r="G10" s="354"/>
      <c r="H10" s="354"/>
      <c r="I10" s="355"/>
      <c r="J10" s="355"/>
      <c r="K10" s="355"/>
      <c r="L10" s="355"/>
      <c r="M10" s="388"/>
      <c r="N10" s="355"/>
      <c r="O10" s="1498"/>
      <c r="P10" s="1499"/>
      <c r="Q10" s="1499"/>
      <c r="R10" s="1499"/>
      <c r="S10" s="1499"/>
      <c r="T10" s="1646"/>
      <c r="U10" s="1647"/>
      <c r="V10" s="1647"/>
      <c r="W10" s="1647"/>
      <c r="X10" s="1647"/>
      <c r="Y10" s="1647"/>
      <c r="Z10" s="1647"/>
      <c r="AA10" s="1647"/>
      <c r="AB10" s="1647"/>
      <c r="AC10" s="1647"/>
      <c r="AD10" s="1647"/>
      <c r="AE10" s="1647"/>
      <c r="AF10" s="1647"/>
      <c r="AG10" s="1647"/>
      <c r="AH10" s="1647"/>
      <c r="AI10" s="1647"/>
      <c r="AJ10" s="1647"/>
      <c r="AK10" s="1647"/>
      <c r="AL10" s="1647"/>
      <c r="AM10" s="1647"/>
      <c r="AN10" s="1647"/>
      <c r="AO10" s="1647"/>
      <c r="AP10" s="1647"/>
      <c r="AQ10" s="1647"/>
      <c r="AR10" s="1648"/>
      <c r="AS10" s="1427"/>
      <c r="AT10" s="1427"/>
      <c r="AU10" s="1427"/>
      <c r="AV10" s="1427"/>
      <c r="AW10" s="1427"/>
      <c r="AX10" s="1427"/>
      <c r="AY10" s="1427"/>
      <c r="AZ10" s="1427"/>
      <c r="BA10" s="1427"/>
      <c r="BB10" s="1809"/>
      <c r="BC10" s="1427"/>
      <c r="BD10" s="1427"/>
      <c r="BE10" s="1427"/>
      <c r="BF10" s="1427"/>
      <c r="BG10" s="1427"/>
      <c r="BH10" s="1787"/>
      <c r="BI10" s="1788"/>
      <c r="BJ10" s="1788"/>
      <c r="BK10" s="1788"/>
      <c r="BL10" s="1788"/>
      <c r="BM10" s="1788"/>
      <c r="BN10" s="1788"/>
      <c r="BO10" s="1788"/>
      <c r="BP10" s="1788"/>
      <c r="BQ10" s="1788"/>
      <c r="BR10" s="1788"/>
      <c r="BS10" s="1788"/>
      <c r="BT10" s="1788"/>
      <c r="BU10" s="1788"/>
      <c r="BV10" s="1788"/>
      <c r="BW10" s="1788"/>
      <c r="BX10" s="1788"/>
      <c r="BY10" s="1788"/>
      <c r="BZ10" s="1788"/>
      <c r="CA10" s="1788"/>
      <c r="CB10" s="1788"/>
      <c r="CC10" s="1788"/>
      <c r="CD10" s="1788"/>
      <c r="CE10" s="1788"/>
      <c r="CF10" s="1788"/>
      <c r="CG10" s="1788"/>
      <c r="CH10" s="1789"/>
    </row>
    <row r="11" spans="4:86" ht="5.25" customHeight="1">
      <c r="D11" s="379"/>
      <c r="E11" s="1657" t="s">
        <v>477</v>
      </c>
      <c r="F11" s="1658"/>
      <c r="G11" s="1658"/>
      <c r="H11" s="1658"/>
      <c r="I11" s="1658"/>
      <c r="J11" s="1658"/>
      <c r="K11" s="1658"/>
      <c r="L11" s="1658"/>
      <c r="M11" s="1658"/>
      <c r="N11" s="1659"/>
      <c r="O11" s="1782" t="s">
        <v>436</v>
      </c>
      <c r="P11" s="1783"/>
      <c r="Q11" s="1783"/>
      <c r="R11" s="1783"/>
      <c r="S11" s="1783"/>
      <c r="T11" s="2616" t="s">
        <v>551</v>
      </c>
      <c r="U11" s="1663"/>
      <c r="V11" s="1663"/>
      <c r="W11" s="1663"/>
      <c r="X11" s="1663"/>
      <c r="Y11" s="1663"/>
      <c r="Z11" s="1663"/>
      <c r="AA11" s="1663"/>
      <c r="AB11" s="1663"/>
      <c r="AC11" s="1663"/>
      <c r="AD11" s="1663"/>
      <c r="AE11" s="1663"/>
      <c r="AF11" s="1663"/>
      <c r="AG11" s="1663"/>
      <c r="AH11" s="1663"/>
      <c r="AI11" s="1663"/>
      <c r="AJ11" s="1663"/>
      <c r="AK11" s="1663"/>
      <c r="AL11" s="1663"/>
      <c r="AM11" s="1663"/>
      <c r="AN11" s="1663"/>
      <c r="AO11" s="1663"/>
      <c r="AP11" s="1663"/>
      <c r="AQ11" s="1663"/>
      <c r="AR11" s="1664"/>
      <c r="AS11" s="1649" t="s">
        <v>485</v>
      </c>
      <c r="AT11" s="1650"/>
      <c r="AU11" s="1650"/>
      <c r="AV11" s="1650"/>
      <c r="AW11" s="1650"/>
      <c r="AX11" s="1650"/>
      <c r="AY11" s="1650"/>
      <c r="AZ11" s="1650"/>
      <c r="BA11" s="1650"/>
      <c r="BB11" s="1650"/>
      <c r="BC11" s="1427"/>
      <c r="BD11" s="1427"/>
      <c r="BE11" s="1427"/>
      <c r="BF11" s="1427"/>
      <c r="BG11" s="1427"/>
      <c r="BH11" s="1790"/>
      <c r="BI11" s="1791"/>
      <c r="BJ11" s="1791"/>
      <c r="BK11" s="1791"/>
      <c r="BL11" s="1791"/>
      <c r="BM11" s="1791"/>
      <c r="BN11" s="1791"/>
      <c r="BO11" s="1791"/>
      <c r="BP11" s="1791"/>
      <c r="BQ11" s="1791"/>
      <c r="BR11" s="1791"/>
      <c r="BS11" s="1791"/>
      <c r="BT11" s="1791"/>
      <c r="BU11" s="1791"/>
      <c r="BV11" s="1791"/>
      <c r="BW11" s="1791"/>
      <c r="BX11" s="1791"/>
      <c r="BY11" s="1791"/>
      <c r="BZ11" s="1791"/>
      <c r="CA11" s="1791"/>
      <c r="CB11" s="1791"/>
      <c r="CC11" s="1791"/>
      <c r="CD11" s="1791"/>
      <c r="CE11" s="1791"/>
      <c r="CF11" s="1791"/>
      <c r="CG11" s="1791"/>
      <c r="CH11" s="1792"/>
    </row>
    <row r="12" spans="4:86" ht="5.25" customHeight="1">
      <c r="E12" s="1657"/>
      <c r="F12" s="1658"/>
      <c r="G12" s="1658"/>
      <c r="H12" s="1658"/>
      <c r="I12" s="1658"/>
      <c r="J12" s="1658"/>
      <c r="K12" s="1658"/>
      <c r="L12" s="1658"/>
      <c r="M12" s="1658"/>
      <c r="N12" s="1659"/>
      <c r="O12" s="1730"/>
      <c r="P12" s="1731"/>
      <c r="Q12" s="1731"/>
      <c r="R12" s="1731"/>
      <c r="S12" s="1731"/>
      <c r="T12" s="1431"/>
      <c r="U12" s="1432"/>
      <c r="V12" s="1432"/>
      <c r="W12" s="1432"/>
      <c r="X12" s="1432"/>
      <c r="Y12" s="1432"/>
      <c r="Z12" s="1432"/>
      <c r="AA12" s="1432"/>
      <c r="AB12" s="1432"/>
      <c r="AC12" s="1432"/>
      <c r="AD12" s="1432"/>
      <c r="AE12" s="1432"/>
      <c r="AF12" s="1432"/>
      <c r="AG12" s="1432"/>
      <c r="AH12" s="1432"/>
      <c r="AI12" s="1432"/>
      <c r="AJ12" s="1432"/>
      <c r="AK12" s="1432"/>
      <c r="AL12" s="1432"/>
      <c r="AM12" s="1432"/>
      <c r="AN12" s="1432"/>
      <c r="AO12" s="1432"/>
      <c r="AP12" s="1432"/>
      <c r="AQ12" s="1432"/>
      <c r="AR12" s="1433"/>
      <c r="AS12" s="1649"/>
      <c r="AT12" s="1650"/>
      <c r="AU12" s="1650"/>
      <c r="AV12" s="1650"/>
      <c r="AW12" s="1650"/>
      <c r="AX12" s="1650"/>
      <c r="AY12" s="1650"/>
      <c r="AZ12" s="1650"/>
      <c r="BA12" s="1650"/>
      <c r="BB12" s="1651"/>
      <c r="BC12" s="1652" t="s">
        <v>282</v>
      </c>
      <c r="BD12" s="1652"/>
      <c r="BE12" s="1652"/>
      <c r="BF12" s="1652"/>
      <c r="BG12" s="1652"/>
      <c r="BH12" s="1761"/>
      <c r="BI12" s="1762"/>
      <c r="BJ12" s="1762"/>
      <c r="BK12" s="1762"/>
      <c r="BL12" s="1762"/>
      <c r="BM12" s="1762"/>
      <c r="BN12" s="1762"/>
      <c r="BO12" s="1763"/>
      <c r="BP12" s="1781" t="s">
        <v>392</v>
      </c>
      <c r="BQ12" s="1781"/>
      <c r="BR12" s="1781"/>
      <c r="BS12" s="1781"/>
      <c r="BT12" s="1781"/>
      <c r="BU12" s="1756"/>
      <c r="BV12" s="1574"/>
      <c r="BW12" s="1574"/>
      <c r="BX12" s="1574"/>
      <c r="BY12" s="1574"/>
      <c r="BZ12" s="1574"/>
      <c r="CA12" s="1574"/>
      <c r="CB12" s="1574"/>
      <c r="CC12" s="1574"/>
      <c r="CD12" s="1574"/>
      <c r="CE12" s="1574"/>
      <c r="CF12" s="1574"/>
      <c r="CG12" s="1574"/>
      <c r="CH12" s="1575"/>
    </row>
    <row r="13" spans="4:86" ht="5.25" customHeight="1">
      <c r="E13" s="1657"/>
      <c r="F13" s="1658"/>
      <c r="G13" s="1658"/>
      <c r="H13" s="1658"/>
      <c r="I13" s="1658"/>
      <c r="J13" s="1658"/>
      <c r="K13" s="1658"/>
      <c r="L13" s="1658"/>
      <c r="M13" s="1658"/>
      <c r="N13" s="1659"/>
      <c r="O13" s="1730"/>
      <c r="P13" s="1731"/>
      <c r="Q13" s="1731"/>
      <c r="R13" s="1731"/>
      <c r="S13" s="1731"/>
      <c r="T13" s="1431"/>
      <c r="U13" s="1432"/>
      <c r="V13" s="1432"/>
      <c r="W13" s="1432"/>
      <c r="X13" s="1432"/>
      <c r="Y13" s="1432"/>
      <c r="Z13" s="1432"/>
      <c r="AA13" s="1432"/>
      <c r="AB13" s="1432"/>
      <c r="AC13" s="1432"/>
      <c r="AD13" s="1432"/>
      <c r="AE13" s="1432"/>
      <c r="AF13" s="1432"/>
      <c r="AG13" s="1432"/>
      <c r="AH13" s="1432"/>
      <c r="AI13" s="1432"/>
      <c r="AJ13" s="1432"/>
      <c r="AK13" s="1432"/>
      <c r="AL13" s="1432"/>
      <c r="AM13" s="1432"/>
      <c r="AN13" s="1432"/>
      <c r="AO13" s="1432"/>
      <c r="AP13" s="1432"/>
      <c r="AQ13" s="1432"/>
      <c r="AR13" s="1433"/>
      <c r="AS13" s="1649"/>
      <c r="AT13" s="1650"/>
      <c r="AU13" s="1650"/>
      <c r="AV13" s="1650"/>
      <c r="AW13" s="1650"/>
      <c r="AX13" s="1650"/>
      <c r="AY13" s="1650"/>
      <c r="AZ13" s="1650"/>
      <c r="BA13" s="1650"/>
      <c r="BB13" s="1651"/>
      <c r="BC13" s="1653"/>
      <c r="BD13" s="1653"/>
      <c r="BE13" s="1653"/>
      <c r="BF13" s="1653"/>
      <c r="BG13" s="1653"/>
      <c r="BH13" s="1764"/>
      <c r="BI13" s="1765"/>
      <c r="BJ13" s="1765"/>
      <c r="BK13" s="1765"/>
      <c r="BL13" s="1765"/>
      <c r="BM13" s="1765"/>
      <c r="BN13" s="1765"/>
      <c r="BO13" s="1766"/>
      <c r="BP13" s="1427"/>
      <c r="BQ13" s="1427"/>
      <c r="BR13" s="1427"/>
      <c r="BS13" s="1427"/>
      <c r="BT13" s="1427"/>
      <c r="BU13" s="1756"/>
      <c r="BV13" s="1574"/>
      <c r="BW13" s="1574"/>
      <c r="BX13" s="1574"/>
      <c r="BY13" s="1574"/>
      <c r="BZ13" s="1574"/>
      <c r="CA13" s="1574"/>
      <c r="CB13" s="1574"/>
      <c r="CC13" s="1574"/>
      <c r="CD13" s="1574"/>
      <c r="CE13" s="1574"/>
      <c r="CF13" s="1574"/>
      <c r="CG13" s="1574"/>
      <c r="CH13" s="1575"/>
    </row>
    <row r="14" spans="4:86" ht="5.25" customHeight="1">
      <c r="E14" s="1657"/>
      <c r="F14" s="1658"/>
      <c r="G14" s="1658"/>
      <c r="H14" s="1658"/>
      <c r="I14" s="1658"/>
      <c r="J14" s="1658"/>
      <c r="K14" s="1658"/>
      <c r="L14" s="1658"/>
      <c r="M14" s="1658"/>
      <c r="N14" s="1659"/>
      <c r="O14" s="1730"/>
      <c r="P14" s="1731"/>
      <c r="Q14" s="1731"/>
      <c r="R14" s="1731"/>
      <c r="S14" s="1731"/>
      <c r="T14" s="1431"/>
      <c r="U14" s="1432"/>
      <c r="V14" s="1432"/>
      <c r="W14" s="1432"/>
      <c r="X14" s="1432"/>
      <c r="Y14" s="1432"/>
      <c r="Z14" s="1432"/>
      <c r="AA14" s="1432"/>
      <c r="AB14" s="1432"/>
      <c r="AC14" s="1432"/>
      <c r="AD14" s="1432"/>
      <c r="AE14" s="1432"/>
      <c r="AF14" s="1432"/>
      <c r="AG14" s="1432"/>
      <c r="AH14" s="1432"/>
      <c r="AI14" s="1432"/>
      <c r="AJ14" s="1432"/>
      <c r="AK14" s="1432"/>
      <c r="AL14" s="1432"/>
      <c r="AM14" s="1432"/>
      <c r="AN14" s="1432"/>
      <c r="AO14" s="1432"/>
      <c r="AP14" s="1432"/>
      <c r="AQ14" s="1432"/>
      <c r="AR14" s="1433"/>
      <c r="AS14" s="1472" t="s">
        <v>389</v>
      </c>
      <c r="AT14" s="1473"/>
      <c r="AU14" s="1473"/>
      <c r="AV14" s="1473"/>
      <c r="AW14" s="1473"/>
      <c r="AX14" s="1473"/>
      <c r="AY14" s="1473"/>
      <c r="AZ14" s="1473"/>
      <c r="BA14" s="1473"/>
      <c r="BB14" s="1474"/>
      <c r="BC14" s="1653"/>
      <c r="BD14" s="1653"/>
      <c r="BE14" s="1653"/>
      <c r="BF14" s="1653"/>
      <c r="BG14" s="1653"/>
      <c r="BH14" s="1764"/>
      <c r="BI14" s="1765"/>
      <c r="BJ14" s="1765"/>
      <c r="BK14" s="1765"/>
      <c r="BL14" s="1765"/>
      <c r="BM14" s="1765"/>
      <c r="BN14" s="1765"/>
      <c r="BO14" s="1766"/>
      <c r="BP14" s="1427"/>
      <c r="BQ14" s="1427"/>
      <c r="BR14" s="1427"/>
      <c r="BS14" s="1427"/>
      <c r="BT14" s="1427"/>
      <c r="BU14" s="1756"/>
      <c r="BV14" s="1574"/>
      <c r="BW14" s="1574"/>
      <c r="BX14" s="1574"/>
      <c r="BY14" s="1574"/>
      <c r="BZ14" s="1574"/>
      <c r="CA14" s="1574"/>
      <c r="CB14" s="1574"/>
      <c r="CC14" s="1574"/>
      <c r="CD14" s="1574"/>
      <c r="CE14" s="1574"/>
      <c r="CF14" s="1574"/>
      <c r="CG14" s="1574"/>
      <c r="CH14" s="1575"/>
    </row>
    <row r="15" spans="4:86" ht="5.25" customHeight="1">
      <c r="E15" s="1657"/>
      <c r="F15" s="1658"/>
      <c r="G15" s="1658"/>
      <c r="H15" s="1658"/>
      <c r="I15" s="1658"/>
      <c r="J15" s="1658"/>
      <c r="K15" s="1658"/>
      <c r="L15" s="1658"/>
      <c r="M15" s="1658"/>
      <c r="N15" s="1659"/>
      <c r="O15" s="1730"/>
      <c r="P15" s="1731"/>
      <c r="Q15" s="1731"/>
      <c r="R15" s="1731"/>
      <c r="S15" s="1731"/>
      <c r="T15" s="1431"/>
      <c r="U15" s="1432"/>
      <c r="V15" s="1432"/>
      <c r="W15" s="1432"/>
      <c r="X15" s="1432"/>
      <c r="Y15" s="1432"/>
      <c r="Z15" s="1432"/>
      <c r="AA15" s="1432"/>
      <c r="AB15" s="1432"/>
      <c r="AC15" s="1432"/>
      <c r="AD15" s="1432"/>
      <c r="AE15" s="1432"/>
      <c r="AF15" s="1432"/>
      <c r="AG15" s="1432"/>
      <c r="AH15" s="1432"/>
      <c r="AI15" s="1432"/>
      <c r="AJ15" s="1432"/>
      <c r="AK15" s="1432"/>
      <c r="AL15" s="1432"/>
      <c r="AM15" s="1432"/>
      <c r="AN15" s="1432"/>
      <c r="AO15" s="1432"/>
      <c r="AP15" s="1432"/>
      <c r="AQ15" s="1432"/>
      <c r="AR15" s="1433"/>
      <c r="AS15" s="1472"/>
      <c r="AT15" s="1473"/>
      <c r="AU15" s="1473"/>
      <c r="AV15" s="1473"/>
      <c r="AW15" s="1473"/>
      <c r="AX15" s="1473"/>
      <c r="AY15" s="1473"/>
      <c r="AZ15" s="1473"/>
      <c r="BA15" s="1473"/>
      <c r="BB15" s="1474"/>
      <c r="BC15" s="1653"/>
      <c r="BD15" s="1653"/>
      <c r="BE15" s="1653"/>
      <c r="BF15" s="1653"/>
      <c r="BG15" s="1653"/>
      <c r="BH15" s="1767"/>
      <c r="BI15" s="1768"/>
      <c r="BJ15" s="1768"/>
      <c r="BK15" s="1768"/>
      <c r="BL15" s="1768"/>
      <c r="BM15" s="1768"/>
      <c r="BN15" s="1768"/>
      <c r="BO15" s="1769"/>
      <c r="BP15" s="1427"/>
      <c r="BQ15" s="1427"/>
      <c r="BR15" s="1427"/>
      <c r="BS15" s="1427"/>
      <c r="BT15" s="1427"/>
      <c r="BU15" s="1757"/>
      <c r="BV15" s="1758"/>
      <c r="BW15" s="1758"/>
      <c r="BX15" s="1758"/>
      <c r="BY15" s="1758"/>
      <c r="BZ15" s="1758"/>
      <c r="CA15" s="1758"/>
      <c r="CB15" s="1758"/>
      <c r="CC15" s="1758"/>
      <c r="CD15" s="1758"/>
      <c r="CE15" s="1758"/>
      <c r="CF15" s="1758"/>
      <c r="CG15" s="1758"/>
      <c r="CH15" s="1759"/>
    </row>
    <row r="16" spans="4:86" ht="5.25" customHeight="1">
      <c r="E16" s="1657"/>
      <c r="F16" s="1658"/>
      <c r="G16" s="1658"/>
      <c r="H16" s="1658"/>
      <c r="I16" s="1658"/>
      <c r="J16" s="1658"/>
      <c r="K16" s="1658"/>
      <c r="L16" s="1658"/>
      <c r="M16" s="1658"/>
      <c r="N16" s="1659"/>
      <c r="O16" s="1730"/>
      <c r="P16" s="1731"/>
      <c r="Q16" s="1731"/>
      <c r="R16" s="1731"/>
      <c r="S16" s="1731"/>
      <c r="T16" s="1431"/>
      <c r="U16" s="1432"/>
      <c r="V16" s="1432"/>
      <c r="W16" s="1432"/>
      <c r="X16" s="1432"/>
      <c r="Y16" s="1432"/>
      <c r="Z16" s="1432"/>
      <c r="AA16" s="1432"/>
      <c r="AB16" s="1432"/>
      <c r="AC16" s="1432"/>
      <c r="AD16" s="1432"/>
      <c r="AE16" s="1432"/>
      <c r="AF16" s="1432"/>
      <c r="AG16" s="1432"/>
      <c r="AH16" s="1432"/>
      <c r="AI16" s="1432"/>
      <c r="AJ16" s="1432"/>
      <c r="AK16" s="1432"/>
      <c r="AL16" s="1432"/>
      <c r="AM16" s="1432"/>
      <c r="AN16" s="1432"/>
      <c r="AO16" s="1432"/>
      <c r="AP16" s="1432"/>
      <c r="AQ16" s="1432"/>
      <c r="AR16" s="1433"/>
      <c r="AS16" s="1472"/>
      <c r="AT16" s="1473"/>
      <c r="AU16" s="1473"/>
      <c r="AV16" s="1473"/>
      <c r="AW16" s="1473"/>
      <c r="AX16" s="1473"/>
      <c r="AY16" s="1473"/>
      <c r="AZ16" s="1473"/>
      <c r="BA16" s="1473"/>
      <c r="BB16" s="1474"/>
      <c r="BC16" s="1636" t="s">
        <v>276</v>
      </c>
      <c r="BD16" s="1636"/>
      <c r="BE16" s="1636"/>
      <c r="BF16" s="1636"/>
      <c r="BG16" s="1636"/>
      <c r="BH16" s="1760"/>
      <c r="BI16" s="1760"/>
      <c r="BJ16" s="1760"/>
      <c r="BK16" s="1760"/>
      <c r="BL16" s="1760"/>
      <c r="BM16" s="1760"/>
      <c r="BN16" s="1760"/>
      <c r="BO16" s="1760"/>
      <c r="BP16" s="1760"/>
      <c r="BQ16" s="1760"/>
      <c r="BR16" s="1760"/>
      <c r="BS16" s="1760"/>
      <c r="BT16" s="1760"/>
      <c r="BU16" s="1760"/>
      <c r="BV16" s="1760"/>
      <c r="BW16" s="1760"/>
      <c r="BX16" s="1760"/>
      <c r="BY16" s="1760"/>
      <c r="BZ16" s="1636" t="s">
        <v>343</v>
      </c>
      <c r="CA16" s="1636"/>
      <c r="CB16" s="1636"/>
      <c r="CC16" s="1636"/>
      <c r="CD16" s="1545"/>
      <c r="CE16" s="1545"/>
      <c r="CF16" s="1545"/>
      <c r="CG16" s="1545"/>
      <c r="CH16" s="1545"/>
    </row>
    <row r="17" spans="5:86" ht="5.25" customHeight="1">
      <c r="E17" s="1657"/>
      <c r="F17" s="1658"/>
      <c r="G17" s="1658"/>
      <c r="H17" s="1658"/>
      <c r="I17" s="1658"/>
      <c r="J17" s="1658"/>
      <c r="K17" s="1658"/>
      <c r="L17" s="1658"/>
      <c r="M17" s="1658"/>
      <c r="N17" s="1659"/>
      <c r="O17" s="1733"/>
      <c r="P17" s="1734"/>
      <c r="Q17" s="1734"/>
      <c r="R17" s="1734"/>
      <c r="S17" s="1734"/>
      <c r="T17" s="1434"/>
      <c r="U17" s="1435"/>
      <c r="V17" s="1435"/>
      <c r="W17" s="1435"/>
      <c r="X17" s="1435"/>
      <c r="Y17" s="1435"/>
      <c r="Z17" s="1435"/>
      <c r="AA17" s="1435"/>
      <c r="AB17" s="1435"/>
      <c r="AC17" s="1435"/>
      <c r="AD17" s="1435"/>
      <c r="AE17" s="1435"/>
      <c r="AF17" s="1435"/>
      <c r="AG17" s="1435"/>
      <c r="AH17" s="1435"/>
      <c r="AI17" s="1435"/>
      <c r="AJ17" s="1435"/>
      <c r="AK17" s="1435"/>
      <c r="AL17" s="1435"/>
      <c r="AM17" s="1435"/>
      <c r="AN17" s="1435"/>
      <c r="AO17" s="1435"/>
      <c r="AP17" s="1435"/>
      <c r="AQ17" s="1435"/>
      <c r="AR17" s="1436"/>
      <c r="AS17" s="1654"/>
      <c r="AT17" s="1655"/>
      <c r="AU17" s="1655"/>
      <c r="AV17" s="1655"/>
      <c r="AW17" s="1655"/>
      <c r="AX17" s="1655"/>
      <c r="AY17" s="1655"/>
      <c r="AZ17" s="1655"/>
      <c r="BA17" s="1655"/>
      <c r="BB17" s="1656"/>
      <c r="BC17" s="1636"/>
      <c r="BD17" s="1636"/>
      <c r="BE17" s="1636"/>
      <c r="BF17" s="1636"/>
      <c r="BG17" s="1636"/>
      <c r="BH17" s="1760"/>
      <c r="BI17" s="1760"/>
      <c r="BJ17" s="1760"/>
      <c r="BK17" s="1760"/>
      <c r="BL17" s="1760"/>
      <c r="BM17" s="1760"/>
      <c r="BN17" s="1760"/>
      <c r="BO17" s="1760"/>
      <c r="BP17" s="1760"/>
      <c r="BQ17" s="1760"/>
      <c r="BR17" s="1760"/>
      <c r="BS17" s="1760"/>
      <c r="BT17" s="1760"/>
      <c r="BU17" s="1760"/>
      <c r="BV17" s="1760"/>
      <c r="BW17" s="1760"/>
      <c r="BX17" s="1760"/>
      <c r="BY17" s="1760"/>
      <c r="BZ17" s="1636"/>
      <c r="CA17" s="1636"/>
      <c r="CB17" s="1636"/>
      <c r="CC17" s="1636"/>
      <c r="CD17" s="1545"/>
      <c r="CE17" s="1545"/>
      <c r="CF17" s="1545"/>
      <c r="CG17" s="1545"/>
      <c r="CH17" s="1545"/>
    </row>
    <row r="18" spans="5:86" ht="5.25" customHeight="1">
      <c r="E18" s="1637" t="s">
        <v>484</v>
      </c>
      <c r="F18" s="1638"/>
      <c r="G18" s="1638"/>
      <c r="H18" s="1638"/>
      <c r="I18" s="1638"/>
      <c r="J18" s="1638"/>
      <c r="K18" s="1638"/>
      <c r="L18" s="1638"/>
      <c r="M18" s="1638"/>
      <c r="N18" s="1639"/>
      <c r="O18" s="1613" t="s">
        <v>437</v>
      </c>
      <c r="P18" s="1613"/>
      <c r="Q18" s="1613"/>
      <c r="R18" s="1613"/>
      <c r="S18" s="1613"/>
      <c r="T18" s="1613"/>
      <c r="U18" s="1613"/>
      <c r="V18" s="1613"/>
      <c r="W18" s="1613"/>
      <c r="X18" s="1613"/>
      <c r="Y18" s="1613"/>
      <c r="Z18" s="1613"/>
      <c r="AA18" s="1613"/>
      <c r="AB18" s="1613"/>
      <c r="AC18" s="1613"/>
      <c r="AD18" s="1613"/>
      <c r="AE18" s="1613"/>
      <c r="AF18" s="1613"/>
      <c r="AG18" s="1613"/>
      <c r="AH18" s="1613"/>
      <c r="AI18" s="1613"/>
      <c r="AJ18" s="1613"/>
      <c r="AK18" s="1613"/>
      <c r="AL18" s="1613"/>
      <c r="AM18" s="1613"/>
      <c r="AN18" s="1613"/>
      <c r="AO18" s="1613"/>
      <c r="AP18" s="1613"/>
      <c r="AQ18" s="1613"/>
      <c r="AR18" s="1613"/>
      <c r="AS18" s="1613"/>
      <c r="AT18" s="1613"/>
      <c r="AU18" s="1613"/>
      <c r="AV18" s="1613"/>
      <c r="AW18" s="1613"/>
      <c r="AX18" s="1613"/>
      <c r="AY18" s="1613"/>
      <c r="AZ18" s="1613"/>
      <c r="BA18" s="1613"/>
      <c r="BB18" s="1613"/>
      <c r="BC18" s="1636"/>
      <c r="BD18" s="1636"/>
      <c r="BE18" s="1636"/>
      <c r="BF18" s="1636"/>
      <c r="BG18" s="1636"/>
      <c r="BH18" s="1760"/>
      <c r="BI18" s="1760"/>
      <c r="BJ18" s="1760"/>
      <c r="BK18" s="1760"/>
      <c r="BL18" s="1760"/>
      <c r="BM18" s="1760"/>
      <c r="BN18" s="1760"/>
      <c r="BO18" s="1760"/>
      <c r="BP18" s="1760"/>
      <c r="BQ18" s="1760"/>
      <c r="BR18" s="1760"/>
      <c r="BS18" s="1760"/>
      <c r="BT18" s="1760"/>
      <c r="BU18" s="1760"/>
      <c r="BV18" s="1760"/>
      <c r="BW18" s="1760"/>
      <c r="BX18" s="1760"/>
      <c r="BY18" s="1760"/>
      <c r="BZ18" s="1636"/>
      <c r="CA18" s="1636"/>
      <c r="CB18" s="1636"/>
      <c r="CC18" s="1636"/>
      <c r="CD18" s="1545"/>
      <c r="CE18" s="1545"/>
      <c r="CF18" s="1545"/>
      <c r="CG18" s="1545"/>
      <c r="CH18" s="1545"/>
    </row>
    <row r="19" spans="5:86" ht="5.25" customHeight="1">
      <c r="E19" s="1640"/>
      <c r="F19" s="1638"/>
      <c r="G19" s="1638"/>
      <c r="H19" s="1638"/>
      <c r="I19" s="1638"/>
      <c r="J19" s="1638"/>
      <c r="K19" s="1638"/>
      <c r="L19" s="1638"/>
      <c r="M19" s="1638"/>
      <c r="N19" s="1639"/>
      <c r="O19" s="1613"/>
      <c r="P19" s="1613"/>
      <c r="Q19" s="1613"/>
      <c r="R19" s="1613"/>
      <c r="S19" s="1613"/>
      <c r="T19" s="1613"/>
      <c r="U19" s="1613"/>
      <c r="V19" s="1613"/>
      <c r="W19" s="1613"/>
      <c r="X19" s="1613"/>
      <c r="Y19" s="1613"/>
      <c r="Z19" s="1613"/>
      <c r="AA19" s="1613"/>
      <c r="AB19" s="1613"/>
      <c r="AC19" s="1613"/>
      <c r="AD19" s="1613"/>
      <c r="AE19" s="1613"/>
      <c r="AF19" s="1613"/>
      <c r="AG19" s="1613"/>
      <c r="AH19" s="1613"/>
      <c r="AI19" s="1613"/>
      <c r="AJ19" s="1613"/>
      <c r="AK19" s="1613"/>
      <c r="AL19" s="1613"/>
      <c r="AM19" s="1613"/>
      <c r="AN19" s="1613"/>
      <c r="AO19" s="1613"/>
      <c r="AP19" s="1613"/>
      <c r="AQ19" s="1613"/>
      <c r="AR19" s="1613"/>
      <c r="AS19" s="1613"/>
      <c r="AT19" s="1613"/>
      <c r="AU19" s="1613"/>
      <c r="AV19" s="1613"/>
      <c r="AW19" s="1613"/>
      <c r="AX19" s="1613"/>
      <c r="AY19" s="1613"/>
      <c r="AZ19" s="1613"/>
      <c r="BA19" s="1613"/>
      <c r="BB19" s="1613"/>
      <c r="BC19" s="1636"/>
      <c r="BD19" s="1636"/>
      <c r="BE19" s="1636"/>
      <c r="BF19" s="1636"/>
      <c r="BG19" s="1636"/>
      <c r="BH19" s="1760"/>
      <c r="BI19" s="1760"/>
      <c r="BJ19" s="1760"/>
      <c r="BK19" s="1760"/>
      <c r="BL19" s="1760"/>
      <c r="BM19" s="1760"/>
      <c r="BN19" s="1760"/>
      <c r="BO19" s="1760"/>
      <c r="BP19" s="1760"/>
      <c r="BQ19" s="1760"/>
      <c r="BR19" s="1760"/>
      <c r="BS19" s="1760"/>
      <c r="BT19" s="1760"/>
      <c r="BU19" s="1760"/>
      <c r="BV19" s="1760"/>
      <c r="BW19" s="1760"/>
      <c r="BX19" s="1760"/>
      <c r="BY19" s="1760"/>
      <c r="BZ19" s="1636"/>
      <c r="CA19" s="1636"/>
      <c r="CB19" s="1636"/>
      <c r="CC19" s="1636"/>
      <c r="CD19" s="1545"/>
      <c r="CE19" s="1545"/>
      <c r="CF19" s="1545"/>
      <c r="CG19" s="1545"/>
      <c r="CH19" s="1545"/>
    </row>
    <row r="20" spans="5:86" ht="5.25" customHeight="1">
      <c r="E20" s="1640"/>
      <c r="F20" s="1638"/>
      <c r="G20" s="1638"/>
      <c r="H20" s="1638"/>
      <c r="I20" s="1638"/>
      <c r="J20" s="1638"/>
      <c r="K20" s="1638"/>
      <c r="L20" s="1638"/>
      <c r="M20" s="1638"/>
      <c r="N20" s="1639"/>
      <c r="O20" s="1613"/>
      <c r="P20" s="1613"/>
      <c r="Q20" s="1613"/>
      <c r="R20" s="1613"/>
      <c r="S20" s="1613"/>
      <c r="T20" s="1613"/>
      <c r="U20" s="1613"/>
      <c r="V20" s="1613"/>
      <c r="W20" s="1613"/>
      <c r="X20" s="1613"/>
      <c r="Y20" s="1613"/>
      <c r="Z20" s="1613"/>
      <c r="AA20" s="1613"/>
      <c r="AB20" s="1613"/>
      <c r="AC20" s="1613"/>
      <c r="AD20" s="1613"/>
      <c r="AE20" s="1613"/>
      <c r="AF20" s="1613"/>
      <c r="AG20" s="1613"/>
      <c r="AH20" s="1613"/>
      <c r="AI20" s="1613"/>
      <c r="AJ20" s="1613"/>
      <c r="AK20" s="1613"/>
      <c r="AL20" s="1613"/>
      <c r="AM20" s="1613"/>
      <c r="AN20" s="1613"/>
      <c r="AO20" s="1613"/>
      <c r="AP20" s="1613"/>
      <c r="AQ20" s="1613"/>
      <c r="AR20" s="1613"/>
      <c r="AS20" s="1613"/>
      <c r="AT20" s="1613"/>
      <c r="AU20" s="1613"/>
      <c r="AV20" s="1613"/>
      <c r="AW20" s="1613"/>
      <c r="AX20" s="1613"/>
      <c r="AY20" s="1613"/>
      <c r="AZ20" s="1613"/>
      <c r="BA20" s="1613"/>
      <c r="BB20" s="1613"/>
      <c r="BC20" s="1427" t="s">
        <v>281</v>
      </c>
      <c r="BD20" s="1427"/>
      <c r="BE20" s="1427"/>
      <c r="BF20" s="1427"/>
      <c r="BG20" s="1427"/>
      <c r="BH20" s="1427"/>
      <c r="BI20" s="1427"/>
      <c r="BJ20" s="1427"/>
      <c r="BK20" s="1630"/>
      <c r="BL20" s="1630"/>
      <c r="BM20" s="1630"/>
      <c r="BN20" s="1630"/>
      <c r="BO20" s="1630"/>
      <c r="BP20" s="1630"/>
      <c r="BQ20" s="1630"/>
      <c r="BR20" s="1630"/>
      <c r="BS20" s="1630"/>
      <c r="BT20" s="1630"/>
      <c r="BU20" s="1630"/>
      <c r="BV20" s="1630"/>
      <c r="BW20" s="1630"/>
      <c r="BX20" s="1630"/>
      <c r="BY20" s="1630"/>
      <c r="BZ20" s="1630"/>
      <c r="CA20" s="1630"/>
      <c r="CB20" s="1630"/>
      <c r="CC20" s="1630"/>
      <c r="CD20" s="1630"/>
      <c r="CE20" s="1630"/>
      <c r="CF20" s="1630"/>
      <c r="CG20" s="1630"/>
      <c r="CH20" s="1630"/>
    </row>
    <row r="21" spans="5:86" ht="5.25" customHeight="1">
      <c r="E21" s="1640"/>
      <c r="F21" s="1638"/>
      <c r="G21" s="1638"/>
      <c r="H21" s="1638"/>
      <c r="I21" s="1638"/>
      <c r="J21" s="1638"/>
      <c r="K21" s="1638"/>
      <c r="L21" s="1638"/>
      <c r="M21" s="1638"/>
      <c r="N21" s="1639"/>
      <c r="O21" s="1613"/>
      <c r="P21" s="1613"/>
      <c r="Q21" s="1613"/>
      <c r="R21" s="1613"/>
      <c r="S21" s="1613"/>
      <c r="T21" s="1613"/>
      <c r="U21" s="1613"/>
      <c r="V21" s="1613"/>
      <c r="W21" s="1613"/>
      <c r="X21" s="1613"/>
      <c r="Y21" s="1613"/>
      <c r="Z21" s="1613"/>
      <c r="AA21" s="1613"/>
      <c r="AB21" s="1613"/>
      <c r="AC21" s="1613"/>
      <c r="AD21" s="1613"/>
      <c r="AE21" s="1613"/>
      <c r="AF21" s="1613"/>
      <c r="AG21" s="1613"/>
      <c r="AH21" s="1613"/>
      <c r="AI21" s="1613"/>
      <c r="AJ21" s="1613"/>
      <c r="AK21" s="1613"/>
      <c r="AL21" s="1613"/>
      <c r="AM21" s="1613"/>
      <c r="AN21" s="1613"/>
      <c r="AO21" s="1613"/>
      <c r="AP21" s="1613"/>
      <c r="AQ21" s="1613"/>
      <c r="AR21" s="1613"/>
      <c r="AS21" s="1613"/>
      <c r="AT21" s="1613"/>
      <c r="AU21" s="1613"/>
      <c r="AV21" s="1613"/>
      <c r="AW21" s="1613"/>
      <c r="AX21" s="1613"/>
      <c r="AY21" s="1613"/>
      <c r="AZ21" s="1613"/>
      <c r="BA21" s="1613"/>
      <c r="BB21" s="1613"/>
      <c r="BC21" s="1427"/>
      <c r="BD21" s="1427"/>
      <c r="BE21" s="1427"/>
      <c r="BF21" s="1427"/>
      <c r="BG21" s="1427"/>
      <c r="BH21" s="1427"/>
      <c r="BI21" s="1427"/>
      <c r="BJ21" s="1427"/>
      <c r="BK21" s="1630"/>
      <c r="BL21" s="1630"/>
      <c r="BM21" s="1630"/>
      <c r="BN21" s="1630"/>
      <c r="BO21" s="1630"/>
      <c r="BP21" s="1630"/>
      <c r="BQ21" s="1630"/>
      <c r="BR21" s="1630"/>
      <c r="BS21" s="1630"/>
      <c r="BT21" s="1630"/>
      <c r="BU21" s="1630"/>
      <c r="BV21" s="1630"/>
      <c r="BW21" s="1630"/>
      <c r="BX21" s="1630"/>
      <c r="BY21" s="1630"/>
      <c r="BZ21" s="1630"/>
      <c r="CA21" s="1630"/>
      <c r="CB21" s="1630"/>
      <c r="CC21" s="1630"/>
      <c r="CD21" s="1630"/>
      <c r="CE21" s="1630"/>
      <c r="CF21" s="1630"/>
      <c r="CG21" s="1630"/>
      <c r="CH21" s="1630"/>
    </row>
    <row r="22" spans="5:86" ht="5.25" customHeight="1">
      <c r="E22" s="1640"/>
      <c r="F22" s="1638"/>
      <c r="G22" s="1638"/>
      <c r="H22" s="1638"/>
      <c r="I22" s="1638"/>
      <c r="J22" s="1638"/>
      <c r="K22" s="1638"/>
      <c r="L22" s="1638"/>
      <c r="M22" s="1638"/>
      <c r="N22" s="1639"/>
      <c r="O22" s="1613"/>
      <c r="P22" s="1613"/>
      <c r="Q22" s="1613"/>
      <c r="R22" s="1613"/>
      <c r="S22" s="1613"/>
      <c r="T22" s="1613"/>
      <c r="U22" s="1613"/>
      <c r="V22" s="1613"/>
      <c r="W22" s="1613"/>
      <c r="X22" s="1613"/>
      <c r="Y22" s="1613"/>
      <c r="Z22" s="1613"/>
      <c r="AA22" s="1613"/>
      <c r="AB22" s="1613"/>
      <c r="AC22" s="1613"/>
      <c r="AD22" s="1613"/>
      <c r="AE22" s="1613"/>
      <c r="AF22" s="1613"/>
      <c r="AG22" s="1613"/>
      <c r="AH22" s="1613"/>
      <c r="AI22" s="1613"/>
      <c r="AJ22" s="1613"/>
      <c r="AK22" s="1613"/>
      <c r="AL22" s="1613"/>
      <c r="AM22" s="1613"/>
      <c r="AN22" s="1613"/>
      <c r="AO22" s="1613"/>
      <c r="AP22" s="1613"/>
      <c r="AQ22" s="1613"/>
      <c r="AR22" s="1613"/>
      <c r="AS22" s="1613"/>
      <c r="AT22" s="1613"/>
      <c r="AU22" s="1613"/>
      <c r="AV22" s="1613"/>
      <c r="AW22" s="1613"/>
      <c r="AX22" s="1613"/>
      <c r="AY22" s="1613"/>
      <c r="AZ22" s="1613"/>
      <c r="BA22" s="1613"/>
      <c r="BB22" s="1613"/>
      <c r="BC22" s="1427"/>
      <c r="BD22" s="1427"/>
      <c r="BE22" s="1427"/>
      <c r="BF22" s="1427"/>
      <c r="BG22" s="1427"/>
      <c r="BH22" s="1427"/>
      <c r="BI22" s="1427"/>
      <c r="BJ22" s="1427"/>
      <c r="BK22" s="1630"/>
      <c r="BL22" s="1630"/>
      <c r="BM22" s="1630"/>
      <c r="BN22" s="1630"/>
      <c r="BO22" s="1630"/>
      <c r="BP22" s="1630"/>
      <c r="BQ22" s="1630"/>
      <c r="BR22" s="1630"/>
      <c r="BS22" s="1630"/>
      <c r="BT22" s="1630"/>
      <c r="BU22" s="1630"/>
      <c r="BV22" s="1630"/>
      <c r="BW22" s="1630"/>
      <c r="BX22" s="1630"/>
      <c r="BY22" s="1630"/>
      <c r="BZ22" s="1630"/>
      <c r="CA22" s="1630"/>
      <c r="CB22" s="1630"/>
      <c r="CC22" s="1630"/>
      <c r="CD22" s="1630"/>
      <c r="CE22" s="1630"/>
      <c r="CF22" s="1630"/>
      <c r="CG22" s="1630"/>
      <c r="CH22" s="1630"/>
    </row>
    <row r="23" spans="5:86" ht="5.25" customHeight="1">
      <c r="E23" s="1640"/>
      <c r="F23" s="1638"/>
      <c r="G23" s="1638"/>
      <c r="H23" s="1638"/>
      <c r="I23" s="1638"/>
      <c r="J23" s="1638"/>
      <c r="K23" s="1638"/>
      <c r="L23" s="1638"/>
      <c r="M23" s="1638"/>
      <c r="N23" s="1639"/>
      <c r="O23" s="1613"/>
      <c r="P23" s="1613"/>
      <c r="Q23" s="1613"/>
      <c r="R23" s="1613"/>
      <c r="S23" s="1613"/>
      <c r="T23" s="1613"/>
      <c r="U23" s="1613"/>
      <c r="V23" s="1613"/>
      <c r="W23" s="1613"/>
      <c r="X23" s="1613"/>
      <c r="Y23" s="1613"/>
      <c r="Z23" s="1613"/>
      <c r="AA23" s="1613"/>
      <c r="AB23" s="1613"/>
      <c r="AC23" s="1613"/>
      <c r="AD23" s="1613"/>
      <c r="AE23" s="1613"/>
      <c r="AF23" s="1613"/>
      <c r="AG23" s="1613"/>
      <c r="AH23" s="1613"/>
      <c r="AI23" s="1613"/>
      <c r="AJ23" s="1613"/>
      <c r="AK23" s="1613"/>
      <c r="AL23" s="1613"/>
      <c r="AM23" s="1613"/>
      <c r="AN23" s="1613"/>
      <c r="AO23" s="1613"/>
      <c r="AP23" s="1613"/>
      <c r="AQ23" s="1613"/>
      <c r="AR23" s="1613"/>
      <c r="AS23" s="1613"/>
      <c r="AT23" s="1613"/>
      <c r="AU23" s="1613"/>
      <c r="AV23" s="1613"/>
      <c r="AW23" s="1613"/>
      <c r="AX23" s="1613"/>
      <c r="AY23" s="1613"/>
      <c r="AZ23" s="1613"/>
      <c r="BA23" s="1613"/>
      <c r="BB23" s="1613"/>
      <c r="BC23" s="1427"/>
      <c r="BD23" s="1427"/>
      <c r="BE23" s="1427"/>
      <c r="BF23" s="1427"/>
      <c r="BG23" s="1427"/>
      <c r="BH23" s="1427"/>
      <c r="BI23" s="1427"/>
      <c r="BJ23" s="1427"/>
      <c r="BK23" s="1630"/>
      <c r="BL23" s="1630"/>
      <c r="BM23" s="1630"/>
      <c r="BN23" s="1630"/>
      <c r="BO23" s="1630"/>
      <c r="BP23" s="1630"/>
      <c r="BQ23" s="1630"/>
      <c r="BR23" s="1630"/>
      <c r="BS23" s="1630"/>
      <c r="BT23" s="1630"/>
      <c r="BU23" s="1630"/>
      <c r="BV23" s="1630"/>
      <c r="BW23" s="1630"/>
      <c r="BX23" s="1630"/>
      <c r="BY23" s="1630"/>
      <c r="BZ23" s="1630"/>
      <c r="CA23" s="1630"/>
      <c r="CB23" s="1630"/>
      <c r="CC23" s="1630"/>
      <c r="CD23" s="1630"/>
      <c r="CE23" s="1630"/>
      <c r="CF23" s="1630"/>
      <c r="CG23" s="1630"/>
      <c r="CH23" s="1630"/>
    </row>
    <row r="24" spans="5:86" ht="5.25" customHeight="1">
      <c r="E24" s="1640"/>
      <c r="F24" s="1638"/>
      <c r="G24" s="1638"/>
      <c r="H24" s="1638"/>
      <c r="I24" s="1638"/>
      <c r="J24" s="1638"/>
      <c r="K24" s="1638"/>
      <c r="L24" s="1638"/>
      <c r="M24" s="1638"/>
      <c r="N24" s="1639"/>
      <c r="O24" s="1613"/>
      <c r="P24" s="1613"/>
      <c r="Q24" s="1613"/>
      <c r="R24" s="1613"/>
      <c r="S24" s="1613"/>
      <c r="T24" s="1613"/>
      <c r="U24" s="1613"/>
      <c r="V24" s="1613"/>
      <c r="W24" s="1613"/>
      <c r="X24" s="1613"/>
      <c r="Y24" s="1613"/>
      <c r="Z24" s="1613"/>
      <c r="AA24" s="1613"/>
      <c r="AB24" s="1613"/>
      <c r="AC24" s="1613"/>
      <c r="AD24" s="1613"/>
      <c r="AE24" s="1613"/>
      <c r="AF24" s="1613"/>
      <c r="AG24" s="1613"/>
      <c r="AH24" s="1613"/>
      <c r="AI24" s="1613"/>
      <c r="AJ24" s="1613"/>
      <c r="AK24" s="1613"/>
      <c r="AL24" s="1613"/>
      <c r="AM24" s="1613"/>
      <c r="AN24" s="1613"/>
      <c r="AO24" s="1613"/>
      <c r="AP24" s="1613"/>
      <c r="AQ24" s="1613"/>
      <c r="AR24" s="1613"/>
      <c r="AS24" s="1613"/>
      <c r="AT24" s="1613"/>
      <c r="AU24" s="1613"/>
      <c r="AV24" s="1613"/>
      <c r="AW24" s="1613"/>
      <c r="AX24" s="1613"/>
      <c r="AY24" s="1613"/>
      <c r="AZ24" s="1613"/>
      <c r="BA24" s="1613"/>
      <c r="BB24" s="1613"/>
      <c r="BC24" s="1427"/>
      <c r="BD24" s="1427"/>
      <c r="BE24" s="1427"/>
      <c r="BF24" s="1427"/>
      <c r="BG24" s="1427"/>
      <c r="BH24" s="1427"/>
      <c r="BI24" s="1427"/>
      <c r="BJ24" s="1427"/>
      <c r="BK24" s="1630"/>
      <c r="BL24" s="1630"/>
      <c r="BM24" s="1630"/>
      <c r="BN24" s="1630"/>
      <c r="BO24" s="1630"/>
      <c r="BP24" s="1630"/>
      <c r="BQ24" s="1630"/>
      <c r="BR24" s="1630"/>
      <c r="BS24" s="1630"/>
      <c r="BT24" s="1630"/>
      <c r="BU24" s="1630"/>
      <c r="BV24" s="1630"/>
      <c r="BW24" s="1630"/>
      <c r="BX24" s="1630"/>
      <c r="BY24" s="1630"/>
      <c r="BZ24" s="1630"/>
      <c r="CA24" s="1630"/>
      <c r="CB24" s="1630"/>
      <c r="CC24" s="1630"/>
      <c r="CD24" s="1630"/>
      <c r="CE24" s="1630"/>
      <c r="CF24" s="1630"/>
      <c r="CG24" s="1630"/>
      <c r="CH24" s="1630"/>
    </row>
    <row r="25" spans="5:86" ht="5.25" customHeight="1">
      <c r="E25" s="1641"/>
      <c r="F25" s="1642"/>
      <c r="G25" s="1642"/>
      <c r="H25" s="1642"/>
      <c r="I25" s="1642"/>
      <c r="J25" s="1642"/>
      <c r="K25" s="1642"/>
      <c r="L25" s="1642"/>
      <c r="M25" s="1642"/>
      <c r="N25" s="1643"/>
      <c r="O25" s="1613"/>
      <c r="P25" s="1613"/>
      <c r="Q25" s="1613"/>
      <c r="R25" s="1613"/>
      <c r="S25" s="1613"/>
      <c r="T25" s="1613"/>
      <c r="U25" s="1613"/>
      <c r="V25" s="1613"/>
      <c r="W25" s="1613"/>
      <c r="X25" s="1613"/>
      <c r="Y25" s="1613"/>
      <c r="Z25" s="1613"/>
      <c r="AA25" s="1613"/>
      <c r="AB25" s="1613"/>
      <c r="AC25" s="1613"/>
      <c r="AD25" s="1613"/>
      <c r="AE25" s="1613"/>
      <c r="AF25" s="1613"/>
      <c r="AG25" s="1613"/>
      <c r="AH25" s="1613"/>
      <c r="AI25" s="1613"/>
      <c r="AJ25" s="1613"/>
      <c r="AK25" s="1613"/>
      <c r="AL25" s="1613"/>
      <c r="AM25" s="1613"/>
      <c r="AN25" s="1613"/>
      <c r="AO25" s="1613"/>
      <c r="AP25" s="1613"/>
      <c r="AQ25" s="1613"/>
      <c r="AR25" s="1613"/>
      <c r="AS25" s="1613"/>
      <c r="AT25" s="1613"/>
      <c r="AU25" s="1613"/>
      <c r="AV25" s="1613"/>
      <c r="AW25" s="1613"/>
      <c r="AX25" s="1613"/>
      <c r="AY25" s="1613"/>
      <c r="AZ25" s="1613"/>
      <c r="BA25" s="1613"/>
      <c r="BB25" s="1613"/>
      <c r="BC25" s="1427"/>
      <c r="BD25" s="1427"/>
      <c r="BE25" s="1427"/>
      <c r="BF25" s="1427"/>
      <c r="BG25" s="1427"/>
      <c r="BH25" s="1427"/>
      <c r="BI25" s="1427"/>
      <c r="BJ25" s="1427"/>
      <c r="BK25" s="1630"/>
      <c r="BL25" s="1630"/>
      <c r="BM25" s="1630"/>
      <c r="BN25" s="1630"/>
      <c r="BO25" s="1630"/>
      <c r="BP25" s="1630"/>
      <c r="BQ25" s="1630"/>
      <c r="BR25" s="1630"/>
      <c r="BS25" s="1630"/>
      <c r="BT25" s="1630"/>
      <c r="BU25" s="1630"/>
      <c r="BV25" s="1630"/>
      <c r="BW25" s="1630"/>
      <c r="BX25" s="1630"/>
      <c r="BY25" s="1630"/>
      <c r="BZ25" s="1630"/>
      <c r="CA25" s="1630"/>
      <c r="CB25" s="1630"/>
      <c r="CC25" s="1630"/>
      <c r="CD25" s="1630"/>
      <c r="CE25" s="1630"/>
      <c r="CF25" s="1630"/>
      <c r="CG25" s="1630"/>
      <c r="CH25" s="1630"/>
    </row>
    <row r="26" spans="5:86" ht="5.25" customHeight="1">
      <c r="E26" s="359"/>
      <c r="F26" s="359"/>
      <c r="G26" s="359"/>
      <c r="H26" s="359"/>
      <c r="I26" s="367"/>
      <c r="J26" s="367"/>
      <c r="K26" s="367"/>
      <c r="L26" s="367"/>
      <c r="M26" s="367"/>
      <c r="N26" s="367"/>
      <c r="O26" s="367"/>
      <c r="P26" s="367"/>
      <c r="Q26" s="372"/>
      <c r="R26" s="372"/>
      <c r="S26" s="372"/>
      <c r="T26" s="372"/>
      <c r="U26" s="372"/>
      <c r="V26" s="372"/>
      <c r="W26" s="358"/>
      <c r="X26" s="358"/>
      <c r="Y26" s="358"/>
      <c r="Z26" s="358"/>
      <c r="AA26" s="358"/>
      <c r="AB26" s="358"/>
      <c r="AC26" s="358"/>
      <c r="AD26" s="358"/>
      <c r="AE26" s="360"/>
      <c r="AF26" s="360"/>
      <c r="AG26" s="360"/>
      <c r="AH26" s="360"/>
      <c r="AI26" s="360"/>
      <c r="AJ26" s="358"/>
      <c r="AK26" s="358"/>
      <c r="AL26" s="358"/>
      <c r="AM26" s="358"/>
      <c r="AN26" s="358"/>
      <c r="AO26" s="358"/>
      <c r="AP26" s="358"/>
      <c r="AQ26" s="358"/>
      <c r="AR26" s="358"/>
      <c r="AS26" s="358"/>
      <c r="AT26" s="358"/>
      <c r="AU26" s="358"/>
      <c r="AV26" s="358"/>
      <c r="AW26" s="358"/>
      <c r="AX26" s="368"/>
      <c r="AY26" s="368"/>
      <c r="AZ26" s="368"/>
      <c r="BA26" s="366"/>
      <c r="BB26" s="366"/>
      <c r="BC26" s="366"/>
      <c r="BD26" s="366"/>
      <c r="BE26" s="366"/>
      <c r="BF26" s="366"/>
      <c r="BG26" s="368"/>
      <c r="BH26" s="368"/>
      <c r="BI26" s="368"/>
      <c r="BJ26" s="368"/>
      <c r="BK26" s="368"/>
      <c r="BL26" s="368"/>
      <c r="BM26" s="368"/>
      <c r="BN26" s="368"/>
      <c r="BO26" s="357"/>
      <c r="BP26" s="357"/>
      <c r="BQ26" s="357"/>
      <c r="BR26" s="357"/>
      <c r="BS26" s="357"/>
      <c r="BT26" s="357"/>
      <c r="BU26" s="357"/>
      <c r="BV26" s="357"/>
      <c r="BW26" s="357"/>
      <c r="BX26" s="357"/>
      <c r="BY26" s="357"/>
      <c r="BZ26" s="357"/>
      <c r="CA26" s="357"/>
      <c r="CB26" s="357"/>
      <c r="CC26" s="357"/>
      <c r="CD26" s="377"/>
      <c r="CE26" s="377"/>
    </row>
    <row r="27" spans="5:86" ht="5.25" customHeight="1">
      <c r="E27" s="359"/>
      <c r="F27" s="359"/>
      <c r="G27" s="359"/>
      <c r="H27" s="359"/>
      <c r="I27" s="367"/>
      <c r="J27" s="367"/>
      <c r="K27" s="367"/>
      <c r="L27" s="367"/>
      <c r="M27" s="367"/>
      <c r="N27" s="367"/>
      <c r="O27" s="367"/>
      <c r="P27" s="367"/>
      <c r="Q27" s="372"/>
      <c r="R27" s="372"/>
      <c r="S27" s="372"/>
      <c r="T27" s="372"/>
      <c r="U27" s="372"/>
      <c r="V27" s="372"/>
      <c r="W27" s="358"/>
      <c r="X27" s="358"/>
      <c r="Y27" s="358"/>
      <c r="Z27" s="358"/>
      <c r="AA27" s="358"/>
      <c r="AB27" s="358"/>
      <c r="AC27" s="358"/>
      <c r="AD27" s="358"/>
      <c r="AE27" s="360"/>
      <c r="AF27" s="360"/>
      <c r="AG27" s="360"/>
      <c r="AH27" s="360"/>
      <c r="AI27" s="360"/>
      <c r="AJ27" s="358"/>
      <c r="AK27" s="358"/>
      <c r="AL27" s="358"/>
      <c r="AM27" s="358"/>
      <c r="AN27" s="358"/>
      <c r="AO27" s="358"/>
      <c r="AP27" s="358"/>
      <c r="AQ27" s="358"/>
      <c r="AR27" s="358"/>
      <c r="AS27" s="358"/>
      <c r="AT27" s="358"/>
      <c r="AU27" s="358"/>
      <c r="AV27" s="358"/>
      <c r="AW27" s="358"/>
      <c r="AX27" s="368"/>
      <c r="AY27" s="368"/>
      <c r="AZ27" s="368"/>
      <c r="BA27" s="366"/>
      <c r="BB27" s="366"/>
      <c r="BC27" s="366"/>
      <c r="BD27" s="366"/>
      <c r="BE27" s="366"/>
      <c r="BF27" s="366"/>
      <c r="BG27" s="368"/>
      <c r="BH27" s="368"/>
      <c r="BI27" s="368"/>
      <c r="BJ27" s="368"/>
      <c r="BK27" s="368"/>
      <c r="BL27" s="368"/>
      <c r="BM27" s="368"/>
      <c r="BN27" s="368"/>
      <c r="BO27" s="357"/>
      <c r="BP27" s="357"/>
      <c r="BQ27" s="357"/>
      <c r="BR27" s="357"/>
      <c r="BS27" s="357"/>
      <c r="BT27" s="357"/>
      <c r="BU27" s="357"/>
      <c r="BV27" s="357"/>
      <c r="BW27" s="357"/>
      <c r="BX27" s="357"/>
      <c r="BY27" s="357"/>
      <c r="BZ27" s="357"/>
      <c r="CA27" s="357"/>
      <c r="CB27" s="357"/>
      <c r="CC27" s="357"/>
      <c r="CD27" s="377"/>
      <c r="CE27" s="377"/>
    </row>
    <row r="28" spans="5:86" ht="5.25" customHeight="1">
      <c r="E28" s="1703"/>
      <c r="F28" s="1704"/>
      <c r="G28" s="1704"/>
      <c r="H28" s="1704"/>
      <c r="I28" s="1704"/>
      <c r="J28" s="1704"/>
      <c r="K28" s="1704"/>
      <c r="L28" s="1704"/>
      <c r="M28" s="1704"/>
      <c r="N28" s="1704"/>
      <c r="O28" s="1704"/>
      <c r="P28" s="1704"/>
      <c r="Q28" s="1704"/>
      <c r="R28" s="1705"/>
      <c r="S28" s="1613" t="s">
        <v>283</v>
      </c>
      <c r="T28" s="1613"/>
      <c r="U28" s="1613"/>
      <c r="V28" s="1613"/>
      <c r="W28" s="1613"/>
      <c r="X28" s="1613"/>
      <c r="Y28" s="1613"/>
      <c r="Z28" s="1613"/>
      <c r="AA28" s="1613"/>
      <c r="AB28" s="1613"/>
      <c r="AC28" s="1613"/>
      <c r="AD28" s="1613"/>
      <c r="AE28" s="1613"/>
      <c r="AF28" s="1613"/>
      <c r="AG28" s="1613"/>
      <c r="AH28" s="1613"/>
      <c r="AI28" s="1613"/>
      <c r="AJ28" s="1613"/>
      <c r="AK28" s="1613"/>
      <c r="AL28" s="1810" t="s">
        <v>356</v>
      </c>
      <c r="AM28" s="1613"/>
      <c r="AN28" s="1613"/>
      <c r="AO28" s="1613"/>
      <c r="AP28" s="1613"/>
      <c r="AQ28" s="1613"/>
      <c r="AR28" s="1613"/>
      <c r="AS28" s="1613"/>
      <c r="AT28" s="1613"/>
      <c r="AU28" s="1613"/>
      <c r="AV28" s="1613"/>
      <c r="AW28" s="1613"/>
      <c r="AX28" s="1613"/>
      <c r="AY28" s="1613"/>
      <c r="AZ28" s="1613"/>
      <c r="BA28" s="1727" t="s">
        <v>394</v>
      </c>
      <c r="BB28" s="1728"/>
      <c r="BC28" s="1728"/>
      <c r="BD28" s="1728"/>
      <c r="BE28" s="1728"/>
      <c r="BF28" s="1728"/>
      <c r="BG28" s="1728"/>
      <c r="BH28" s="1728"/>
      <c r="BI28" s="1728"/>
      <c r="BJ28" s="1728"/>
      <c r="BK28" s="1728"/>
      <c r="BL28" s="1728"/>
      <c r="BM28" s="1728"/>
      <c r="BN28" s="1728"/>
      <c r="BO28" s="1729"/>
      <c r="BP28" s="1613" t="s">
        <v>287</v>
      </c>
      <c r="BQ28" s="1613"/>
      <c r="BR28" s="1613"/>
      <c r="BS28" s="1613"/>
      <c r="BT28" s="1613"/>
      <c r="BU28" s="1613"/>
      <c r="BV28" s="1613"/>
      <c r="BW28" s="1613"/>
      <c r="BX28" s="1613"/>
      <c r="BY28" s="1613"/>
      <c r="BZ28" s="1613"/>
      <c r="CA28" s="1613"/>
      <c r="CB28" s="1613"/>
      <c r="CC28" s="1613"/>
      <c r="CD28" s="1613"/>
      <c r="CE28" s="1613"/>
      <c r="CF28" s="1613"/>
      <c r="CG28" s="1613"/>
      <c r="CH28" s="1613"/>
    </row>
    <row r="29" spans="5:86" ht="5.25" customHeight="1">
      <c r="E29" s="1706"/>
      <c r="F29" s="1707"/>
      <c r="G29" s="1707"/>
      <c r="H29" s="1707"/>
      <c r="I29" s="1707"/>
      <c r="J29" s="1707"/>
      <c r="K29" s="1707"/>
      <c r="L29" s="1707"/>
      <c r="M29" s="1707"/>
      <c r="N29" s="1707"/>
      <c r="O29" s="1707"/>
      <c r="P29" s="1707"/>
      <c r="Q29" s="1707"/>
      <c r="R29" s="1708"/>
      <c r="S29" s="1613"/>
      <c r="T29" s="1613"/>
      <c r="U29" s="1613"/>
      <c r="V29" s="1613"/>
      <c r="W29" s="1613"/>
      <c r="X29" s="1613"/>
      <c r="Y29" s="1613"/>
      <c r="Z29" s="1613"/>
      <c r="AA29" s="1613"/>
      <c r="AB29" s="1613"/>
      <c r="AC29" s="1613"/>
      <c r="AD29" s="1613"/>
      <c r="AE29" s="1613"/>
      <c r="AF29" s="1613"/>
      <c r="AG29" s="1613"/>
      <c r="AH29" s="1613"/>
      <c r="AI29" s="1613"/>
      <c r="AJ29" s="1613"/>
      <c r="AK29" s="1613"/>
      <c r="AL29" s="1613"/>
      <c r="AM29" s="1613"/>
      <c r="AN29" s="1613"/>
      <c r="AO29" s="1613"/>
      <c r="AP29" s="1613"/>
      <c r="AQ29" s="1613"/>
      <c r="AR29" s="1613"/>
      <c r="AS29" s="1613"/>
      <c r="AT29" s="1613"/>
      <c r="AU29" s="1613"/>
      <c r="AV29" s="1613"/>
      <c r="AW29" s="1613"/>
      <c r="AX29" s="1613"/>
      <c r="AY29" s="1613"/>
      <c r="AZ29" s="1613"/>
      <c r="BA29" s="1730"/>
      <c r="BB29" s="1731"/>
      <c r="BC29" s="1731"/>
      <c r="BD29" s="1731"/>
      <c r="BE29" s="1731"/>
      <c r="BF29" s="1731"/>
      <c r="BG29" s="1731"/>
      <c r="BH29" s="1731"/>
      <c r="BI29" s="1731"/>
      <c r="BJ29" s="1731"/>
      <c r="BK29" s="1731"/>
      <c r="BL29" s="1731"/>
      <c r="BM29" s="1731"/>
      <c r="BN29" s="1731"/>
      <c r="BO29" s="1732"/>
      <c r="BP29" s="1613"/>
      <c r="BQ29" s="1613"/>
      <c r="BR29" s="1613"/>
      <c r="BS29" s="1613"/>
      <c r="BT29" s="1613"/>
      <c r="BU29" s="1613"/>
      <c r="BV29" s="1613"/>
      <c r="BW29" s="1613"/>
      <c r="BX29" s="1613"/>
      <c r="BY29" s="1613"/>
      <c r="BZ29" s="1613"/>
      <c r="CA29" s="1613"/>
      <c r="CB29" s="1613"/>
      <c r="CC29" s="1613"/>
      <c r="CD29" s="1613"/>
      <c r="CE29" s="1613"/>
      <c r="CF29" s="1613"/>
      <c r="CG29" s="1613"/>
      <c r="CH29" s="1613"/>
    </row>
    <row r="30" spans="5:86" ht="5.25" customHeight="1">
      <c r="E30" s="1706"/>
      <c r="F30" s="1707"/>
      <c r="G30" s="1707"/>
      <c r="H30" s="1707"/>
      <c r="I30" s="1707"/>
      <c r="J30" s="1707"/>
      <c r="K30" s="1707"/>
      <c r="L30" s="1707"/>
      <c r="M30" s="1707"/>
      <c r="N30" s="1707"/>
      <c r="O30" s="1707"/>
      <c r="P30" s="1707"/>
      <c r="Q30" s="1707"/>
      <c r="R30" s="1708"/>
      <c r="S30" s="1613"/>
      <c r="T30" s="1613"/>
      <c r="U30" s="1613"/>
      <c r="V30" s="1613"/>
      <c r="W30" s="1613"/>
      <c r="X30" s="1613"/>
      <c r="Y30" s="1613"/>
      <c r="Z30" s="1613"/>
      <c r="AA30" s="1613"/>
      <c r="AB30" s="1613"/>
      <c r="AC30" s="1613"/>
      <c r="AD30" s="1613"/>
      <c r="AE30" s="1613"/>
      <c r="AF30" s="1613"/>
      <c r="AG30" s="1613"/>
      <c r="AH30" s="1613"/>
      <c r="AI30" s="1613"/>
      <c r="AJ30" s="1613"/>
      <c r="AK30" s="1613"/>
      <c r="AL30" s="1613"/>
      <c r="AM30" s="1613"/>
      <c r="AN30" s="1613"/>
      <c r="AO30" s="1613"/>
      <c r="AP30" s="1613"/>
      <c r="AQ30" s="1613"/>
      <c r="AR30" s="1613"/>
      <c r="AS30" s="1613"/>
      <c r="AT30" s="1613"/>
      <c r="AU30" s="1613"/>
      <c r="AV30" s="1613"/>
      <c r="AW30" s="1613"/>
      <c r="AX30" s="1613"/>
      <c r="AY30" s="1613"/>
      <c r="AZ30" s="1613"/>
      <c r="BA30" s="1730"/>
      <c r="BB30" s="1731"/>
      <c r="BC30" s="1731"/>
      <c r="BD30" s="1731"/>
      <c r="BE30" s="1731"/>
      <c r="BF30" s="1731"/>
      <c r="BG30" s="1731"/>
      <c r="BH30" s="1731"/>
      <c r="BI30" s="1731"/>
      <c r="BJ30" s="1731"/>
      <c r="BK30" s="1731"/>
      <c r="BL30" s="1731"/>
      <c r="BM30" s="1731"/>
      <c r="BN30" s="1731"/>
      <c r="BO30" s="1732"/>
      <c r="BP30" s="1613"/>
      <c r="BQ30" s="1613"/>
      <c r="BR30" s="1613"/>
      <c r="BS30" s="1613"/>
      <c r="BT30" s="1613"/>
      <c r="BU30" s="1613"/>
      <c r="BV30" s="1613"/>
      <c r="BW30" s="1613"/>
      <c r="BX30" s="1613"/>
      <c r="BY30" s="1613"/>
      <c r="BZ30" s="1613"/>
      <c r="CA30" s="1613"/>
      <c r="CB30" s="1613"/>
      <c r="CC30" s="1613"/>
      <c r="CD30" s="1613"/>
      <c r="CE30" s="1613"/>
      <c r="CF30" s="1613"/>
      <c r="CG30" s="1613"/>
      <c r="CH30" s="1613"/>
    </row>
    <row r="31" spans="5:86" ht="5.25" customHeight="1" thickBot="1">
      <c r="E31" s="1709"/>
      <c r="F31" s="1710"/>
      <c r="G31" s="1710"/>
      <c r="H31" s="1710"/>
      <c r="I31" s="1710"/>
      <c r="J31" s="1710"/>
      <c r="K31" s="1710"/>
      <c r="L31" s="1710"/>
      <c r="M31" s="1710"/>
      <c r="N31" s="1710"/>
      <c r="O31" s="1710"/>
      <c r="P31" s="1710"/>
      <c r="Q31" s="1710"/>
      <c r="R31" s="1711"/>
      <c r="S31" s="1613"/>
      <c r="T31" s="1613"/>
      <c r="U31" s="1613"/>
      <c r="V31" s="1613"/>
      <c r="W31" s="1613"/>
      <c r="X31" s="1613"/>
      <c r="Y31" s="1613"/>
      <c r="Z31" s="1613"/>
      <c r="AA31" s="1613"/>
      <c r="AB31" s="1613"/>
      <c r="AC31" s="1613"/>
      <c r="AD31" s="1613"/>
      <c r="AE31" s="1613"/>
      <c r="AF31" s="1613"/>
      <c r="AG31" s="1613"/>
      <c r="AH31" s="1613"/>
      <c r="AI31" s="1613"/>
      <c r="AJ31" s="1613"/>
      <c r="AK31" s="1613"/>
      <c r="AL31" s="1613"/>
      <c r="AM31" s="1613"/>
      <c r="AN31" s="1613"/>
      <c r="AO31" s="1613"/>
      <c r="AP31" s="1613"/>
      <c r="AQ31" s="1613"/>
      <c r="AR31" s="1613"/>
      <c r="AS31" s="1613"/>
      <c r="AT31" s="1613"/>
      <c r="AU31" s="1613"/>
      <c r="AV31" s="1613"/>
      <c r="AW31" s="1613"/>
      <c r="AX31" s="1613"/>
      <c r="AY31" s="1613"/>
      <c r="AZ31" s="1613"/>
      <c r="BA31" s="1733"/>
      <c r="BB31" s="1734"/>
      <c r="BC31" s="1734"/>
      <c r="BD31" s="1734"/>
      <c r="BE31" s="1734"/>
      <c r="BF31" s="1734"/>
      <c r="BG31" s="1734"/>
      <c r="BH31" s="1734"/>
      <c r="BI31" s="1734"/>
      <c r="BJ31" s="1734"/>
      <c r="BK31" s="1734"/>
      <c r="BL31" s="1734"/>
      <c r="BM31" s="1734"/>
      <c r="BN31" s="1734"/>
      <c r="BO31" s="1735"/>
      <c r="BP31" s="1614"/>
      <c r="BQ31" s="1614"/>
      <c r="BR31" s="1614"/>
      <c r="BS31" s="1614"/>
      <c r="BT31" s="1614"/>
      <c r="BU31" s="1614"/>
      <c r="BV31" s="1614"/>
      <c r="BW31" s="1614"/>
      <c r="BX31" s="1614"/>
      <c r="BY31" s="1614"/>
      <c r="BZ31" s="1614"/>
      <c r="CA31" s="1614"/>
      <c r="CB31" s="1614"/>
      <c r="CC31" s="1614"/>
      <c r="CD31" s="1614"/>
      <c r="CE31" s="1614"/>
      <c r="CF31" s="1614"/>
      <c r="CG31" s="1614"/>
      <c r="CH31" s="1614"/>
    </row>
    <row r="32" spans="5:86" ht="5.25" customHeight="1">
      <c r="E32" s="1827" t="s">
        <v>291</v>
      </c>
      <c r="F32" s="1828"/>
      <c r="G32" s="1829"/>
      <c r="H32" s="1811" t="s">
        <v>289</v>
      </c>
      <c r="I32" s="1812"/>
      <c r="J32" s="1813"/>
      <c r="K32" s="1665" t="s">
        <v>105</v>
      </c>
      <c r="L32" s="1666"/>
      <c r="M32" s="1666"/>
      <c r="N32" s="1666"/>
      <c r="O32" s="1666"/>
      <c r="P32" s="1666"/>
      <c r="Q32" s="1666"/>
      <c r="R32" s="1667"/>
      <c r="S32" s="1753" t="s">
        <v>377</v>
      </c>
      <c r="T32" s="1754"/>
      <c r="U32" s="1755"/>
      <c r="V32" s="1755"/>
      <c r="W32" s="1685"/>
      <c r="X32" s="1686"/>
      <c r="Y32" s="1686"/>
      <c r="Z32" s="1686"/>
      <c r="AA32" s="1686"/>
      <c r="AB32" s="1686"/>
      <c r="AC32" s="1686"/>
      <c r="AD32" s="1686"/>
      <c r="AE32" s="1686"/>
      <c r="AF32" s="1686"/>
      <c r="AG32" s="1686"/>
      <c r="AH32" s="1686"/>
      <c r="AI32" s="1686"/>
      <c r="AJ32" s="1608" t="s">
        <v>454</v>
      </c>
      <c r="AK32" s="1682"/>
      <c r="AL32" s="1697"/>
      <c r="AM32" s="1698"/>
      <c r="AN32" s="1698"/>
      <c r="AO32" s="1698"/>
      <c r="AP32" s="1698"/>
      <c r="AQ32" s="1698"/>
      <c r="AR32" s="1698"/>
      <c r="AS32" s="1698"/>
      <c r="AT32" s="1698"/>
      <c r="AU32" s="1698"/>
      <c r="AV32" s="1698"/>
      <c r="AW32" s="1698"/>
      <c r="AX32" s="1698"/>
      <c r="AY32" s="1691" t="s">
        <v>454</v>
      </c>
      <c r="AZ32" s="1692"/>
      <c r="BA32" s="1736"/>
      <c r="BB32" s="1698"/>
      <c r="BC32" s="1698"/>
      <c r="BD32" s="1698"/>
      <c r="BE32" s="1698"/>
      <c r="BF32" s="1698"/>
      <c r="BG32" s="1698"/>
      <c r="BH32" s="1698"/>
      <c r="BI32" s="1698"/>
      <c r="BJ32" s="1698"/>
      <c r="BK32" s="1698"/>
      <c r="BL32" s="1698"/>
      <c r="BM32" s="1698"/>
      <c r="BN32" s="1579" t="s">
        <v>454</v>
      </c>
      <c r="BO32" s="1820"/>
      <c r="BP32" s="1806" t="s">
        <v>365</v>
      </c>
      <c r="BQ32" s="1807"/>
      <c r="BR32" s="1808"/>
      <c r="BS32" s="1808"/>
      <c r="BT32" s="1821"/>
      <c r="BU32" s="1822"/>
      <c r="BV32" s="1822"/>
      <c r="BW32" s="1822"/>
      <c r="BX32" s="1822"/>
      <c r="BY32" s="1822"/>
      <c r="BZ32" s="1822"/>
      <c r="CA32" s="1822"/>
      <c r="CB32" s="1822"/>
      <c r="CC32" s="1822"/>
      <c r="CD32" s="1822"/>
      <c r="CE32" s="1822"/>
      <c r="CF32" s="1822"/>
      <c r="CG32" s="1608" t="s">
        <v>455</v>
      </c>
      <c r="CH32" s="1682"/>
    </row>
    <row r="33" spans="5:86" ht="5.25" customHeight="1">
      <c r="E33" s="1830"/>
      <c r="F33" s="1831"/>
      <c r="G33" s="1832"/>
      <c r="H33" s="1814"/>
      <c r="I33" s="1815"/>
      <c r="J33" s="1816"/>
      <c r="K33" s="1668"/>
      <c r="L33" s="1669"/>
      <c r="M33" s="1669"/>
      <c r="N33" s="1669"/>
      <c r="O33" s="1669"/>
      <c r="P33" s="1669"/>
      <c r="Q33" s="1669"/>
      <c r="R33" s="1670"/>
      <c r="S33" s="1674"/>
      <c r="T33" s="1675"/>
      <c r="U33" s="1427"/>
      <c r="V33" s="1427"/>
      <c r="W33" s="1687"/>
      <c r="X33" s="1688"/>
      <c r="Y33" s="1688"/>
      <c r="Z33" s="1688"/>
      <c r="AA33" s="1688"/>
      <c r="AB33" s="1688"/>
      <c r="AC33" s="1688"/>
      <c r="AD33" s="1688"/>
      <c r="AE33" s="1688"/>
      <c r="AF33" s="1688"/>
      <c r="AG33" s="1688"/>
      <c r="AH33" s="1688"/>
      <c r="AI33" s="1688"/>
      <c r="AJ33" s="1581"/>
      <c r="AK33" s="1683"/>
      <c r="AL33" s="1699"/>
      <c r="AM33" s="1700"/>
      <c r="AN33" s="1700"/>
      <c r="AO33" s="1700"/>
      <c r="AP33" s="1700"/>
      <c r="AQ33" s="1700"/>
      <c r="AR33" s="1700"/>
      <c r="AS33" s="1700"/>
      <c r="AT33" s="1700"/>
      <c r="AU33" s="1700"/>
      <c r="AV33" s="1700"/>
      <c r="AW33" s="1700"/>
      <c r="AX33" s="1700"/>
      <c r="AY33" s="1693"/>
      <c r="AZ33" s="1694"/>
      <c r="BA33" s="1737"/>
      <c r="BB33" s="1700"/>
      <c r="BC33" s="1700"/>
      <c r="BD33" s="1700"/>
      <c r="BE33" s="1700"/>
      <c r="BF33" s="1700"/>
      <c r="BG33" s="1700"/>
      <c r="BH33" s="1700"/>
      <c r="BI33" s="1700"/>
      <c r="BJ33" s="1700"/>
      <c r="BK33" s="1700"/>
      <c r="BL33" s="1700"/>
      <c r="BM33" s="1700"/>
      <c r="BN33" s="1581"/>
      <c r="BO33" s="1683"/>
      <c r="BP33" s="1631"/>
      <c r="BQ33" s="1632"/>
      <c r="BR33" s="1630"/>
      <c r="BS33" s="1630"/>
      <c r="BT33" s="1823"/>
      <c r="BU33" s="1824"/>
      <c r="BV33" s="1824"/>
      <c r="BW33" s="1824"/>
      <c r="BX33" s="1824"/>
      <c r="BY33" s="1824"/>
      <c r="BZ33" s="1824"/>
      <c r="CA33" s="1824"/>
      <c r="CB33" s="1824"/>
      <c r="CC33" s="1824"/>
      <c r="CD33" s="1824"/>
      <c r="CE33" s="1824"/>
      <c r="CF33" s="1824"/>
      <c r="CG33" s="1581"/>
      <c r="CH33" s="1683"/>
    </row>
    <row r="34" spans="5:86" ht="5.25" customHeight="1">
      <c r="E34" s="1830"/>
      <c r="F34" s="1831"/>
      <c r="G34" s="1832"/>
      <c r="H34" s="1814"/>
      <c r="I34" s="1815"/>
      <c r="J34" s="1816"/>
      <c r="K34" s="1668"/>
      <c r="L34" s="1669"/>
      <c r="M34" s="1669"/>
      <c r="N34" s="1669"/>
      <c r="O34" s="1669"/>
      <c r="P34" s="1669"/>
      <c r="Q34" s="1669"/>
      <c r="R34" s="1670"/>
      <c r="S34" s="1674"/>
      <c r="T34" s="1675"/>
      <c r="U34" s="1427"/>
      <c r="V34" s="1427"/>
      <c r="W34" s="1687"/>
      <c r="X34" s="1688"/>
      <c r="Y34" s="1688"/>
      <c r="Z34" s="1688"/>
      <c r="AA34" s="1688"/>
      <c r="AB34" s="1688"/>
      <c r="AC34" s="1688"/>
      <c r="AD34" s="1688"/>
      <c r="AE34" s="1688"/>
      <c r="AF34" s="1688"/>
      <c r="AG34" s="1688"/>
      <c r="AH34" s="1688"/>
      <c r="AI34" s="1688"/>
      <c r="AJ34" s="1581"/>
      <c r="AK34" s="1683"/>
      <c r="AL34" s="1699"/>
      <c r="AM34" s="1700"/>
      <c r="AN34" s="1700"/>
      <c r="AO34" s="1700"/>
      <c r="AP34" s="1700"/>
      <c r="AQ34" s="1700"/>
      <c r="AR34" s="1700"/>
      <c r="AS34" s="1700"/>
      <c r="AT34" s="1700"/>
      <c r="AU34" s="1700"/>
      <c r="AV34" s="1700"/>
      <c r="AW34" s="1700"/>
      <c r="AX34" s="1700"/>
      <c r="AY34" s="1693"/>
      <c r="AZ34" s="1694"/>
      <c r="BA34" s="1737"/>
      <c r="BB34" s="1700"/>
      <c r="BC34" s="1700"/>
      <c r="BD34" s="1700"/>
      <c r="BE34" s="1700"/>
      <c r="BF34" s="1700"/>
      <c r="BG34" s="1700"/>
      <c r="BH34" s="1700"/>
      <c r="BI34" s="1700"/>
      <c r="BJ34" s="1700"/>
      <c r="BK34" s="1700"/>
      <c r="BL34" s="1700"/>
      <c r="BM34" s="1700"/>
      <c r="BN34" s="1581"/>
      <c r="BO34" s="1683"/>
      <c r="BP34" s="1631"/>
      <c r="BQ34" s="1632"/>
      <c r="BR34" s="1630"/>
      <c r="BS34" s="1630"/>
      <c r="BT34" s="1823"/>
      <c r="BU34" s="1824"/>
      <c r="BV34" s="1824"/>
      <c r="BW34" s="1824"/>
      <c r="BX34" s="1824"/>
      <c r="BY34" s="1824"/>
      <c r="BZ34" s="1824"/>
      <c r="CA34" s="1824"/>
      <c r="CB34" s="1824"/>
      <c r="CC34" s="1824"/>
      <c r="CD34" s="1824"/>
      <c r="CE34" s="1824"/>
      <c r="CF34" s="1824"/>
      <c r="CG34" s="1581"/>
      <c r="CH34" s="1683"/>
    </row>
    <row r="35" spans="5:86" ht="5.25" customHeight="1">
      <c r="E35" s="1830"/>
      <c r="F35" s="1831"/>
      <c r="G35" s="1832"/>
      <c r="H35" s="1814"/>
      <c r="I35" s="1815"/>
      <c r="J35" s="1816"/>
      <c r="K35" s="1671"/>
      <c r="L35" s="1672"/>
      <c r="M35" s="1672"/>
      <c r="N35" s="1672"/>
      <c r="O35" s="1672"/>
      <c r="P35" s="1672"/>
      <c r="Q35" s="1672"/>
      <c r="R35" s="1673"/>
      <c r="S35" s="1674"/>
      <c r="T35" s="1675"/>
      <c r="U35" s="1427"/>
      <c r="V35" s="1427"/>
      <c r="W35" s="1689"/>
      <c r="X35" s="1690"/>
      <c r="Y35" s="1690"/>
      <c r="Z35" s="1690"/>
      <c r="AA35" s="1690"/>
      <c r="AB35" s="1690"/>
      <c r="AC35" s="1690"/>
      <c r="AD35" s="1690"/>
      <c r="AE35" s="1690"/>
      <c r="AF35" s="1690"/>
      <c r="AG35" s="1690"/>
      <c r="AH35" s="1690"/>
      <c r="AI35" s="1690"/>
      <c r="AJ35" s="1583"/>
      <c r="AK35" s="1684"/>
      <c r="AL35" s="1701"/>
      <c r="AM35" s="1702"/>
      <c r="AN35" s="1702"/>
      <c r="AO35" s="1702"/>
      <c r="AP35" s="1702"/>
      <c r="AQ35" s="1702"/>
      <c r="AR35" s="1702"/>
      <c r="AS35" s="1702"/>
      <c r="AT35" s="1702"/>
      <c r="AU35" s="1702"/>
      <c r="AV35" s="1702"/>
      <c r="AW35" s="1702"/>
      <c r="AX35" s="1702"/>
      <c r="AY35" s="1695"/>
      <c r="AZ35" s="1696"/>
      <c r="BA35" s="1738"/>
      <c r="BB35" s="1702"/>
      <c r="BC35" s="1702"/>
      <c r="BD35" s="1702"/>
      <c r="BE35" s="1702"/>
      <c r="BF35" s="1702"/>
      <c r="BG35" s="1702"/>
      <c r="BH35" s="1702"/>
      <c r="BI35" s="1702"/>
      <c r="BJ35" s="1702"/>
      <c r="BK35" s="1702"/>
      <c r="BL35" s="1702"/>
      <c r="BM35" s="1702"/>
      <c r="BN35" s="1583"/>
      <c r="BO35" s="1684"/>
      <c r="BP35" s="1631"/>
      <c r="BQ35" s="1632"/>
      <c r="BR35" s="1630"/>
      <c r="BS35" s="1630"/>
      <c r="BT35" s="1825"/>
      <c r="BU35" s="1826"/>
      <c r="BV35" s="1826"/>
      <c r="BW35" s="1826"/>
      <c r="BX35" s="1826"/>
      <c r="BY35" s="1826"/>
      <c r="BZ35" s="1826"/>
      <c r="CA35" s="1826"/>
      <c r="CB35" s="1826"/>
      <c r="CC35" s="1826"/>
      <c r="CD35" s="1826"/>
      <c r="CE35" s="1826"/>
      <c r="CF35" s="1826"/>
      <c r="CG35" s="1583"/>
      <c r="CH35" s="1684"/>
    </row>
    <row r="36" spans="5:86" ht="5.25" customHeight="1">
      <c r="E36" s="1830"/>
      <c r="F36" s="1831"/>
      <c r="G36" s="1832"/>
      <c r="H36" s="1814"/>
      <c r="I36" s="1815"/>
      <c r="J36" s="1816"/>
      <c r="K36" s="1665" t="s">
        <v>309</v>
      </c>
      <c r="L36" s="1666"/>
      <c r="M36" s="1666"/>
      <c r="N36" s="1666"/>
      <c r="O36" s="1666"/>
      <c r="P36" s="1666"/>
      <c r="Q36" s="1666"/>
      <c r="R36" s="1667"/>
      <c r="S36" s="1674" t="s">
        <v>378</v>
      </c>
      <c r="T36" s="1675"/>
      <c r="U36" s="1427"/>
      <c r="V36" s="1427"/>
      <c r="W36" s="1739"/>
      <c r="X36" s="1740"/>
      <c r="Y36" s="1740"/>
      <c r="Z36" s="1740"/>
      <c r="AA36" s="1740"/>
      <c r="AB36" s="1740"/>
      <c r="AC36" s="1740"/>
      <c r="AD36" s="1740"/>
      <c r="AE36" s="1740"/>
      <c r="AF36" s="1740"/>
      <c r="AG36" s="1740"/>
      <c r="AH36" s="1740"/>
      <c r="AI36" s="1740"/>
      <c r="AJ36" s="1740"/>
      <c r="AK36" s="1741"/>
      <c r="AL36" s="1726"/>
      <c r="AM36" s="1726"/>
      <c r="AN36" s="1726"/>
      <c r="AO36" s="1726"/>
      <c r="AP36" s="1726"/>
      <c r="AQ36" s="1726"/>
      <c r="AR36" s="1726"/>
      <c r="AS36" s="1726"/>
      <c r="AT36" s="1726"/>
      <c r="AU36" s="1726"/>
      <c r="AV36" s="1726"/>
      <c r="AW36" s="1726"/>
      <c r="AX36" s="1726"/>
      <c r="AY36" s="1726"/>
      <c r="AZ36" s="1726"/>
      <c r="BA36" s="1739"/>
      <c r="BB36" s="1740"/>
      <c r="BC36" s="1740"/>
      <c r="BD36" s="1740"/>
      <c r="BE36" s="1740"/>
      <c r="BF36" s="1740"/>
      <c r="BG36" s="1740"/>
      <c r="BH36" s="1740"/>
      <c r="BI36" s="1740"/>
      <c r="BJ36" s="1740"/>
      <c r="BK36" s="1740"/>
      <c r="BL36" s="1740"/>
      <c r="BM36" s="1740"/>
      <c r="BN36" s="1740"/>
      <c r="BO36" s="1740"/>
      <c r="BP36" s="1628" t="s">
        <v>452</v>
      </c>
      <c r="BQ36" s="1629"/>
      <c r="BR36" s="1630"/>
      <c r="BS36" s="1630"/>
      <c r="BT36" s="1779"/>
      <c r="BU36" s="1779"/>
      <c r="BV36" s="1779"/>
      <c r="BW36" s="1779"/>
      <c r="BX36" s="1779"/>
      <c r="BY36" s="1779"/>
      <c r="BZ36" s="1779"/>
      <c r="CA36" s="1779"/>
      <c r="CB36" s="1779"/>
      <c r="CC36" s="1779"/>
      <c r="CD36" s="1779"/>
      <c r="CE36" s="1779"/>
      <c r="CF36" s="1779"/>
      <c r="CG36" s="1779"/>
      <c r="CH36" s="1780"/>
    </row>
    <row r="37" spans="5:86" ht="5.25" customHeight="1">
      <c r="E37" s="1830"/>
      <c r="F37" s="1831"/>
      <c r="G37" s="1832"/>
      <c r="H37" s="1814"/>
      <c r="I37" s="1815"/>
      <c r="J37" s="1816"/>
      <c r="K37" s="1668"/>
      <c r="L37" s="1669"/>
      <c r="M37" s="1669"/>
      <c r="N37" s="1669"/>
      <c r="O37" s="1669"/>
      <c r="P37" s="1669"/>
      <c r="Q37" s="1669"/>
      <c r="R37" s="1670"/>
      <c r="S37" s="1674"/>
      <c r="T37" s="1675"/>
      <c r="U37" s="1427"/>
      <c r="V37" s="1427"/>
      <c r="W37" s="1742"/>
      <c r="X37" s="1743"/>
      <c r="Y37" s="1743"/>
      <c r="Z37" s="1743"/>
      <c r="AA37" s="1743"/>
      <c r="AB37" s="1743"/>
      <c r="AC37" s="1743"/>
      <c r="AD37" s="1743"/>
      <c r="AE37" s="1743"/>
      <c r="AF37" s="1743"/>
      <c r="AG37" s="1743"/>
      <c r="AH37" s="1743"/>
      <c r="AI37" s="1743"/>
      <c r="AJ37" s="1743"/>
      <c r="AK37" s="1744"/>
      <c r="AL37" s="1726"/>
      <c r="AM37" s="1726"/>
      <c r="AN37" s="1726"/>
      <c r="AO37" s="1726"/>
      <c r="AP37" s="1726"/>
      <c r="AQ37" s="1726"/>
      <c r="AR37" s="1726"/>
      <c r="AS37" s="1726"/>
      <c r="AT37" s="1726"/>
      <c r="AU37" s="1726"/>
      <c r="AV37" s="1726"/>
      <c r="AW37" s="1726"/>
      <c r="AX37" s="1726"/>
      <c r="AY37" s="1726"/>
      <c r="AZ37" s="1726"/>
      <c r="BA37" s="1742"/>
      <c r="BB37" s="1743"/>
      <c r="BC37" s="1743"/>
      <c r="BD37" s="1743"/>
      <c r="BE37" s="1743"/>
      <c r="BF37" s="1743"/>
      <c r="BG37" s="1743"/>
      <c r="BH37" s="1743"/>
      <c r="BI37" s="1743"/>
      <c r="BJ37" s="1743"/>
      <c r="BK37" s="1743"/>
      <c r="BL37" s="1743"/>
      <c r="BM37" s="1743"/>
      <c r="BN37" s="1743"/>
      <c r="BO37" s="1743"/>
      <c r="BP37" s="1631"/>
      <c r="BQ37" s="1632"/>
      <c r="BR37" s="1630"/>
      <c r="BS37" s="1630"/>
      <c r="BT37" s="1779"/>
      <c r="BU37" s="1779"/>
      <c r="BV37" s="1779"/>
      <c r="BW37" s="1779"/>
      <c r="BX37" s="1779"/>
      <c r="BY37" s="1779"/>
      <c r="BZ37" s="1779"/>
      <c r="CA37" s="1779"/>
      <c r="CB37" s="1779"/>
      <c r="CC37" s="1779"/>
      <c r="CD37" s="1779"/>
      <c r="CE37" s="1779"/>
      <c r="CF37" s="1779"/>
      <c r="CG37" s="1779"/>
      <c r="CH37" s="1780"/>
    </row>
    <row r="38" spans="5:86" ht="5.25" customHeight="1">
      <c r="E38" s="1830"/>
      <c r="F38" s="1831"/>
      <c r="G38" s="1832"/>
      <c r="H38" s="1814"/>
      <c r="I38" s="1815"/>
      <c r="J38" s="1816"/>
      <c r="K38" s="1668"/>
      <c r="L38" s="1669"/>
      <c r="M38" s="1669"/>
      <c r="N38" s="1669"/>
      <c r="O38" s="1669"/>
      <c r="P38" s="1669"/>
      <c r="Q38" s="1669"/>
      <c r="R38" s="1670"/>
      <c r="S38" s="1674"/>
      <c r="T38" s="1675"/>
      <c r="U38" s="1427"/>
      <c r="V38" s="1427"/>
      <c r="W38" s="1742"/>
      <c r="X38" s="1743"/>
      <c r="Y38" s="1743"/>
      <c r="Z38" s="1743"/>
      <c r="AA38" s="1743"/>
      <c r="AB38" s="1743"/>
      <c r="AC38" s="1743"/>
      <c r="AD38" s="1743"/>
      <c r="AE38" s="1743"/>
      <c r="AF38" s="1743"/>
      <c r="AG38" s="1743"/>
      <c r="AH38" s="1743"/>
      <c r="AI38" s="1743"/>
      <c r="AJ38" s="1743"/>
      <c r="AK38" s="1744"/>
      <c r="AL38" s="1726"/>
      <c r="AM38" s="1726"/>
      <c r="AN38" s="1726"/>
      <c r="AO38" s="1726"/>
      <c r="AP38" s="1726"/>
      <c r="AQ38" s="1726"/>
      <c r="AR38" s="1726"/>
      <c r="AS38" s="1726"/>
      <c r="AT38" s="1726"/>
      <c r="AU38" s="1726"/>
      <c r="AV38" s="1726"/>
      <c r="AW38" s="1726"/>
      <c r="AX38" s="1726"/>
      <c r="AY38" s="1726"/>
      <c r="AZ38" s="1726"/>
      <c r="BA38" s="1742"/>
      <c r="BB38" s="1743"/>
      <c r="BC38" s="1743"/>
      <c r="BD38" s="1743"/>
      <c r="BE38" s="1743"/>
      <c r="BF38" s="1743"/>
      <c r="BG38" s="1743"/>
      <c r="BH38" s="1743"/>
      <c r="BI38" s="1743"/>
      <c r="BJ38" s="1743"/>
      <c r="BK38" s="1743"/>
      <c r="BL38" s="1743"/>
      <c r="BM38" s="1743"/>
      <c r="BN38" s="1743"/>
      <c r="BO38" s="1743"/>
      <c r="BP38" s="1631"/>
      <c r="BQ38" s="1632"/>
      <c r="BR38" s="1630"/>
      <c r="BS38" s="1630"/>
      <c r="BT38" s="1779"/>
      <c r="BU38" s="1779"/>
      <c r="BV38" s="1779"/>
      <c r="BW38" s="1779"/>
      <c r="BX38" s="1779"/>
      <c r="BY38" s="1779"/>
      <c r="BZ38" s="1779"/>
      <c r="CA38" s="1779"/>
      <c r="CB38" s="1779"/>
      <c r="CC38" s="1779"/>
      <c r="CD38" s="1779"/>
      <c r="CE38" s="1779"/>
      <c r="CF38" s="1779"/>
      <c r="CG38" s="1779"/>
      <c r="CH38" s="1780"/>
    </row>
    <row r="39" spans="5:86" ht="5.25" customHeight="1">
      <c r="E39" s="1830"/>
      <c r="F39" s="1831"/>
      <c r="G39" s="1832"/>
      <c r="H39" s="1817"/>
      <c r="I39" s="1818"/>
      <c r="J39" s="1819"/>
      <c r="K39" s="1671"/>
      <c r="L39" s="1672"/>
      <c r="M39" s="1672"/>
      <c r="N39" s="1672"/>
      <c r="O39" s="1672"/>
      <c r="P39" s="1672"/>
      <c r="Q39" s="1672"/>
      <c r="R39" s="1673"/>
      <c r="S39" s="1674"/>
      <c r="T39" s="1675"/>
      <c r="U39" s="1427"/>
      <c r="V39" s="1427"/>
      <c r="W39" s="1745"/>
      <c r="X39" s="1746"/>
      <c r="Y39" s="1746"/>
      <c r="Z39" s="1746"/>
      <c r="AA39" s="1746"/>
      <c r="AB39" s="1746"/>
      <c r="AC39" s="1746"/>
      <c r="AD39" s="1746"/>
      <c r="AE39" s="1746"/>
      <c r="AF39" s="1746"/>
      <c r="AG39" s="1746"/>
      <c r="AH39" s="1746"/>
      <c r="AI39" s="1746"/>
      <c r="AJ39" s="1746"/>
      <c r="AK39" s="1747"/>
      <c r="AL39" s="1726"/>
      <c r="AM39" s="1726"/>
      <c r="AN39" s="1726"/>
      <c r="AO39" s="1726"/>
      <c r="AP39" s="1726"/>
      <c r="AQ39" s="1726"/>
      <c r="AR39" s="1726"/>
      <c r="AS39" s="1726"/>
      <c r="AT39" s="1726"/>
      <c r="AU39" s="1726"/>
      <c r="AV39" s="1726"/>
      <c r="AW39" s="1726"/>
      <c r="AX39" s="1726"/>
      <c r="AY39" s="1726"/>
      <c r="AZ39" s="1726"/>
      <c r="BA39" s="1745"/>
      <c r="BB39" s="1746"/>
      <c r="BC39" s="1746"/>
      <c r="BD39" s="1746"/>
      <c r="BE39" s="1746"/>
      <c r="BF39" s="1746"/>
      <c r="BG39" s="1746"/>
      <c r="BH39" s="1746"/>
      <c r="BI39" s="1746"/>
      <c r="BJ39" s="1746"/>
      <c r="BK39" s="1746"/>
      <c r="BL39" s="1746"/>
      <c r="BM39" s="1746"/>
      <c r="BN39" s="1746"/>
      <c r="BO39" s="1746"/>
      <c r="BP39" s="1631"/>
      <c r="BQ39" s="1632"/>
      <c r="BR39" s="1630"/>
      <c r="BS39" s="1630"/>
      <c r="BT39" s="1779"/>
      <c r="BU39" s="1779"/>
      <c r="BV39" s="1779"/>
      <c r="BW39" s="1779"/>
      <c r="BX39" s="1779"/>
      <c r="BY39" s="1779"/>
      <c r="BZ39" s="1779"/>
      <c r="CA39" s="1779"/>
      <c r="CB39" s="1779"/>
      <c r="CC39" s="1779"/>
      <c r="CD39" s="1779"/>
      <c r="CE39" s="1779"/>
      <c r="CF39" s="1779"/>
      <c r="CG39" s="1779"/>
      <c r="CH39" s="1780"/>
    </row>
    <row r="40" spans="5:86" ht="5.25" customHeight="1">
      <c r="E40" s="1830"/>
      <c r="F40" s="1831"/>
      <c r="G40" s="1832"/>
      <c r="H40" s="1721" t="s">
        <v>143</v>
      </c>
      <c r="I40" s="1721"/>
      <c r="J40" s="1721"/>
      <c r="K40" s="1721"/>
      <c r="L40" s="1721"/>
      <c r="M40" s="1721"/>
      <c r="N40" s="1721"/>
      <c r="O40" s="1721"/>
      <c r="P40" s="1721"/>
      <c r="Q40" s="1721"/>
      <c r="R40" s="1721"/>
      <c r="S40" s="1674" t="s">
        <v>379</v>
      </c>
      <c r="T40" s="1675"/>
      <c r="U40" s="1427"/>
      <c r="V40" s="1427"/>
      <c r="W40" s="1679"/>
      <c r="X40" s="1680"/>
      <c r="Y40" s="1680"/>
      <c r="Z40" s="1680"/>
      <c r="AA40" s="1680"/>
      <c r="AB40" s="1680"/>
      <c r="AC40" s="1680"/>
      <c r="AD40" s="1680"/>
      <c r="AE40" s="1680"/>
      <c r="AF40" s="1680"/>
      <c r="AG40" s="1680"/>
      <c r="AH40" s="1680"/>
      <c r="AI40" s="1680"/>
      <c r="AJ40" s="1680"/>
      <c r="AK40" s="1681"/>
      <c r="AL40" s="1726"/>
      <c r="AM40" s="1726"/>
      <c r="AN40" s="1726"/>
      <c r="AO40" s="1726"/>
      <c r="AP40" s="1726"/>
      <c r="AQ40" s="1726"/>
      <c r="AR40" s="1726"/>
      <c r="AS40" s="1726"/>
      <c r="AT40" s="1726"/>
      <c r="AU40" s="1726"/>
      <c r="AV40" s="1726"/>
      <c r="AW40" s="1726"/>
      <c r="AX40" s="1726"/>
      <c r="AY40" s="1726"/>
      <c r="AZ40" s="1726"/>
      <c r="BA40" s="1739"/>
      <c r="BB40" s="1740"/>
      <c r="BC40" s="1740"/>
      <c r="BD40" s="1740"/>
      <c r="BE40" s="1740"/>
      <c r="BF40" s="1740"/>
      <c r="BG40" s="1740"/>
      <c r="BH40" s="1740"/>
      <c r="BI40" s="1740"/>
      <c r="BJ40" s="1740"/>
      <c r="BK40" s="1740"/>
      <c r="BL40" s="1740"/>
      <c r="BM40" s="1740"/>
      <c r="BN40" s="1740"/>
      <c r="BO40" s="1740"/>
      <c r="BP40" s="1628" t="s">
        <v>366</v>
      </c>
      <c r="BQ40" s="1629"/>
      <c r="BR40" s="1630"/>
      <c r="BS40" s="1630"/>
      <c r="BT40" s="1779"/>
      <c r="BU40" s="1779"/>
      <c r="BV40" s="1779"/>
      <c r="BW40" s="1779"/>
      <c r="BX40" s="1779"/>
      <c r="BY40" s="1779"/>
      <c r="BZ40" s="1779"/>
      <c r="CA40" s="1779"/>
      <c r="CB40" s="1779"/>
      <c r="CC40" s="1779"/>
      <c r="CD40" s="1779"/>
      <c r="CE40" s="1779"/>
      <c r="CF40" s="1779"/>
      <c r="CG40" s="1779"/>
      <c r="CH40" s="1780"/>
    </row>
    <row r="41" spans="5:86" ht="5.25" customHeight="1">
      <c r="E41" s="1830"/>
      <c r="F41" s="1831"/>
      <c r="G41" s="1832"/>
      <c r="H41" s="1721"/>
      <c r="I41" s="1721"/>
      <c r="J41" s="1721"/>
      <c r="K41" s="1721"/>
      <c r="L41" s="1721"/>
      <c r="M41" s="1721"/>
      <c r="N41" s="1721"/>
      <c r="O41" s="1721"/>
      <c r="P41" s="1721"/>
      <c r="Q41" s="1721"/>
      <c r="R41" s="1721"/>
      <c r="S41" s="1674"/>
      <c r="T41" s="1675"/>
      <c r="U41" s="1427"/>
      <c r="V41" s="1427"/>
      <c r="W41" s="1679"/>
      <c r="X41" s="1680"/>
      <c r="Y41" s="1680"/>
      <c r="Z41" s="1680"/>
      <c r="AA41" s="1680"/>
      <c r="AB41" s="1680"/>
      <c r="AC41" s="1680"/>
      <c r="AD41" s="1680"/>
      <c r="AE41" s="1680"/>
      <c r="AF41" s="1680"/>
      <c r="AG41" s="1680"/>
      <c r="AH41" s="1680"/>
      <c r="AI41" s="1680"/>
      <c r="AJ41" s="1680"/>
      <c r="AK41" s="1681"/>
      <c r="AL41" s="1726"/>
      <c r="AM41" s="1726"/>
      <c r="AN41" s="1726"/>
      <c r="AO41" s="1726"/>
      <c r="AP41" s="1726"/>
      <c r="AQ41" s="1726"/>
      <c r="AR41" s="1726"/>
      <c r="AS41" s="1726"/>
      <c r="AT41" s="1726"/>
      <c r="AU41" s="1726"/>
      <c r="AV41" s="1726"/>
      <c r="AW41" s="1726"/>
      <c r="AX41" s="1726"/>
      <c r="AY41" s="1726"/>
      <c r="AZ41" s="1726"/>
      <c r="BA41" s="1742"/>
      <c r="BB41" s="1743"/>
      <c r="BC41" s="1743"/>
      <c r="BD41" s="1743"/>
      <c r="BE41" s="1743"/>
      <c r="BF41" s="1743"/>
      <c r="BG41" s="1743"/>
      <c r="BH41" s="1743"/>
      <c r="BI41" s="1743"/>
      <c r="BJ41" s="1743"/>
      <c r="BK41" s="1743"/>
      <c r="BL41" s="1743"/>
      <c r="BM41" s="1743"/>
      <c r="BN41" s="1743"/>
      <c r="BO41" s="1743"/>
      <c r="BP41" s="1631"/>
      <c r="BQ41" s="1632"/>
      <c r="BR41" s="1630"/>
      <c r="BS41" s="1630"/>
      <c r="BT41" s="1779"/>
      <c r="BU41" s="1779"/>
      <c r="BV41" s="1779"/>
      <c r="BW41" s="1779"/>
      <c r="BX41" s="1779"/>
      <c r="BY41" s="1779"/>
      <c r="BZ41" s="1779"/>
      <c r="CA41" s="1779"/>
      <c r="CB41" s="1779"/>
      <c r="CC41" s="1779"/>
      <c r="CD41" s="1779"/>
      <c r="CE41" s="1779"/>
      <c r="CF41" s="1779"/>
      <c r="CG41" s="1779"/>
      <c r="CH41" s="1780"/>
    </row>
    <row r="42" spans="5:86" ht="5.25" customHeight="1">
      <c r="E42" s="1830"/>
      <c r="F42" s="1831"/>
      <c r="G42" s="1832"/>
      <c r="H42" s="1721"/>
      <c r="I42" s="1721"/>
      <c r="J42" s="1721"/>
      <c r="K42" s="1721"/>
      <c r="L42" s="1721"/>
      <c r="M42" s="1721"/>
      <c r="N42" s="1721"/>
      <c r="O42" s="1721"/>
      <c r="P42" s="1721"/>
      <c r="Q42" s="1721"/>
      <c r="R42" s="1721"/>
      <c r="S42" s="1674"/>
      <c r="T42" s="1675"/>
      <c r="U42" s="1427"/>
      <c r="V42" s="1427"/>
      <c r="W42" s="1679"/>
      <c r="X42" s="1680"/>
      <c r="Y42" s="1680"/>
      <c r="Z42" s="1680"/>
      <c r="AA42" s="1680"/>
      <c r="AB42" s="1680"/>
      <c r="AC42" s="1680"/>
      <c r="AD42" s="1680"/>
      <c r="AE42" s="1680"/>
      <c r="AF42" s="1680"/>
      <c r="AG42" s="1680"/>
      <c r="AH42" s="1680"/>
      <c r="AI42" s="1680"/>
      <c r="AJ42" s="1680"/>
      <c r="AK42" s="1681"/>
      <c r="AL42" s="1726"/>
      <c r="AM42" s="1726"/>
      <c r="AN42" s="1726"/>
      <c r="AO42" s="1726"/>
      <c r="AP42" s="1726"/>
      <c r="AQ42" s="1726"/>
      <c r="AR42" s="1726"/>
      <c r="AS42" s="1726"/>
      <c r="AT42" s="1726"/>
      <c r="AU42" s="1726"/>
      <c r="AV42" s="1726"/>
      <c r="AW42" s="1726"/>
      <c r="AX42" s="1726"/>
      <c r="AY42" s="1726"/>
      <c r="AZ42" s="1726"/>
      <c r="BA42" s="1742"/>
      <c r="BB42" s="1743"/>
      <c r="BC42" s="1743"/>
      <c r="BD42" s="1743"/>
      <c r="BE42" s="1743"/>
      <c r="BF42" s="1743"/>
      <c r="BG42" s="1743"/>
      <c r="BH42" s="1743"/>
      <c r="BI42" s="1743"/>
      <c r="BJ42" s="1743"/>
      <c r="BK42" s="1743"/>
      <c r="BL42" s="1743"/>
      <c r="BM42" s="1743"/>
      <c r="BN42" s="1743"/>
      <c r="BO42" s="1743"/>
      <c r="BP42" s="1631"/>
      <c r="BQ42" s="1632"/>
      <c r="BR42" s="1630"/>
      <c r="BS42" s="1630"/>
      <c r="BT42" s="1779"/>
      <c r="BU42" s="1779"/>
      <c r="BV42" s="1779"/>
      <c r="BW42" s="1779"/>
      <c r="BX42" s="1779"/>
      <c r="BY42" s="1779"/>
      <c r="BZ42" s="1779"/>
      <c r="CA42" s="1779"/>
      <c r="CB42" s="1779"/>
      <c r="CC42" s="1779"/>
      <c r="CD42" s="1779"/>
      <c r="CE42" s="1779"/>
      <c r="CF42" s="1779"/>
      <c r="CG42" s="1779"/>
      <c r="CH42" s="1780"/>
    </row>
    <row r="43" spans="5:86" ht="5.25" customHeight="1">
      <c r="E43" s="1830"/>
      <c r="F43" s="1831"/>
      <c r="G43" s="1832"/>
      <c r="H43" s="1721"/>
      <c r="I43" s="1721"/>
      <c r="J43" s="1721"/>
      <c r="K43" s="1721"/>
      <c r="L43" s="1721"/>
      <c r="M43" s="1721"/>
      <c r="N43" s="1721"/>
      <c r="O43" s="1721"/>
      <c r="P43" s="1721"/>
      <c r="Q43" s="1721"/>
      <c r="R43" s="1721"/>
      <c r="S43" s="1674"/>
      <c r="T43" s="1675"/>
      <c r="U43" s="1427"/>
      <c r="V43" s="1427"/>
      <c r="W43" s="1679"/>
      <c r="X43" s="1680"/>
      <c r="Y43" s="1680"/>
      <c r="Z43" s="1680"/>
      <c r="AA43" s="1680"/>
      <c r="AB43" s="1680"/>
      <c r="AC43" s="1680"/>
      <c r="AD43" s="1680"/>
      <c r="AE43" s="1680"/>
      <c r="AF43" s="1680"/>
      <c r="AG43" s="1680"/>
      <c r="AH43" s="1680"/>
      <c r="AI43" s="1680"/>
      <c r="AJ43" s="1680"/>
      <c r="AK43" s="1681"/>
      <c r="AL43" s="1726"/>
      <c r="AM43" s="1726"/>
      <c r="AN43" s="1726"/>
      <c r="AO43" s="1726"/>
      <c r="AP43" s="1726"/>
      <c r="AQ43" s="1726"/>
      <c r="AR43" s="1726"/>
      <c r="AS43" s="1726"/>
      <c r="AT43" s="1726"/>
      <c r="AU43" s="1726"/>
      <c r="AV43" s="1726"/>
      <c r="AW43" s="1726"/>
      <c r="AX43" s="1726"/>
      <c r="AY43" s="1726"/>
      <c r="AZ43" s="1726"/>
      <c r="BA43" s="1745"/>
      <c r="BB43" s="1746"/>
      <c r="BC43" s="1746"/>
      <c r="BD43" s="1746"/>
      <c r="BE43" s="1746"/>
      <c r="BF43" s="1746"/>
      <c r="BG43" s="1746"/>
      <c r="BH43" s="1746"/>
      <c r="BI43" s="1746"/>
      <c r="BJ43" s="1746"/>
      <c r="BK43" s="1746"/>
      <c r="BL43" s="1746"/>
      <c r="BM43" s="1746"/>
      <c r="BN43" s="1746"/>
      <c r="BO43" s="1746"/>
      <c r="BP43" s="1631"/>
      <c r="BQ43" s="1632"/>
      <c r="BR43" s="1630"/>
      <c r="BS43" s="1630"/>
      <c r="BT43" s="1779"/>
      <c r="BU43" s="1779"/>
      <c r="BV43" s="1779"/>
      <c r="BW43" s="1779"/>
      <c r="BX43" s="1779"/>
      <c r="BY43" s="1779"/>
      <c r="BZ43" s="1779"/>
      <c r="CA43" s="1779"/>
      <c r="CB43" s="1779"/>
      <c r="CC43" s="1779"/>
      <c r="CD43" s="1779"/>
      <c r="CE43" s="1779"/>
      <c r="CF43" s="1779"/>
      <c r="CG43" s="1779"/>
      <c r="CH43" s="1780"/>
    </row>
    <row r="44" spans="5:86" ht="5.25" customHeight="1">
      <c r="E44" s="1830"/>
      <c r="F44" s="1831"/>
      <c r="G44" s="1832"/>
      <c r="H44" s="1721" t="s">
        <v>89</v>
      </c>
      <c r="I44" s="1721"/>
      <c r="J44" s="1721"/>
      <c r="K44" s="1721"/>
      <c r="L44" s="1721"/>
      <c r="M44" s="1721"/>
      <c r="N44" s="1721"/>
      <c r="O44" s="1721"/>
      <c r="P44" s="1721"/>
      <c r="Q44" s="1721"/>
      <c r="R44" s="1721"/>
      <c r="S44" s="1674" t="s">
        <v>380</v>
      </c>
      <c r="T44" s="1675"/>
      <c r="U44" s="1427"/>
      <c r="V44" s="1427"/>
      <c r="W44" s="1679"/>
      <c r="X44" s="1680"/>
      <c r="Y44" s="1680"/>
      <c r="Z44" s="1680"/>
      <c r="AA44" s="1680"/>
      <c r="AB44" s="1680"/>
      <c r="AC44" s="1680"/>
      <c r="AD44" s="1680"/>
      <c r="AE44" s="1680"/>
      <c r="AF44" s="1680"/>
      <c r="AG44" s="1680"/>
      <c r="AH44" s="1680"/>
      <c r="AI44" s="1680"/>
      <c r="AJ44" s="1680"/>
      <c r="AK44" s="1681"/>
      <c r="AL44" s="1726"/>
      <c r="AM44" s="1726"/>
      <c r="AN44" s="1726"/>
      <c r="AO44" s="1726"/>
      <c r="AP44" s="1726"/>
      <c r="AQ44" s="1726"/>
      <c r="AR44" s="1726"/>
      <c r="AS44" s="1726"/>
      <c r="AT44" s="1726"/>
      <c r="AU44" s="1726"/>
      <c r="AV44" s="1726"/>
      <c r="AW44" s="1726"/>
      <c r="AX44" s="1726"/>
      <c r="AY44" s="1726"/>
      <c r="AZ44" s="1726"/>
      <c r="BA44" s="1712"/>
      <c r="BB44" s="1713"/>
      <c r="BC44" s="1713"/>
      <c r="BD44" s="1713"/>
      <c r="BE44" s="1713"/>
      <c r="BF44" s="1713"/>
      <c r="BG44" s="1713"/>
      <c r="BH44" s="1713"/>
      <c r="BI44" s="1713"/>
      <c r="BJ44" s="1713"/>
      <c r="BK44" s="1713"/>
      <c r="BL44" s="1713"/>
      <c r="BM44" s="1713"/>
      <c r="BN44" s="1713"/>
      <c r="BO44" s="1714"/>
      <c r="BP44" s="1628" t="s">
        <v>367</v>
      </c>
      <c r="BQ44" s="1629"/>
      <c r="BR44" s="1630"/>
      <c r="BS44" s="1630"/>
      <c r="BT44" s="1779"/>
      <c r="BU44" s="1779"/>
      <c r="BV44" s="1779"/>
      <c r="BW44" s="1779"/>
      <c r="BX44" s="1779"/>
      <c r="BY44" s="1779"/>
      <c r="BZ44" s="1779"/>
      <c r="CA44" s="1779"/>
      <c r="CB44" s="1779"/>
      <c r="CC44" s="1779"/>
      <c r="CD44" s="1779"/>
      <c r="CE44" s="1779"/>
      <c r="CF44" s="1779"/>
      <c r="CG44" s="1779"/>
      <c r="CH44" s="1780"/>
    </row>
    <row r="45" spans="5:86" ht="5.25" customHeight="1">
      <c r="E45" s="1830"/>
      <c r="F45" s="1831"/>
      <c r="G45" s="1832"/>
      <c r="H45" s="1721"/>
      <c r="I45" s="1721"/>
      <c r="J45" s="1721"/>
      <c r="K45" s="1721"/>
      <c r="L45" s="1721"/>
      <c r="M45" s="1721"/>
      <c r="N45" s="1721"/>
      <c r="O45" s="1721"/>
      <c r="P45" s="1721"/>
      <c r="Q45" s="1721"/>
      <c r="R45" s="1721"/>
      <c r="S45" s="1674"/>
      <c r="T45" s="1675"/>
      <c r="U45" s="1427"/>
      <c r="V45" s="1427"/>
      <c r="W45" s="1679"/>
      <c r="X45" s="1680"/>
      <c r="Y45" s="1680"/>
      <c r="Z45" s="1680"/>
      <c r="AA45" s="1680"/>
      <c r="AB45" s="1680"/>
      <c r="AC45" s="1680"/>
      <c r="AD45" s="1680"/>
      <c r="AE45" s="1680"/>
      <c r="AF45" s="1680"/>
      <c r="AG45" s="1680"/>
      <c r="AH45" s="1680"/>
      <c r="AI45" s="1680"/>
      <c r="AJ45" s="1680"/>
      <c r="AK45" s="1681"/>
      <c r="AL45" s="1726"/>
      <c r="AM45" s="1726"/>
      <c r="AN45" s="1726"/>
      <c r="AO45" s="1726"/>
      <c r="AP45" s="1726"/>
      <c r="AQ45" s="1726"/>
      <c r="AR45" s="1726"/>
      <c r="AS45" s="1726"/>
      <c r="AT45" s="1726"/>
      <c r="AU45" s="1726"/>
      <c r="AV45" s="1726"/>
      <c r="AW45" s="1726"/>
      <c r="AX45" s="1726"/>
      <c r="AY45" s="1726"/>
      <c r="AZ45" s="1726"/>
      <c r="BA45" s="1715"/>
      <c r="BB45" s="1716"/>
      <c r="BC45" s="1716"/>
      <c r="BD45" s="1716"/>
      <c r="BE45" s="1716"/>
      <c r="BF45" s="1716"/>
      <c r="BG45" s="1716"/>
      <c r="BH45" s="1716"/>
      <c r="BI45" s="1716"/>
      <c r="BJ45" s="1716"/>
      <c r="BK45" s="1716"/>
      <c r="BL45" s="1716"/>
      <c r="BM45" s="1716"/>
      <c r="BN45" s="1716"/>
      <c r="BO45" s="1717"/>
      <c r="BP45" s="1631"/>
      <c r="BQ45" s="1632"/>
      <c r="BR45" s="1630"/>
      <c r="BS45" s="1630"/>
      <c r="BT45" s="1779"/>
      <c r="BU45" s="1779"/>
      <c r="BV45" s="1779"/>
      <c r="BW45" s="1779"/>
      <c r="BX45" s="1779"/>
      <c r="BY45" s="1779"/>
      <c r="BZ45" s="1779"/>
      <c r="CA45" s="1779"/>
      <c r="CB45" s="1779"/>
      <c r="CC45" s="1779"/>
      <c r="CD45" s="1779"/>
      <c r="CE45" s="1779"/>
      <c r="CF45" s="1779"/>
      <c r="CG45" s="1779"/>
      <c r="CH45" s="1780"/>
    </row>
    <row r="46" spans="5:86" ht="5.25" customHeight="1">
      <c r="E46" s="1830"/>
      <c r="F46" s="1831"/>
      <c r="G46" s="1832"/>
      <c r="H46" s="1721"/>
      <c r="I46" s="1721"/>
      <c r="J46" s="1721"/>
      <c r="K46" s="1721"/>
      <c r="L46" s="1721"/>
      <c r="M46" s="1721"/>
      <c r="N46" s="1721"/>
      <c r="O46" s="1721"/>
      <c r="P46" s="1721"/>
      <c r="Q46" s="1721"/>
      <c r="R46" s="1721"/>
      <c r="S46" s="1674"/>
      <c r="T46" s="1675"/>
      <c r="U46" s="1427"/>
      <c r="V46" s="1427"/>
      <c r="W46" s="1679"/>
      <c r="X46" s="1680"/>
      <c r="Y46" s="1680"/>
      <c r="Z46" s="1680"/>
      <c r="AA46" s="1680"/>
      <c r="AB46" s="1680"/>
      <c r="AC46" s="1680"/>
      <c r="AD46" s="1680"/>
      <c r="AE46" s="1680"/>
      <c r="AF46" s="1680"/>
      <c r="AG46" s="1680"/>
      <c r="AH46" s="1680"/>
      <c r="AI46" s="1680"/>
      <c r="AJ46" s="1680"/>
      <c r="AK46" s="1681"/>
      <c r="AL46" s="1726"/>
      <c r="AM46" s="1726"/>
      <c r="AN46" s="1726"/>
      <c r="AO46" s="1726"/>
      <c r="AP46" s="1726"/>
      <c r="AQ46" s="1726"/>
      <c r="AR46" s="1726"/>
      <c r="AS46" s="1726"/>
      <c r="AT46" s="1726"/>
      <c r="AU46" s="1726"/>
      <c r="AV46" s="1726"/>
      <c r="AW46" s="1726"/>
      <c r="AX46" s="1726"/>
      <c r="AY46" s="1726"/>
      <c r="AZ46" s="1726"/>
      <c r="BA46" s="1715"/>
      <c r="BB46" s="1716"/>
      <c r="BC46" s="1716"/>
      <c r="BD46" s="1716"/>
      <c r="BE46" s="1716"/>
      <c r="BF46" s="1716"/>
      <c r="BG46" s="1716"/>
      <c r="BH46" s="1716"/>
      <c r="BI46" s="1716"/>
      <c r="BJ46" s="1716"/>
      <c r="BK46" s="1716"/>
      <c r="BL46" s="1716"/>
      <c r="BM46" s="1716"/>
      <c r="BN46" s="1716"/>
      <c r="BO46" s="1717"/>
      <c r="BP46" s="1631"/>
      <c r="BQ46" s="1632"/>
      <c r="BR46" s="1630"/>
      <c r="BS46" s="1630"/>
      <c r="BT46" s="1779"/>
      <c r="BU46" s="1779"/>
      <c r="BV46" s="1779"/>
      <c r="BW46" s="1779"/>
      <c r="BX46" s="1779"/>
      <c r="BY46" s="1779"/>
      <c r="BZ46" s="1779"/>
      <c r="CA46" s="1779"/>
      <c r="CB46" s="1779"/>
      <c r="CC46" s="1779"/>
      <c r="CD46" s="1779"/>
      <c r="CE46" s="1779"/>
      <c r="CF46" s="1779"/>
      <c r="CG46" s="1779"/>
      <c r="CH46" s="1780"/>
    </row>
    <row r="47" spans="5:86" ht="5.25" customHeight="1">
      <c r="E47" s="1830"/>
      <c r="F47" s="1831"/>
      <c r="G47" s="1832"/>
      <c r="H47" s="1721"/>
      <c r="I47" s="1721"/>
      <c r="J47" s="1721"/>
      <c r="K47" s="1721"/>
      <c r="L47" s="1721"/>
      <c r="M47" s="1721"/>
      <c r="N47" s="1721"/>
      <c r="O47" s="1721"/>
      <c r="P47" s="1721"/>
      <c r="Q47" s="1721"/>
      <c r="R47" s="1721"/>
      <c r="S47" s="1674"/>
      <c r="T47" s="1675"/>
      <c r="U47" s="1427"/>
      <c r="V47" s="1427"/>
      <c r="W47" s="1679"/>
      <c r="X47" s="1680"/>
      <c r="Y47" s="1680"/>
      <c r="Z47" s="1680"/>
      <c r="AA47" s="1680"/>
      <c r="AB47" s="1680"/>
      <c r="AC47" s="1680"/>
      <c r="AD47" s="1680"/>
      <c r="AE47" s="1680"/>
      <c r="AF47" s="1680"/>
      <c r="AG47" s="1680"/>
      <c r="AH47" s="1680"/>
      <c r="AI47" s="1680"/>
      <c r="AJ47" s="1680"/>
      <c r="AK47" s="1681"/>
      <c r="AL47" s="1726"/>
      <c r="AM47" s="1726"/>
      <c r="AN47" s="1726"/>
      <c r="AO47" s="1726"/>
      <c r="AP47" s="1726"/>
      <c r="AQ47" s="1726"/>
      <c r="AR47" s="1726"/>
      <c r="AS47" s="1726"/>
      <c r="AT47" s="1726"/>
      <c r="AU47" s="1726"/>
      <c r="AV47" s="1726"/>
      <c r="AW47" s="1726"/>
      <c r="AX47" s="1726"/>
      <c r="AY47" s="1726"/>
      <c r="AZ47" s="1726"/>
      <c r="BA47" s="1748"/>
      <c r="BB47" s="1749"/>
      <c r="BC47" s="1749"/>
      <c r="BD47" s="1749"/>
      <c r="BE47" s="1749"/>
      <c r="BF47" s="1749"/>
      <c r="BG47" s="1749"/>
      <c r="BH47" s="1749"/>
      <c r="BI47" s="1749"/>
      <c r="BJ47" s="1749"/>
      <c r="BK47" s="1749"/>
      <c r="BL47" s="1749"/>
      <c r="BM47" s="1749"/>
      <c r="BN47" s="1749"/>
      <c r="BO47" s="1750"/>
      <c r="BP47" s="1631"/>
      <c r="BQ47" s="1632"/>
      <c r="BR47" s="1630"/>
      <c r="BS47" s="1630"/>
      <c r="BT47" s="1779"/>
      <c r="BU47" s="1779"/>
      <c r="BV47" s="1779"/>
      <c r="BW47" s="1779"/>
      <c r="BX47" s="1779"/>
      <c r="BY47" s="1779"/>
      <c r="BZ47" s="1779"/>
      <c r="CA47" s="1779"/>
      <c r="CB47" s="1779"/>
      <c r="CC47" s="1779"/>
      <c r="CD47" s="1779"/>
      <c r="CE47" s="1779"/>
      <c r="CF47" s="1779"/>
      <c r="CG47" s="1779"/>
      <c r="CH47" s="1780"/>
    </row>
    <row r="48" spans="5:86" ht="5.25" customHeight="1">
      <c r="E48" s="1830"/>
      <c r="F48" s="1831"/>
      <c r="G48" s="1832"/>
      <c r="H48" s="1721" t="s">
        <v>86</v>
      </c>
      <c r="I48" s="1721"/>
      <c r="J48" s="1721"/>
      <c r="K48" s="1721"/>
      <c r="L48" s="1721"/>
      <c r="M48" s="1721"/>
      <c r="N48" s="1721"/>
      <c r="O48" s="1721"/>
      <c r="P48" s="1721"/>
      <c r="Q48" s="1721"/>
      <c r="R48" s="1721"/>
      <c r="S48" s="1674" t="s">
        <v>381</v>
      </c>
      <c r="T48" s="1675"/>
      <c r="U48" s="1427"/>
      <c r="V48" s="1427"/>
      <c r="W48" s="1679"/>
      <c r="X48" s="1680"/>
      <c r="Y48" s="1680"/>
      <c r="Z48" s="1680"/>
      <c r="AA48" s="1680"/>
      <c r="AB48" s="1680"/>
      <c r="AC48" s="1680"/>
      <c r="AD48" s="1680"/>
      <c r="AE48" s="1680"/>
      <c r="AF48" s="1680"/>
      <c r="AG48" s="1680"/>
      <c r="AH48" s="1680"/>
      <c r="AI48" s="1680"/>
      <c r="AJ48" s="1680"/>
      <c r="AK48" s="1681"/>
      <c r="AL48" s="1726"/>
      <c r="AM48" s="1726"/>
      <c r="AN48" s="1726"/>
      <c r="AO48" s="1726"/>
      <c r="AP48" s="1726"/>
      <c r="AQ48" s="1726"/>
      <c r="AR48" s="1726"/>
      <c r="AS48" s="1726"/>
      <c r="AT48" s="1726"/>
      <c r="AU48" s="1726"/>
      <c r="AV48" s="1726"/>
      <c r="AW48" s="1726"/>
      <c r="AX48" s="1726"/>
      <c r="AY48" s="1726"/>
      <c r="AZ48" s="1726"/>
      <c r="BA48" s="1712"/>
      <c r="BB48" s="1713"/>
      <c r="BC48" s="1713"/>
      <c r="BD48" s="1713"/>
      <c r="BE48" s="1713"/>
      <c r="BF48" s="1713"/>
      <c r="BG48" s="1713"/>
      <c r="BH48" s="1713"/>
      <c r="BI48" s="1713"/>
      <c r="BJ48" s="1713"/>
      <c r="BK48" s="1713"/>
      <c r="BL48" s="1713"/>
      <c r="BM48" s="1713"/>
      <c r="BN48" s="1713"/>
      <c r="BO48" s="1714"/>
      <c r="BP48" s="1628" t="s">
        <v>368</v>
      </c>
      <c r="BQ48" s="1629"/>
      <c r="BR48" s="1630"/>
      <c r="BS48" s="1630"/>
      <c r="BT48" s="1779"/>
      <c r="BU48" s="1779"/>
      <c r="BV48" s="1779"/>
      <c r="BW48" s="1779"/>
      <c r="BX48" s="1779"/>
      <c r="BY48" s="1779"/>
      <c r="BZ48" s="1779"/>
      <c r="CA48" s="1779"/>
      <c r="CB48" s="1779"/>
      <c r="CC48" s="1779"/>
      <c r="CD48" s="1779"/>
      <c r="CE48" s="1779"/>
      <c r="CF48" s="1779"/>
      <c r="CG48" s="1779"/>
      <c r="CH48" s="1780"/>
    </row>
    <row r="49" spans="5:86" ht="5.25" customHeight="1">
      <c r="E49" s="1830"/>
      <c r="F49" s="1831"/>
      <c r="G49" s="1832"/>
      <c r="H49" s="1721"/>
      <c r="I49" s="1721"/>
      <c r="J49" s="1721"/>
      <c r="K49" s="1721"/>
      <c r="L49" s="1721"/>
      <c r="M49" s="1721"/>
      <c r="N49" s="1721"/>
      <c r="O49" s="1721"/>
      <c r="P49" s="1721"/>
      <c r="Q49" s="1721"/>
      <c r="R49" s="1721"/>
      <c r="S49" s="1674"/>
      <c r="T49" s="1675"/>
      <c r="U49" s="1427"/>
      <c r="V49" s="1427"/>
      <c r="W49" s="1679"/>
      <c r="X49" s="1680"/>
      <c r="Y49" s="1680"/>
      <c r="Z49" s="1680"/>
      <c r="AA49" s="1680"/>
      <c r="AB49" s="1680"/>
      <c r="AC49" s="1680"/>
      <c r="AD49" s="1680"/>
      <c r="AE49" s="1680"/>
      <c r="AF49" s="1680"/>
      <c r="AG49" s="1680"/>
      <c r="AH49" s="1680"/>
      <c r="AI49" s="1680"/>
      <c r="AJ49" s="1680"/>
      <c r="AK49" s="1681"/>
      <c r="AL49" s="1726"/>
      <c r="AM49" s="1726"/>
      <c r="AN49" s="1726"/>
      <c r="AO49" s="1726"/>
      <c r="AP49" s="1726"/>
      <c r="AQ49" s="1726"/>
      <c r="AR49" s="1726"/>
      <c r="AS49" s="1726"/>
      <c r="AT49" s="1726"/>
      <c r="AU49" s="1726"/>
      <c r="AV49" s="1726"/>
      <c r="AW49" s="1726"/>
      <c r="AX49" s="1726"/>
      <c r="AY49" s="1726"/>
      <c r="AZ49" s="1726"/>
      <c r="BA49" s="1715"/>
      <c r="BB49" s="1716"/>
      <c r="BC49" s="1716"/>
      <c r="BD49" s="1716"/>
      <c r="BE49" s="1716"/>
      <c r="BF49" s="1716"/>
      <c r="BG49" s="1716"/>
      <c r="BH49" s="1716"/>
      <c r="BI49" s="1716"/>
      <c r="BJ49" s="1716"/>
      <c r="BK49" s="1716"/>
      <c r="BL49" s="1716"/>
      <c r="BM49" s="1716"/>
      <c r="BN49" s="1716"/>
      <c r="BO49" s="1717"/>
      <c r="BP49" s="1631"/>
      <c r="BQ49" s="1632"/>
      <c r="BR49" s="1630"/>
      <c r="BS49" s="1630"/>
      <c r="BT49" s="1779"/>
      <c r="BU49" s="1779"/>
      <c r="BV49" s="1779"/>
      <c r="BW49" s="1779"/>
      <c r="BX49" s="1779"/>
      <c r="BY49" s="1779"/>
      <c r="BZ49" s="1779"/>
      <c r="CA49" s="1779"/>
      <c r="CB49" s="1779"/>
      <c r="CC49" s="1779"/>
      <c r="CD49" s="1779"/>
      <c r="CE49" s="1779"/>
      <c r="CF49" s="1779"/>
      <c r="CG49" s="1779"/>
      <c r="CH49" s="1780"/>
    </row>
    <row r="50" spans="5:86" ht="5.25" customHeight="1">
      <c r="E50" s="1830"/>
      <c r="F50" s="1831"/>
      <c r="G50" s="1832"/>
      <c r="H50" s="1721"/>
      <c r="I50" s="1721"/>
      <c r="J50" s="1721"/>
      <c r="K50" s="1721"/>
      <c r="L50" s="1721"/>
      <c r="M50" s="1721"/>
      <c r="N50" s="1721"/>
      <c r="O50" s="1721"/>
      <c r="P50" s="1721"/>
      <c r="Q50" s="1721"/>
      <c r="R50" s="1721"/>
      <c r="S50" s="1674"/>
      <c r="T50" s="1675"/>
      <c r="U50" s="1427"/>
      <c r="V50" s="1427"/>
      <c r="W50" s="1679"/>
      <c r="X50" s="1680"/>
      <c r="Y50" s="1680"/>
      <c r="Z50" s="1680"/>
      <c r="AA50" s="1680"/>
      <c r="AB50" s="1680"/>
      <c r="AC50" s="1680"/>
      <c r="AD50" s="1680"/>
      <c r="AE50" s="1680"/>
      <c r="AF50" s="1680"/>
      <c r="AG50" s="1680"/>
      <c r="AH50" s="1680"/>
      <c r="AI50" s="1680"/>
      <c r="AJ50" s="1680"/>
      <c r="AK50" s="1681"/>
      <c r="AL50" s="1726"/>
      <c r="AM50" s="1726"/>
      <c r="AN50" s="1726"/>
      <c r="AO50" s="1726"/>
      <c r="AP50" s="1726"/>
      <c r="AQ50" s="1726"/>
      <c r="AR50" s="1726"/>
      <c r="AS50" s="1726"/>
      <c r="AT50" s="1726"/>
      <c r="AU50" s="1726"/>
      <c r="AV50" s="1726"/>
      <c r="AW50" s="1726"/>
      <c r="AX50" s="1726"/>
      <c r="AY50" s="1726"/>
      <c r="AZ50" s="1726"/>
      <c r="BA50" s="1715"/>
      <c r="BB50" s="1716"/>
      <c r="BC50" s="1716"/>
      <c r="BD50" s="1716"/>
      <c r="BE50" s="1716"/>
      <c r="BF50" s="1716"/>
      <c r="BG50" s="1716"/>
      <c r="BH50" s="1716"/>
      <c r="BI50" s="1716"/>
      <c r="BJ50" s="1716"/>
      <c r="BK50" s="1716"/>
      <c r="BL50" s="1716"/>
      <c r="BM50" s="1716"/>
      <c r="BN50" s="1716"/>
      <c r="BO50" s="1717"/>
      <c r="BP50" s="1631"/>
      <c r="BQ50" s="1632"/>
      <c r="BR50" s="1630"/>
      <c r="BS50" s="1630"/>
      <c r="BT50" s="1779"/>
      <c r="BU50" s="1779"/>
      <c r="BV50" s="1779"/>
      <c r="BW50" s="1779"/>
      <c r="BX50" s="1779"/>
      <c r="BY50" s="1779"/>
      <c r="BZ50" s="1779"/>
      <c r="CA50" s="1779"/>
      <c r="CB50" s="1779"/>
      <c r="CC50" s="1779"/>
      <c r="CD50" s="1779"/>
      <c r="CE50" s="1779"/>
      <c r="CF50" s="1779"/>
      <c r="CG50" s="1779"/>
      <c r="CH50" s="1780"/>
    </row>
    <row r="51" spans="5:86" ht="5.25" customHeight="1">
      <c r="E51" s="1830"/>
      <c r="F51" s="1831"/>
      <c r="G51" s="1832"/>
      <c r="H51" s="1721"/>
      <c r="I51" s="1721"/>
      <c r="J51" s="1721"/>
      <c r="K51" s="1721"/>
      <c r="L51" s="1721"/>
      <c r="M51" s="1721"/>
      <c r="N51" s="1721"/>
      <c r="O51" s="1721"/>
      <c r="P51" s="1721"/>
      <c r="Q51" s="1721"/>
      <c r="R51" s="1721"/>
      <c r="S51" s="1674"/>
      <c r="T51" s="1675"/>
      <c r="U51" s="1427"/>
      <c r="V51" s="1427"/>
      <c r="W51" s="1679"/>
      <c r="X51" s="1680"/>
      <c r="Y51" s="1680"/>
      <c r="Z51" s="1680"/>
      <c r="AA51" s="1680"/>
      <c r="AB51" s="1680"/>
      <c r="AC51" s="1680"/>
      <c r="AD51" s="1680"/>
      <c r="AE51" s="1680"/>
      <c r="AF51" s="1680"/>
      <c r="AG51" s="1680"/>
      <c r="AH51" s="1680"/>
      <c r="AI51" s="1680"/>
      <c r="AJ51" s="1680"/>
      <c r="AK51" s="1681"/>
      <c r="AL51" s="1726"/>
      <c r="AM51" s="1726"/>
      <c r="AN51" s="1726"/>
      <c r="AO51" s="1726"/>
      <c r="AP51" s="1726"/>
      <c r="AQ51" s="1726"/>
      <c r="AR51" s="1726"/>
      <c r="AS51" s="1726"/>
      <c r="AT51" s="1726"/>
      <c r="AU51" s="1726"/>
      <c r="AV51" s="1726"/>
      <c r="AW51" s="1726"/>
      <c r="AX51" s="1726"/>
      <c r="AY51" s="1726"/>
      <c r="AZ51" s="1726"/>
      <c r="BA51" s="1748"/>
      <c r="BB51" s="1749"/>
      <c r="BC51" s="1749"/>
      <c r="BD51" s="1749"/>
      <c r="BE51" s="1749"/>
      <c r="BF51" s="1749"/>
      <c r="BG51" s="1749"/>
      <c r="BH51" s="1749"/>
      <c r="BI51" s="1749"/>
      <c r="BJ51" s="1749"/>
      <c r="BK51" s="1749"/>
      <c r="BL51" s="1749"/>
      <c r="BM51" s="1749"/>
      <c r="BN51" s="1749"/>
      <c r="BO51" s="1750"/>
      <c r="BP51" s="1631"/>
      <c r="BQ51" s="1632"/>
      <c r="BR51" s="1630"/>
      <c r="BS51" s="1630"/>
      <c r="BT51" s="1779"/>
      <c r="BU51" s="1779"/>
      <c r="BV51" s="1779"/>
      <c r="BW51" s="1779"/>
      <c r="BX51" s="1779"/>
      <c r="BY51" s="1779"/>
      <c r="BZ51" s="1779"/>
      <c r="CA51" s="1779"/>
      <c r="CB51" s="1779"/>
      <c r="CC51" s="1779"/>
      <c r="CD51" s="1779"/>
      <c r="CE51" s="1779"/>
      <c r="CF51" s="1779"/>
      <c r="CG51" s="1779"/>
      <c r="CH51" s="1780"/>
    </row>
    <row r="52" spans="5:86" ht="5.25" customHeight="1">
      <c r="E52" s="1830"/>
      <c r="F52" s="1831"/>
      <c r="G52" s="1832"/>
      <c r="H52" s="1721" t="s">
        <v>275</v>
      </c>
      <c r="I52" s="1721"/>
      <c r="J52" s="1721"/>
      <c r="K52" s="1721"/>
      <c r="L52" s="1721"/>
      <c r="M52" s="1721"/>
      <c r="N52" s="1721"/>
      <c r="O52" s="1721"/>
      <c r="P52" s="1721"/>
      <c r="Q52" s="1721"/>
      <c r="R52" s="1722"/>
      <c r="S52" s="1674" t="s">
        <v>382</v>
      </c>
      <c r="T52" s="1675"/>
      <c r="U52" s="1427"/>
      <c r="V52" s="1427"/>
      <c r="W52" s="1679"/>
      <c r="X52" s="1680"/>
      <c r="Y52" s="1680"/>
      <c r="Z52" s="1680"/>
      <c r="AA52" s="1680"/>
      <c r="AB52" s="1680"/>
      <c r="AC52" s="1680"/>
      <c r="AD52" s="1680"/>
      <c r="AE52" s="1680"/>
      <c r="AF52" s="1680"/>
      <c r="AG52" s="1680"/>
      <c r="AH52" s="1680"/>
      <c r="AI52" s="1680"/>
      <c r="AJ52" s="1680"/>
      <c r="AK52" s="1681"/>
      <c r="AL52" s="1751"/>
      <c r="AM52" s="1752"/>
      <c r="AN52" s="1752"/>
      <c r="AO52" s="1752"/>
      <c r="AP52" s="1752"/>
      <c r="AQ52" s="1752"/>
      <c r="AR52" s="1752"/>
      <c r="AS52" s="1752"/>
      <c r="AT52" s="1752"/>
      <c r="AU52" s="1752"/>
      <c r="AV52" s="1752"/>
      <c r="AW52" s="1752"/>
      <c r="AX52" s="1752"/>
      <c r="AY52" s="1752"/>
      <c r="AZ52" s="1752"/>
      <c r="BA52" s="1712"/>
      <c r="BB52" s="1713"/>
      <c r="BC52" s="1713"/>
      <c r="BD52" s="1713"/>
      <c r="BE52" s="1713"/>
      <c r="BF52" s="1713"/>
      <c r="BG52" s="1713"/>
      <c r="BH52" s="1713"/>
      <c r="BI52" s="1713"/>
      <c r="BJ52" s="1713"/>
      <c r="BK52" s="1713"/>
      <c r="BL52" s="1713"/>
      <c r="BM52" s="1713"/>
      <c r="BN52" s="1713"/>
      <c r="BO52" s="1714"/>
      <c r="BP52" s="1628" t="s">
        <v>369</v>
      </c>
      <c r="BQ52" s="1629"/>
      <c r="BR52" s="1630"/>
      <c r="BS52" s="1630"/>
      <c r="BT52" s="1779"/>
      <c r="BU52" s="1779"/>
      <c r="BV52" s="1779"/>
      <c r="BW52" s="1779"/>
      <c r="BX52" s="1779"/>
      <c r="BY52" s="1779"/>
      <c r="BZ52" s="1779"/>
      <c r="CA52" s="1779"/>
      <c r="CB52" s="1779"/>
      <c r="CC52" s="1779"/>
      <c r="CD52" s="1779"/>
      <c r="CE52" s="1779"/>
      <c r="CF52" s="1779"/>
      <c r="CG52" s="1779"/>
      <c r="CH52" s="1780"/>
    </row>
    <row r="53" spans="5:86" ht="5.25" customHeight="1">
      <c r="E53" s="1830"/>
      <c r="F53" s="1831"/>
      <c r="G53" s="1832"/>
      <c r="H53" s="1721"/>
      <c r="I53" s="1721"/>
      <c r="J53" s="1721"/>
      <c r="K53" s="1721"/>
      <c r="L53" s="1721"/>
      <c r="M53" s="1721"/>
      <c r="N53" s="1721"/>
      <c r="O53" s="1721"/>
      <c r="P53" s="1721"/>
      <c r="Q53" s="1721"/>
      <c r="R53" s="1722"/>
      <c r="S53" s="1674"/>
      <c r="T53" s="1675"/>
      <c r="U53" s="1427"/>
      <c r="V53" s="1427"/>
      <c r="W53" s="1679"/>
      <c r="X53" s="1680"/>
      <c r="Y53" s="1680"/>
      <c r="Z53" s="1680"/>
      <c r="AA53" s="1680"/>
      <c r="AB53" s="1680"/>
      <c r="AC53" s="1680"/>
      <c r="AD53" s="1680"/>
      <c r="AE53" s="1680"/>
      <c r="AF53" s="1680"/>
      <c r="AG53" s="1680"/>
      <c r="AH53" s="1680"/>
      <c r="AI53" s="1680"/>
      <c r="AJ53" s="1680"/>
      <c r="AK53" s="1681"/>
      <c r="AL53" s="1751"/>
      <c r="AM53" s="1752"/>
      <c r="AN53" s="1752"/>
      <c r="AO53" s="1752"/>
      <c r="AP53" s="1752"/>
      <c r="AQ53" s="1752"/>
      <c r="AR53" s="1752"/>
      <c r="AS53" s="1752"/>
      <c r="AT53" s="1752"/>
      <c r="AU53" s="1752"/>
      <c r="AV53" s="1752"/>
      <c r="AW53" s="1752"/>
      <c r="AX53" s="1752"/>
      <c r="AY53" s="1752"/>
      <c r="AZ53" s="1752"/>
      <c r="BA53" s="1715"/>
      <c r="BB53" s="1716"/>
      <c r="BC53" s="1716"/>
      <c r="BD53" s="1716"/>
      <c r="BE53" s="1716"/>
      <c r="BF53" s="1716"/>
      <c r="BG53" s="1716"/>
      <c r="BH53" s="1716"/>
      <c r="BI53" s="1716"/>
      <c r="BJ53" s="1716"/>
      <c r="BK53" s="1716"/>
      <c r="BL53" s="1716"/>
      <c r="BM53" s="1716"/>
      <c r="BN53" s="1716"/>
      <c r="BO53" s="1717"/>
      <c r="BP53" s="1631"/>
      <c r="BQ53" s="1632"/>
      <c r="BR53" s="1630"/>
      <c r="BS53" s="1630"/>
      <c r="BT53" s="1779"/>
      <c r="BU53" s="1779"/>
      <c r="BV53" s="1779"/>
      <c r="BW53" s="1779"/>
      <c r="BX53" s="1779"/>
      <c r="BY53" s="1779"/>
      <c r="BZ53" s="1779"/>
      <c r="CA53" s="1779"/>
      <c r="CB53" s="1779"/>
      <c r="CC53" s="1779"/>
      <c r="CD53" s="1779"/>
      <c r="CE53" s="1779"/>
      <c r="CF53" s="1779"/>
      <c r="CG53" s="1779"/>
      <c r="CH53" s="1780"/>
    </row>
    <row r="54" spans="5:86" ht="5.25" customHeight="1">
      <c r="E54" s="1830"/>
      <c r="F54" s="1831"/>
      <c r="G54" s="1832"/>
      <c r="H54" s="1721"/>
      <c r="I54" s="1721"/>
      <c r="J54" s="1721"/>
      <c r="K54" s="1721"/>
      <c r="L54" s="1721"/>
      <c r="M54" s="1721"/>
      <c r="N54" s="1721"/>
      <c r="O54" s="1721"/>
      <c r="P54" s="1721"/>
      <c r="Q54" s="1721"/>
      <c r="R54" s="1722"/>
      <c r="S54" s="1674"/>
      <c r="T54" s="1675"/>
      <c r="U54" s="1427"/>
      <c r="V54" s="1427"/>
      <c r="W54" s="1679"/>
      <c r="X54" s="1680"/>
      <c r="Y54" s="1680"/>
      <c r="Z54" s="1680"/>
      <c r="AA54" s="1680"/>
      <c r="AB54" s="1680"/>
      <c r="AC54" s="1680"/>
      <c r="AD54" s="1680"/>
      <c r="AE54" s="1680"/>
      <c r="AF54" s="1680"/>
      <c r="AG54" s="1680"/>
      <c r="AH54" s="1680"/>
      <c r="AI54" s="1680"/>
      <c r="AJ54" s="1680"/>
      <c r="AK54" s="1681"/>
      <c r="AL54" s="1751"/>
      <c r="AM54" s="1752"/>
      <c r="AN54" s="1752"/>
      <c r="AO54" s="1752"/>
      <c r="AP54" s="1752"/>
      <c r="AQ54" s="1752"/>
      <c r="AR54" s="1752"/>
      <c r="AS54" s="1752"/>
      <c r="AT54" s="1752"/>
      <c r="AU54" s="1752"/>
      <c r="AV54" s="1752"/>
      <c r="AW54" s="1752"/>
      <c r="AX54" s="1752"/>
      <c r="AY54" s="1752"/>
      <c r="AZ54" s="1752"/>
      <c r="BA54" s="1715"/>
      <c r="BB54" s="1716"/>
      <c r="BC54" s="1716"/>
      <c r="BD54" s="1716"/>
      <c r="BE54" s="1716"/>
      <c r="BF54" s="1716"/>
      <c r="BG54" s="1716"/>
      <c r="BH54" s="1716"/>
      <c r="BI54" s="1716"/>
      <c r="BJ54" s="1716"/>
      <c r="BK54" s="1716"/>
      <c r="BL54" s="1716"/>
      <c r="BM54" s="1716"/>
      <c r="BN54" s="1716"/>
      <c r="BO54" s="1717"/>
      <c r="BP54" s="1631"/>
      <c r="BQ54" s="1632"/>
      <c r="BR54" s="1630"/>
      <c r="BS54" s="1630"/>
      <c r="BT54" s="1779"/>
      <c r="BU54" s="1779"/>
      <c r="BV54" s="1779"/>
      <c r="BW54" s="1779"/>
      <c r="BX54" s="1779"/>
      <c r="BY54" s="1779"/>
      <c r="BZ54" s="1779"/>
      <c r="CA54" s="1779"/>
      <c r="CB54" s="1779"/>
      <c r="CC54" s="1779"/>
      <c r="CD54" s="1779"/>
      <c r="CE54" s="1779"/>
      <c r="CF54" s="1779"/>
      <c r="CG54" s="1779"/>
      <c r="CH54" s="1780"/>
    </row>
    <row r="55" spans="5:86" ht="5.25" customHeight="1">
      <c r="E55" s="1830"/>
      <c r="F55" s="1831"/>
      <c r="G55" s="1832"/>
      <c r="H55" s="1721"/>
      <c r="I55" s="1721"/>
      <c r="J55" s="1721"/>
      <c r="K55" s="1721"/>
      <c r="L55" s="1721"/>
      <c r="M55" s="1721"/>
      <c r="N55" s="1721"/>
      <c r="O55" s="1721"/>
      <c r="P55" s="1721"/>
      <c r="Q55" s="1721"/>
      <c r="R55" s="1722"/>
      <c r="S55" s="1674"/>
      <c r="T55" s="1675"/>
      <c r="U55" s="1427"/>
      <c r="V55" s="1427"/>
      <c r="W55" s="1679"/>
      <c r="X55" s="1680"/>
      <c r="Y55" s="1680"/>
      <c r="Z55" s="1680"/>
      <c r="AA55" s="1680"/>
      <c r="AB55" s="1680"/>
      <c r="AC55" s="1680"/>
      <c r="AD55" s="1680"/>
      <c r="AE55" s="1680"/>
      <c r="AF55" s="1680"/>
      <c r="AG55" s="1680"/>
      <c r="AH55" s="1680"/>
      <c r="AI55" s="1680"/>
      <c r="AJ55" s="1680"/>
      <c r="AK55" s="1681"/>
      <c r="AL55" s="1751"/>
      <c r="AM55" s="1752"/>
      <c r="AN55" s="1752"/>
      <c r="AO55" s="1752"/>
      <c r="AP55" s="1752"/>
      <c r="AQ55" s="1752"/>
      <c r="AR55" s="1752"/>
      <c r="AS55" s="1752"/>
      <c r="AT55" s="1752"/>
      <c r="AU55" s="1752"/>
      <c r="AV55" s="1752"/>
      <c r="AW55" s="1752"/>
      <c r="AX55" s="1752"/>
      <c r="AY55" s="1752"/>
      <c r="AZ55" s="1752"/>
      <c r="BA55" s="1748"/>
      <c r="BB55" s="1749"/>
      <c r="BC55" s="1749"/>
      <c r="BD55" s="1749"/>
      <c r="BE55" s="1749"/>
      <c r="BF55" s="1749"/>
      <c r="BG55" s="1749"/>
      <c r="BH55" s="1749"/>
      <c r="BI55" s="1749"/>
      <c r="BJ55" s="1749"/>
      <c r="BK55" s="1749"/>
      <c r="BL55" s="1749"/>
      <c r="BM55" s="1749"/>
      <c r="BN55" s="1749"/>
      <c r="BO55" s="1750"/>
      <c r="BP55" s="1631"/>
      <c r="BQ55" s="1632"/>
      <c r="BR55" s="1630"/>
      <c r="BS55" s="1630"/>
      <c r="BT55" s="1779"/>
      <c r="BU55" s="1779"/>
      <c r="BV55" s="1779"/>
      <c r="BW55" s="1779"/>
      <c r="BX55" s="1779"/>
      <c r="BY55" s="1779"/>
      <c r="BZ55" s="1779"/>
      <c r="CA55" s="1779"/>
      <c r="CB55" s="1779"/>
      <c r="CC55" s="1779"/>
      <c r="CD55" s="1779"/>
      <c r="CE55" s="1779"/>
      <c r="CF55" s="1779"/>
      <c r="CG55" s="1779"/>
      <c r="CH55" s="1780"/>
    </row>
    <row r="56" spans="5:86" ht="5.25" customHeight="1">
      <c r="E56" s="1830"/>
      <c r="F56" s="1831"/>
      <c r="G56" s="1832"/>
      <c r="H56" s="1811" t="s">
        <v>307</v>
      </c>
      <c r="I56" s="1812"/>
      <c r="J56" s="1813"/>
      <c r="K56" s="1770" t="s">
        <v>308</v>
      </c>
      <c r="L56" s="1771"/>
      <c r="M56" s="1771"/>
      <c r="N56" s="1771"/>
      <c r="O56" s="1771"/>
      <c r="P56" s="1771"/>
      <c r="Q56" s="1771"/>
      <c r="R56" s="1772"/>
      <c r="S56" s="1674" t="s">
        <v>383</v>
      </c>
      <c r="T56" s="1675"/>
      <c r="U56" s="1427"/>
      <c r="V56" s="1427"/>
      <c r="W56" s="1679"/>
      <c r="X56" s="1680"/>
      <c r="Y56" s="1680"/>
      <c r="Z56" s="1680"/>
      <c r="AA56" s="1680"/>
      <c r="AB56" s="1680"/>
      <c r="AC56" s="1680"/>
      <c r="AD56" s="1680"/>
      <c r="AE56" s="1680"/>
      <c r="AF56" s="1680"/>
      <c r="AG56" s="1680"/>
      <c r="AH56" s="1680"/>
      <c r="AI56" s="1680"/>
      <c r="AJ56" s="1680"/>
      <c r="AK56" s="1681"/>
      <c r="AL56" s="1751"/>
      <c r="AM56" s="1752"/>
      <c r="AN56" s="1752"/>
      <c r="AO56" s="1752"/>
      <c r="AP56" s="1752"/>
      <c r="AQ56" s="1752"/>
      <c r="AR56" s="1752"/>
      <c r="AS56" s="1752"/>
      <c r="AT56" s="1752"/>
      <c r="AU56" s="1752"/>
      <c r="AV56" s="1752"/>
      <c r="AW56" s="1752"/>
      <c r="AX56" s="1752"/>
      <c r="AY56" s="1752"/>
      <c r="AZ56" s="1752"/>
      <c r="BA56" s="1712"/>
      <c r="BB56" s="1713"/>
      <c r="BC56" s="1713"/>
      <c r="BD56" s="1713"/>
      <c r="BE56" s="1713"/>
      <c r="BF56" s="1713"/>
      <c r="BG56" s="1713"/>
      <c r="BH56" s="1713"/>
      <c r="BI56" s="1713"/>
      <c r="BJ56" s="1713"/>
      <c r="BK56" s="1713"/>
      <c r="BL56" s="1713"/>
      <c r="BM56" s="1713"/>
      <c r="BN56" s="1713"/>
      <c r="BO56" s="1714"/>
      <c r="BP56" s="1793" t="s">
        <v>370</v>
      </c>
      <c r="BQ56" s="1794"/>
      <c r="BR56" s="1795"/>
      <c r="BS56" s="1632"/>
      <c r="BT56" s="1800"/>
      <c r="BU56" s="1801"/>
      <c r="BV56" s="1801"/>
      <c r="BW56" s="1801"/>
      <c r="BX56" s="1801"/>
      <c r="BY56" s="1801"/>
      <c r="BZ56" s="1801"/>
      <c r="CA56" s="1801"/>
      <c r="CB56" s="1801"/>
      <c r="CC56" s="1801"/>
      <c r="CD56" s="1801"/>
      <c r="CE56" s="1801"/>
      <c r="CF56" s="1801"/>
      <c r="CG56" s="1801"/>
      <c r="CH56" s="1802"/>
    </row>
    <row r="57" spans="5:86" ht="5.25" customHeight="1">
      <c r="E57" s="1830"/>
      <c r="F57" s="1831"/>
      <c r="G57" s="1832"/>
      <c r="H57" s="1814"/>
      <c r="I57" s="1815"/>
      <c r="J57" s="1816"/>
      <c r="K57" s="1773"/>
      <c r="L57" s="1774"/>
      <c r="M57" s="1774"/>
      <c r="N57" s="1774"/>
      <c r="O57" s="1774"/>
      <c r="P57" s="1774"/>
      <c r="Q57" s="1774"/>
      <c r="R57" s="1775"/>
      <c r="S57" s="1674"/>
      <c r="T57" s="1675"/>
      <c r="U57" s="1427"/>
      <c r="V57" s="1427"/>
      <c r="W57" s="1679"/>
      <c r="X57" s="1680"/>
      <c r="Y57" s="1680"/>
      <c r="Z57" s="1680"/>
      <c r="AA57" s="1680"/>
      <c r="AB57" s="1680"/>
      <c r="AC57" s="1680"/>
      <c r="AD57" s="1680"/>
      <c r="AE57" s="1680"/>
      <c r="AF57" s="1680"/>
      <c r="AG57" s="1680"/>
      <c r="AH57" s="1680"/>
      <c r="AI57" s="1680"/>
      <c r="AJ57" s="1680"/>
      <c r="AK57" s="1681"/>
      <c r="AL57" s="1751"/>
      <c r="AM57" s="1752"/>
      <c r="AN57" s="1752"/>
      <c r="AO57" s="1752"/>
      <c r="AP57" s="1752"/>
      <c r="AQ57" s="1752"/>
      <c r="AR57" s="1752"/>
      <c r="AS57" s="1752"/>
      <c r="AT57" s="1752"/>
      <c r="AU57" s="1752"/>
      <c r="AV57" s="1752"/>
      <c r="AW57" s="1752"/>
      <c r="AX57" s="1752"/>
      <c r="AY57" s="1752"/>
      <c r="AZ57" s="1752"/>
      <c r="BA57" s="1715"/>
      <c r="BB57" s="1716"/>
      <c r="BC57" s="1716"/>
      <c r="BD57" s="1716"/>
      <c r="BE57" s="1716"/>
      <c r="BF57" s="1716"/>
      <c r="BG57" s="1716"/>
      <c r="BH57" s="1716"/>
      <c r="BI57" s="1716"/>
      <c r="BJ57" s="1716"/>
      <c r="BK57" s="1716"/>
      <c r="BL57" s="1716"/>
      <c r="BM57" s="1716"/>
      <c r="BN57" s="1716"/>
      <c r="BO57" s="1717"/>
      <c r="BP57" s="1796"/>
      <c r="BQ57" s="1795"/>
      <c r="BR57" s="1795"/>
      <c r="BS57" s="1632"/>
      <c r="BT57" s="1800"/>
      <c r="BU57" s="1801"/>
      <c r="BV57" s="1801"/>
      <c r="BW57" s="1801"/>
      <c r="BX57" s="1801"/>
      <c r="BY57" s="1801"/>
      <c r="BZ57" s="1801"/>
      <c r="CA57" s="1801"/>
      <c r="CB57" s="1801"/>
      <c r="CC57" s="1801"/>
      <c r="CD57" s="1801"/>
      <c r="CE57" s="1801"/>
      <c r="CF57" s="1801"/>
      <c r="CG57" s="1801"/>
      <c r="CH57" s="1802"/>
    </row>
    <row r="58" spans="5:86" ht="5.25" customHeight="1">
      <c r="E58" s="1830"/>
      <c r="F58" s="1831"/>
      <c r="G58" s="1832"/>
      <c r="H58" s="1814"/>
      <c r="I58" s="1815"/>
      <c r="J58" s="1816"/>
      <c r="K58" s="1773"/>
      <c r="L58" s="1774"/>
      <c r="M58" s="1774"/>
      <c r="N58" s="1774"/>
      <c r="O58" s="1774"/>
      <c r="P58" s="1774"/>
      <c r="Q58" s="1774"/>
      <c r="R58" s="1775"/>
      <c r="S58" s="1674"/>
      <c r="T58" s="1675"/>
      <c r="U58" s="1427"/>
      <c r="V58" s="1427"/>
      <c r="W58" s="1679"/>
      <c r="X58" s="1680"/>
      <c r="Y58" s="1680"/>
      <c r="Z58" s="1680"/>
      <c r="AA58" s="1680"/>
      <c r="AB58" s="1680"/>
      <c r="AC58" s="1680"/>
      <c r="AD58" s="1680"/>
      <c r="AE58" s="1680"/>
      <c r="AF58" s="1680"/>
      <c r="AG58" s="1680"/>
      <c r="AH58" s="1680"/>
      <c r="AI58" s="1680"/>
      <c r="AJ58" s="1680"/>
      <c r="AK58" s="1681"/>
      <c r="AL58" s="1751"/>
      <c r="AM58" s="1752"/>
      <c r="AN58" s="1752"/>
      <c r="AO58" s="1752"/>
      <c r="AP58" s="1752"/>
      <c r="AQ58" s="1752"/>
      <c r="AR58" s="1752"/>
      <c r="AS58" s="1752"/>
      <c r="AT58" s="1752"/>
      <c r="AU58" s="1752"/>
      <c r="AV58" s="1752"/>
      <c r="AW58" s="1752"/>
      <c r="AX58" s="1752"/>
      <c r="AY58" s="1752"/>
      <c r="AZ58" s="1752"/>
      <c r="BA58" s="1715"/>
      <c r="BB58" s="1716"/>
      <c r="BC58" s="1716"/>
      <c r="BD58" s="1716"/>
      <c r="BE58" s="1716"/>
      <c r="BF58" s="1716"/>
      <c r="BG58" s="1716"/>
      <c r="BH58" s="1716"/>
      <c r="BI58" s="1716"/>
      <c r="BJ58" s="1716"/>
      <c r="BK58" s="1716"/>
      <c r="BL58" s="1716"/>
      <c r="BM58" s="1716"/>
      <c r="BN58" s="1716"/>
      <c r="BO58" s="1717"/>
      <c r="BP58" s="1796"/>
      <c r="BQ58" s="1795"/>
      <c r="BR58" s="1795"/>
      <c r="BS58" s="1632"/>
      <c r="BT58" s="1800"/>
      <c r="BU58" s="1801"/>
      <c r="BV58" s="1801"/>
      <c r="BW58" s="1801"/>
      <c r="BX58" s="1801"/>
      <c r="BY58" s="1801"/>
      <c r="BZ58" s="1801"/>
      <c r="CA58" s="1801"/>
      <c r="CB58" s="1801"/>
      <c r="CC58" s="1801"/>
      <c r="CD58" s="1801"/>
      <c r="CE58" s="1801"/>
      <c r="CF58" s="1801"/>
      <c r="CG58" s="1801"/>
      <c r="CH58" s="1802"/>
    </row>
    <row r="59" spans="5:86" ht="5.25" customHeight="1">
      <c r="E59" s="1830"/>
      <c r="F59" s="1831"/>
      <c r="G59" s="1832"/>
      <c r="H59" s="1814"/>
      <c r="I59" s="1815"/>
      <c r="J59" s="1816"/>
      <c r="K59" s="1776"/>
      <c r="L59" s="1777"/>
      <c r="M59" s="1777"/>
      <c r="N59" s="1777"/>
      <c r="O59" s="1777"/>
      <c r="P59" s="1777"/>
      <c r="Q59" s="1777"/>
      <c r="R59" s="1778"/>
      <c r="S59" s="1674"/>
      <c r="T59" s="1675"/>
      <c r="U59" s="1427"/>
      <c r="V59" s="1427"/>
      <c r="W59" s="1679"/>
      <c r="X59" s="1680"/>
      <c r="Y59" s="1680"/>
      <c r="Z59" s="1680"/>
      <c r="AA59" s="1680"/>
      <c r="AB59" s="1680"/>
      <c r="AC59" s="1680"/>
      <c r="AD59" s="1680"/>
      <c r="AE59" s="1680"/>
      <c r="AF59" s="1680"/>
      <c r="AG59" s="1680"/>
      <c r="AH59" s="1680"/>
      <c r="AI59" s="1680"/>
      <c r="AJ59" s="1680"/>
      <c r="AK59" s="1681"/>
      <c r="AL59" s="1751"/>
      <c r="AM59" s="1752"/>
      <c r="AN59" s="1752"/>
      <c r="AO59" s="1752"/>
      <c r="AP59" s="1752"/>
      <c r="AQ59" s="1752"/>
      <c r="AR59" s="1752"/>
      <c r="AS59" s="1752"/>
      <c r="AT59" s="1752"/>
      <c r="AU59" s="1752"/>
      <c r="AV59" s="1752"/>
      <c r="AW59" s="1752"/>
      <c r="AX59" s="1752"/>
      <c r="AY59" s="1752"/>
      <c r="AZ59" s="1752"/>
      <c r="BA59" s="1748"/>
      <c r="BB59" s="1749"/>
      <c r="BC59" s="1749"/>
      <c r="BD59" s="1749"/>
      <c r="BE59" s="1749"/>
      <c r="BF59" s="1749"/>
      <c r="BG59" s="1749"/>
      <c r="BH59" s="1749"/>
      <c r="BI59" s="1749"/>
      <c r="BJ59" s="1749"/>
      <c r="BK59" s="1749"/>
      <c r="BL59" s="1749"/>
      <c r="BM59" s="1749"/>
      <c r="BN59" s="1749"/>
      <c r="BO59" s="1750"/>
      <c r="BP59" s="1796"/>
      <c r="BQ59" s="1795"/>
      <c r="BR59" s="1795"/>
      <c r="BS59" s="1632"/>
      <c r="BT59" s="1800"/>
      <c r="BU59" s="1801"/>
      <c r="BV59" s="1801"/>
      <c r="BW59" s="1801"/>
      <c r="BX59" s="1801"/>
      <c r="BY59" s="1801"/>
      <c r="BZ59" s="1801"/>
      <c r="CA59" s="1801"/>
      <c r="CB59" s="1801"/>
      <c r="CC59" s="1801"/>
      <c r="CD59" s="1801"/>
      <c r="CE59" s="1801"/>
      <c r="CF59" s="1801"/>
      <c r="CG59" s="1801"/>
      <c r="CH59" s="1802"/>
    </row>
    <row r="60" spans="5:86" ht="5.25" customHeight="1">
      <c r="E60" s="1830"/>
      <c r="F60" s="1831"/>
      <c r="G60" s="1832"/>
      <c r="H60" s="1814"/>
      <c r="I60" s="1815"/>
      <c r="J60" s="1816"/>
      <c r="K60" s="1665" t="s">
        <v>439</v>
      </c>
      <c r="L60" s="1666"/>
      <c r="M60" s="1666"/>
      <c r="N60" s="1666"/>
      <c r="O60" s="1666"/>
      <c r="P60" s="1666"/>
      <c r="Q60" s="1666"/>
      <c r="R60" s="1667"/>
      <c r="S60" s="1674" t="s">
        <v>384</v>
      </c>
      <c r="T60" s="1675"/>
      <c r="U60" s="1427"/>
      <c r="V60" s="1427"/>
      <c r="W60" s="1679"/>
      <c r="X60" s="1680"/>
      <c r="Y60" s="1680"/>
      <c r="Z60" s="1680"/>
      <c r="AA60" s="1680"/>
      <c r="AB60" s="1680"/>
      <c r="AC60" s="1680"/>
      <c r="AD60" s="1680"/>
      <c r="AE60" s="1680"/>
      <c r="AF60" s="1680"/>
      <c r="AG60" s="1680"/>
      <c r="AH60" s="1680"/>
      <c r="AI60" s="1680"/>
      <c r="AJ60" s="1680"/>
      <c r="AK60" s="1681"/>
      <c r="AL60" s="1726"/>
      <c r="AM60" s="1726"/>
      <c r="AN60" s="1726"/>
      <c r="AO60" s="1726"/>
      <c r="AP60" s="1726"/>
      <c r="AQ60" s="1726"/>
      <c r="AR60" s="1726"/>
      <c r="AS60" s="1726"/>
      <c r="AT60" s="1726"/>
      <c r="AU60" s="1726"/>
      <c r="AV60" s="1726"/>
      <c r="AW60" s="1726"/>
      <c r="AX60" s="1726"/>
      <c r="AY60" s="1726"/>
      <c r="AZ60" s="1726"/>
      <c r="BA60" s="1712"/>
      <c r="BB60" s="1713"/>
      <c r="BC60" s="1713"/>
      <c r="BD60" s="1713"/>
      <c r="BE60" s="1713"/>
      <c r="BF60" s="1713"/>
      <c r="BG60" s="1713"/>
      <c r="BH60" s="1713"/>
      <c r="BI60" s="1713"/>
      <c r="BJ60" s="1713"/>
      <c r="BK60" s="1713"/>
      <c r="BL60" s="1713"/>
      <c r="BM60" s="1713"/>
      <c r="BN60" s="1713"/>
      <c r="BO60" s="1714"/>
      <c r="BP60" s="1796"/>
      <c r="BQ60" s="1795"/>
      <c r="BR60" s="1795"/>
      <c r="BS60" s="1632"/>
      <c r="BT60" s="1800"/>
      <c r="BU60" s="1801"/>
      <c r="BV60" s="1801"/>
      <c r="BW60" s="1801"/>
      <c r="BX60" s="1801"/>
      <c r="BY60" s="1801"/>
      <c r="BZ60" s="1801"/>
      <c r="CA60" s="1801"/>
      <c r="CB60" s="1801"/>
      <c r="CC60" s="1801"/>
      <c r="CD60" s="1801"/>
      <c r="CE60" s="1801"/>
      <c r="CF60" s="1801"/>
      <c r="CG60" s="1801"/>
      <c r="CH60" s="1802"/>
    </row>
    <row r="61" spans="5:86" ht="5.25" customHeight="1">
      <c r="E61" s="1830"/>
      <c r="F61" s="1831"/>
      <c r="G61" s="1832"/>
      <c r="H61" s="1814"/>
      <c r="I61" s="1815"/>
      <c r="J61" s="1816"/>
      <c r="K61" s="1668"/>
      <c r="L61" s="1669"/>
      <c r="M61" s="1669"/>
      <c r="N61" s="1669"/>
      <c r="O61" s="1669"/>
      <c r="P61" s="1669"/>
      <c r="Q61" s="1669"/>
      <c r="R61" s="1670"/>
      <c r="S61" s="1674"/>
      <c r="T61" s="1675"/>
      <c r="U61" s="1427"/>
      <c r="V61" s="1427"/>
      <c r="W61" s="1679"/>
      <c r="X61" s="1680"/>
      <c r="Y61" s="1680"/>
      <c r="Z61" s="1680"/>
      <c r="AA61" s="1680"/>
      <c r="AB61" s="1680"/>
      <c r="AC61" s="1680"/>
      <c r="AD61" s="1680"/>
      <c r="AE61" s="1680"/>
      <c r="AF61" s="1680"/>
      <c r="AG61" s="1680"/>
      <c r="AH61" s="1680"/>
      <c r="AI61" s="1680"/>
      <c r="AJ61" s="1680"/>
      <c r="AK61" s="1681"/>
      <c r="AL61" s="1726"/>
      <c r="AM61" s="1726"/>
      <c r="AN61" s="1726"/>
      <c r="AO61" s="1726"/>
      <c r="AP61" s="1726"/>
      <c r="AQ61" s="1726"/>
      <c r="AR61" s="1726"/>
      <c r="AS61" s="1726"/>
      <c r="AT61" s="1726"/>
      <c r="AU61" s="1726"/>
      <c r="AV61" s="1726"/>
      <c r="AW61" s="1726"/>
      <c r="AX61" s="1726"/>
      <c r="AY61" s="1726"/>
      <c r="AZ61" s="1726"/>
      <c r="BA61" s="1715"/>
      <c r="BB61" s="1716"/>
      <c r="BC61" s="1716"/>
      <c r="BD61" s="1716"/>
      <c r="BE61" s="1716"/>
      <c r="BF61" s="1716"/>
      <c r="BG61" s="1716"/>
      <c r="BH61" s="1716"/>
      <c r="BI61" s="1716"/>
      <c r="BJ61" s="1716"/>
      <c r="BK61" s="1716"/>
      <c r="BL61" s="1716"/>
      <c r="BM61" s="1716"/>
      <c r="BN61" s="1716"/>
      <c r="BO61" s="1717"/>
      <c r="BP61" s="1796"/>
      <c r="BQ61" s="1795"/>
      <c r="BR61" s="1795"/>
      <c r="BS61" s="1632"/>
      <c r="BT61" s="1800"/>
      <c r="BU61" s="1801"/>
      <c r="BV61" s="1801"/>
      <c r="BW61" s="1801"/>
      <c r="BX61" s="1801"/>
      <c r="BY61" s="1801"/>
      <c r="BZ61" s="1801"/>
      <c r="CA61" s="1801"/>
      <c r="CB61" s="1801"/>
      <c r="CC61" s="1801"/>
      <c r="CD61" s="1801"/>
      <c r="CE61" s="1801"/>
      <c r="CF61" s="1801"/>
      <c r="CG61" s="1801"/>
      <c r="CH61" s="1802"/>
    </row>
    <row r="62" spans="5:86" ht="5.25" customHeight="1">
      <c r="E62" s="1830"/>
      <c r="F62" s="1831"/>
      <c r="G62" s="1832"/>
      <c r="H62" s="1814"/>
      <c r="I62" s="1815"/>
      <c r="J62" s="1816"/>
      <c r="K62" s="1668"/>
      <c r="L62" s="1669"/>
      <c r="M62" s="1669"/>
      <c r="N62" s="1669"/>
      <c r="O62" s="1669"/>
      <c r="P62" s="1669"/>
      <c r="Q62" s="1669"/>
      <c r="R62" s="1670"/>
      <c r="S62" s="1674"/>
      <c r="T62" s="1675"/>
      <c r="U62" s="1427"/>
      <c r="V62" s="1427"/>
      <c r="W62" s="1679"/>
      <c r="X62" s="1680"/>
      <c r="Y62" s="1680"/>
      <c r="Z62" s="1680"/>
      <c r="AA62" s="1680"/>
      <c r="AB62" s="1680"/>
      <c r="AC62" s="1680"/>
      <c r="AD62" s="1680"/>
      <c r="AE62" s="1680"/>
      <c r="AF62" s="1680"/>
      <c r="AG62" s="1680"/>
      <c r="AH62" s="1680"/>
      <c r="AI62" s="1680"/>
      <c r="AJ62" s="1680"/>
      <c r="AK62" s="1681"/>
      <c r="AL62" s="1726"/>
      <c r="AM62" s="1726"/>
      <c r="AN62" s="1726"/>
      <c r="AO62" s="1726"/>
      <c r="AP62" s="1726"/>
      <c r="AQ62" s="1726"/>
      <c r="AR62" s="1726"/>
      <c r="AS62" s="1726"/>
      <c r="AT62" s="1726"/>
      <c r="AU62" s="1726"/>
      <c r="AV62" s="1726"/>
      <c r="AW62" s="1726"/>
      <c r="AX62" s="1726"/>
      <c r="AY62" s="1726"/>
      <c r="AZ62" s="1726"/>
      <c r="BA62" s="1715"/>
      <c r="BB62" s="1716"/>
      <c r="BC62" s="1716"/>
      <c r="BD62" s="1716"/>
      <c r="BE62" s="1716"/>
      <c r="BF62" s="1716"/>
      <c r="BG62" s="1716"/>
      <c r="BH62" s="1716"/>
      <c r="BI62" s="1716"/>
      <c r="BJ62" s="1716"/>
      <c r="BK62" s="1716"/>
      <c r="BL62" s="1716"/>
      <c r="BM62" s="1716"/>
      <c r="BN62" s="1716"/>
      <c r="BO62" s="1717"/>
      <c r="BP62" s="1796"/>
      <c r="BQ62" s="1795"/>
      <c r="BR62" s="1795"/>
      <c r="BS62" s="1632"/>
      <c r="BT62" s="1800"/>
      <c r="BU62" s="1801"/>
      <c r="BV62" s="1801"/>
      <c r="BW62" s="1801"/>
      <c r="BX62" s="1801"/>
      <c r="BY62" s="1801"/>
      <c r="BZ62" s="1801"/>
      <c r="CA62" s="1801"/>
      <c r="CB62" s="1801"/>
      <c r="CC62" s="1801"/>
      <c r="CD62" s="1801"/>
      <c r="CE62" s="1801"/>
      <c r="CF62" s="1801"/>
      <c r="CG62" s="1801"/>
      <c r="CH62" s="1802"/>
    </row>
    <row r="63" spans="5:86" ht="5.25" customHeight="1" thickBot="1">
      <c r="E63" s="1830"/>
      <c r="F63" s="1831"/>
      <c r="G63" s="1832"/>
      <c r="H63" s="1817"/>
      <c r="I63" s="1818"/>
      <c r="J63" s="1819"/>
      <c r="K63" s="1671"/>
      <c r="L63" s="1672"/>
      <c r="M63" s="1672"/>
      <c r="N63" s="1672"/>
      <c r="O63" s="1672"/>
      <c r="P63" s="1672"/>
      <c r="Q63" s="1672"/>
      <c r="R63" s="1673"/>
      <c r="S63" s="1676"/>
      <c r="T63" s="1677"/>
      <c r="U63" s="1678"/>
      <c r="V63" s="1678"/>
      <c r="W63" s="1723"/>
      <c r="X63" s="1724"/>
      <c r="Y63" s="1724"/>
      <c r="Z63" s="1724"/>
      <c r="AA63" s="1724"/>
      <c r="AB63" s="1724"/>
      <c r="AC63" s="1724"/>
      <c r="AD63" s="1724"/>
      <c r="AE63" s="1724"/>
      <c r="AF63" s="1724"/>
      <c r="AG63" s="1724"/>
      <c r="AH63" s="1724"/>
      <c r="AI63" s="1724"/>
      <c r="AJ63" s="1724"/>
      <c r="AK63" s="1725"/>
      <c r="AL63" s="1726"/>
      <c r="AM63" s="1726"/>
      <c r="AN63" s="1726"/>
      <c r="AO63" s="1726"/>
      <c r="AP63" s="1726"/>
      <c r="AQ63" s="1726"/>
      <c r="AR63" s="1726"/>
      <c r="AS63" s="1726"/>
      <c r="AT63" s="1726"/>
      <c r="AU63" s="1726"/>
      <c r="AV63" s="1726"/>
      <c r="AW63" s="1726"/>
      <c r="AX63" s="1726"/>
      <c r="AY63" s="1726"/>
      <c r="AZ63" s="1726"/>
      <c r="BA63" s="1718"/>
      <c r="BB63" s="1719"/>
      <c r="BC63" s="1719"/>
      <c r="BD63" s="1719"/>
      <c r="BE63" s="1719"/>
      <c r="BF63" s="1719"/>
      <c r="BG63" s="1719"/>
      <c r="BH63" s="1719"/>
      <c r="BI63" s="1719"/>
      <c r="BJ63" s="1719"/>
      <c r="BK63" s="1719"/>
      <c r="BL63" s="1719"/>
      <c r="BM63" s="1719"/>
      <c r="BN63" s="1719"/>
      <c r="BO63" s="1720"/>
      <c r="BP63" s="1797"/>
      <c r="BQ63" s="1798"/>
      <c r="BR63" s="1798"/>
      <c r="BS63" s="1799"/>
      <c r="BT63" s="1803"/>
      <c r="BU63" s="1804"/>
      <c r="BV63" s="1804"/>
      <c r="BW63" s="1804"/>
      <c r="BX63" s="1804"/>
      <c r="BY63" s="1804"/>
      <c r="BZ63" s="1804"/>
      <c r="CA63" s="1804"/>
      <c r="CB63" s="1804"/>
      <c r="CC63" s="1804"/>
      <c r="CD63" s="1804"/>
      <c r="CE63" s="1804"/>
      <c r="CF63" s="1804"/>
      <c r="CG63" s="1804"/>
      <c r="CH63" s="1805"/>
    </row>
    <row r="64" spans="5:86" ht="5.25" customHeight="1" thickTop="1">
      <c r="E64" s="1830"/>
      <c r="F64" s="1831"/>
      <c r="G64" s="1832"/>
      <c r="H64" s="1889"/>
      <c r="I64" s="1890"/>
      <c r="J64" s="1890"/>
      <c r="K64" s="1890"/>
      <c r="L64" s="1890"/>
      <c r="M64" s="1890"/>
      <c r="N64" s="1890"/>
      <c r="O64" s="1890"/>
      <c r="P64" s="1890"/>
      <c r="Q64" s="1890"/>
      <c r="R64" s="1891"/>
      <c r="S64" s="1854" t="s">
        <v>284</v>
      </c>
      <c r="T64" s="1854"/>
      <c r="U64" s="1854"/>
      <c r="V64" s="1854"/>
      <c r="W64" s="1854"/>
      <c r="X64" s="1854"/>
      <c r="Y64" s="1854"/>
      <c r="Z64" s="1854"/>
      <c r="AA64" s="1854"/>
      <c r="AB64" s="1854"/>
      <c r="AC64" s="1854"/>
      <c r="AD64" s="1854"/>
      <c r="AE64" s="1854"/>
      <c r="AF64" s="1854"/>
      <c r="AG64" s="1854" t="s">
        <v>285</v>
      </c>
      <c r="AH64" s="1854"/>
      <c r="AI64" s="1854"/>
      <c r="AJ64" s="1854"/>
      <c r="AK64" s="1854"/>
      <c r="AL64" s="1854"/>
      <c r="AM64" s="1854"/>
      <c r="AN64" s="1854"/>
      <c r="AO64" s="1854"/>
      <c r="AP64" s="1854"/>
      <c r="AQ64" s="1898" t="s">
        <v>298</v>
      </c>
      <c r="AR64" s="1899"/>
      <c r="AS64" s="1899"/>
      <c r="AT64" s="1899"/>
      <c r="AU64" s="1899"/>
      <c r="AV64" s="1899"/>
      <c r="AW64" s="1899"/>
      <c r="AX64" s="1899"/>
      <c r="AY64" s="1899"/>
      <c r="AZ64" s="1899"/>
      <c r="BA64" s="1899"/>
      <c r="BB64" s="1899"/>
      <c r="BC64" s="1899"/>
      <c r="BD64" s="1899"/>
      <c r="BE64" s="1901" t="s">
        <v>286</v>
      </c>
      <c r="BF64" s="1902"/>
      <c r="BG64" s="1902"/>
      <c r="BH64" s="1902"/>
      <c r="BI64" s="1902"/>
      <c r="BJ64" s="1902"/>
      <c r="BK64" s="1902"/>
      <c r="BL64" s="1902"/>
      <c r="BM64" s="1902"/>
      <c r="BN64" s="1902"/>
      <c r="BO64" s="1902"/>
      <c r="BP64" s="1946" t="s">
        <v>288</v>
      </c>
      <c r="BQ64" s="1571"/>
      <c r="BR64" s="1571"/>
      <c r="BS64" s="1571"/>
      <c r="BT64" s="1571"/>
      <c r="BU64" s="1571"/>
      <c r="BV64" s="1571"/>
      <c r="BW64" s="1571"/>
      <c r="BX64" s="1571"/>
      <c r="BY64" s="1571"/>
      <c r="BZ64" s="1571"/>
      <c r="CA64" s="1571"/>
      <c r="CB64" s="1571"/>
      <c r="CC64" s="1571"/>
      <c r="CD64" s="1571"/>
      <c r="CE64" s="1571"/>
      <c r="CF64" s="1571"/>
      <c r="CG64" s="1571"/>
      <c r="CH64" s="1572"/>
    </row>
    <row r="65" spans="5:86" ht="5.25" customHeight="1">
      <c r="E65" s="1830"/>
      <c r="F65" s="1831"/>
      <c r="G65" s="1832"/>
      <c r="H65" s="1892"/>
      <c r="I65" s="1893"/>
      <c r="J65" s="1893"/>
      <c r="K65" s="1893"/>
      <c r="L65" s="1893"/>
      <c r="M65" s="1893"/>
      <c r="N65" s="1893"/>
      <c r="O65" s="1893"/>
      <c r="P65" s="1893"/>
      <c r="Q65" s="1893"/>
      <c r="R65" s="1894"/>
      <c r="S65" s="1613"/>
      <c r="T65" s="1613"/>
      <c r="U65" s="1613"/>
      <c r="V65" s="1613"/>
      <c r="W65" s="1613"/>
      <c r="X65" s="1613"/>
      <c r="Y65" s="1613"/>
      <c r="Z65" s="1613"/>
      <c r="AA65" s="1613"/>
      <c r="AB65" s="1613"/>
      <c r="AC65" s="1613"/>
      <c r="AD65" s="1613"/>
      <c r="AE65" s="1613"/>
      <c r="AF65" s="1613"/>
      <c r="AG65" s="1613"/>
      <c r="AH65" s="1613"/>
      <c r="AI65" s="1613"/>
      <c r="AJ65" s="1613"/>
      <c r="AK65" s="1613"/>
      <c r="AL65" s="1613"/>
      <c r="AM65" s="1613"/>
      <c r="AN65" s="1613"/>
      <c r="AO65" s="1613"/>
      <c r="AP65" s="1613"/>
      <c r="AQ65" s="1760"/>
      <c r="AR65" s="1760"/>
      <c r="AS65" s="1760"/>
      <c r="AT65" s="1760"/>
      <c r="AU65" s="1760"/>
      <c r="AV65" s="1760"/>
      <c r="AW65" s="1760"/>
      <c r="AX65" s="1760"/>
      <c r="AY65" s="1760"/>
      <c r="AZ65" s="1760"/>
      <c r="BA65" s="1760"/>
      <c r="BB65" s="1760"/>
      <c r="BC65" s="1760"/>
      <c r="BD65" s="1760"/>
      <c r="BE65" s="1730"/>
      <c r="BF65" s="1731"/>
      <c r="BG65" s="1731"/>
      <c r="BH65" s="1731"/>
      <c r="BI65" s="1731"/>
      <c r="BJ65" s="1731"/>
      <c r="BK65" s="1731"/>
      <c r="BL65" s="1731"/>
      <c r="BM65" s="1731"/>
      <c r="BN65" s="1731"/>
      <c r="BO65" s="1731"/>
      <c r="BP65" s="1756"/>
      <c r="BQ65" s="1574"/>
      <c r="BR65" s="1574"/>
      <c r="BS65" s="1574"/>
      <c r="BT65" s="1574"/>
      <c r="BU65" s="1574"/>
      <c r="BV65" s="1574"/>
      <c r="BW65" s="1574"/>
      <c r="BX65" s="1574"/>
      <c r="BY65" s="1574"/>
      <c r="BZ65" s="1574"/>
      <c r="CA65" s="1574"/>
      <c r="CB65" s="1574"/>
      <c r="CC65" s="1574"/>
      <c r="CD65" s="1574"/>
      <c r="CE65" s="1574"/>
      <c r="CF65" s="1574"/>
      <c r="CG65" s="1574"/>
      <c r="CH65" s="1575"/>
    </row>
    <row r="66" spans="5:86" ht="5.25" customHeight="1">
      <c r="E66" s="1830"/>
      <c r="F66" s="1831"/>
      <c r="G66" s="1832"/>
      <c r="H66" s="1892"/>
      <c r="I66" s="1893"/>
      <c r="J66" s="1893"/>
      <c r="K66" s="1893"/>
      <c r="L66" s="1893"/>
      <c r="M66" s="1893"/>
      <c r="N66" s="1893"/>
      <c r="O66" s="1893"/>
      <c r="P66" s="1893"/>
      <c r="Q66" s="1893"/>
      <c r="R66" s="1894"/>
      <c r="S66" s="1613"/>
      <c r="T66" s="1613"/>
      <c r="U66" s="1613"/>
      <c r="V66" s="1613"/>
      <c r="W66" s="1613"/>
      <c r="X66" s="1613"/>
      <c r="Y66" s="1613"/>
      <c r="Z66" s="1613"/>
      <c r="AA66" s="1613"/>
      <c r="AB66" s="1613"/>
      <c r="AC66" s="1613"/>
      <c r="AD66" s="1613"/>
      <c r="AE66" s="1613"/>
      <c r="AF66" s="1613"/>
      <c r="AG66" s="1613"/>
      <c r="AH66" s="1613"/>
      <c r="AI66" s="1613"/>
      <c r="AJ66" s="1613"/>
      <c r="AK66" s="1613"/>
      <c r="AL66" s="1613"/>
      <c r="AM66" s="1613"/>
      <c r="AN66" s="1613"/>
      <c r="AO66" s="1613"/>
      <c r="AP66" s="1613"/>
      <c r="AQ66" s="1760"/>
      <c r="AR66" s="1760"/>
      <c r="AS66" s="1760"/>
      <c r="AT66" s="1760"/>
      <c r="AU66" s="1760"/>
      <c r="AV66" s="1760"/>
      <c r="AW66" s="1760"/>
      <c r="AX66" s="1760"/>
      <c r="AY66" s="1760"/>
      <c r="AZ66" s="1760"/>
      <c r="BA66" s="1760"/>
      <c r="BB66" s="1760"/>
      <c r="BC66" s="1760"/>
      <c r="BD66" s="1760"/>
      <c r="BE66" s="1730"/>
      <c r="BF66" s="1731"/>
      <c r="BG66" s="1731"/>
      <c r="BH66" s="1731"/>
      <c r="BI66" s="1731"/>
      <c r="BJ66" s="1731"/>
      <c r="BK66" s="1731"/>
      <c r="BL66" s="1731"/>
      <c r="BM66" s="1731"/>
      <c r="BN66" s="1731"/>
      <c r="BO66" s="1731"/>
      <c r="BP66" s="1756"/>
      <c r="BQ66" s="1574"/>
      <c r="BR66" s="1574"/>
      <c r="BS66" s="1574"/>
      <c r="BT66" s="1574"/>
      <c r="BU66" s="1574"/>
      <c r="BV66" s="1574"/>
      <c r="BW66" s="1574"/>
      <c r="BX66" s="1574"/>
      <c r="BY66" s="1574"/>
      <c r="BZ66" s="1574"/>
      <c r="CA66" s="1574"/>
      <c r="CB66" s="1574"/>
      <c r="CC66" s="1574"/>
      <c r="CD66" s="1574"/>
      <c r="CE66" s="1574"/>
      <c r="CF66" s="1574"/>
      <c r="CG66" s="1574"/>
      <c r="CH66" s="1575"/>
    </row>
    <row r="67" spans="5:86" ht="5.25" customHeight="1" thickBot="1">
      <c r="E67" s="1830"/>
      <c r="F67" s="1831"/>
      <c r="G67" s="1832"/>
      <c r="H67" s="1895"/>
      <c r="I67" s="1896"/>
      <c r="J67" s="1896"/>
      <c r="K67" s="1896"/>
      <c r="L67" s="1896"/>
      <c r="M67" s="1896"/>
      <c r="N67" s="1896"/>
      <c r="O67" s="1896"/>
      <c r="P67" s="1896"/>
      <c r="Q67" s="1896"/>
      <c r="R67" s="1897"/>
      <c r="S67" s="1613"/>
      <c r="T67" s="1613"/>
      <c r="U67" s="1613"/>
      <c r="V67" s="1613"/>
      <c r="W67" s="1613"/>
      <c r="X67" s="1613"/>
      <c r="Y67" s="1613"/>
      <c r="Z67" s="1613"/>
      <c r="AA67" s="1613"/>
      <c r="AB67" s="1613"/>
      <c r="AC67" s="1613"/>
      <c r="AD67" s="1613"/>
      <c r="AE67" s="1613"/>
      <c r="AF67" s="1613"/>
      <c r="AG67" s="1613"/>
      <c r="AH67" s="1613"/>
      <c r="AI67" s="1613"/>
      <c r="AJ67" s="1613"/>
      <c r="AK67" s="1613"/>
      <c r="AL67" s="1613"/>
      <c r="AM67" s="1613"/>
      <c r="AN67" s="1613"/>
      <c r="AO67" s="1613"/>
      <c r="AP67" s="1613"/>
      <c r="AQ67" s="1900"/>
      <c r="AR67" s="1900"/>
      <c r="AS67" s="1900"/>
      <c r="AT67" s="1900"/>
      <c r="AU67" s="1900"/>
      <c r="AV67" s="1900"/>
      <c r="AW67" s="1900"/>
      <c r="AX67" s="1900"/>
      <c r="AY67" s="1900"/>
      <c r="AZ67" s="1900"/>
      <c r="BA67" s="1900"/>
      <c r="BB67" s="1900"/>
      <c r="BC67" s="1900"/>
      <c r="BD67" s="1900"/>
      <c r="BE67" s="1733"/>
      <c r="BF67" s="1734"/>
      <c r="BG67" s="1734"/>
      <c r="BH67" s="1734"/>
      <c r="BI67" s="1734"/>
      <c r="BJ67" s="1734"/>
      <c r="BK67" s="1734"/>
      <c r="BL67" s="1734"/>
      <c r="BM67" s="1734"/>
      <c r="BN67" s="1734"/>
      <c r="BO67" s="1734"/>
      <c r="BP67" s="1756"/>
      <c r="BQ67" s="1574"/>
      <c r="BR67" s="1574"/>
      <c r="BS67" s="1574"/>
      <c r="BT67" s="1574"/>
      <c r="BU67" s="1574"/>
      <c r="BV67" s="1574"/>
      <c r="BW67" s="1574"/>
      <c r="BX67" s="1574"/>
      <c r="BY67" s="1574"/>
      <c r="BZ67" s="1574"/>
      <c r="CA67" s="1574"/>
      <c r="CB67" s="1574"/>
      <c r="CC67" s="1574"/>
      <c r="CD67" s="1574"/>
      <c r="CE67" s="1574"/>
      <c r="CF67" s="1574"/>
      <c r="CG67" s="1574"/>
      <c r="CH67" s="1575"/>
    </row>
    <row r="68" spans="5:86" ht="5.25" customHeight="1">
      <c r="E68" s="1830"/>
      <c r="F68" s="1831"/>
      <c r="G68" s="1832"/>
      <c r="H68" s="1967" t="s">
        <v>329</v>
      </c>
      <c r="I68" s="1968"/>
      <c r="J68" s="1969"/>
      <c r="K68" s="1869" t="s">
        <v>311</v>
      </c>
      <c r="L68" s="1870"/>
      <c r="M68" s="1870"/>
      <c r="N68" s="1870"/>
      <c r="O68" s="1870"/>
      <c r="P68" s="1870"/>
      <c r="Q68" s="1870"/>
      <c r="R68" s="1871"/>
      <c r="S68" s="1428" t="s">
        <v>441</v>
      </c>
      <c r="T68" s="1429"/>
      <c r="U68" s="1429"/>
      <c r="V68" s="1739"/>
      <c r="W68" s="1740"/>
      <c r="X68" s="1740"/>
      <c r="Y68" s="1740"/>
      <c r="Z68" s="1740"/>
      <c r="AA68" s="1740"/>
      <c r="AB68" s="1740"/>
      <c r="AC68" s="1740"/>
      <c r="AD68" s="1740"/>
      <c r="AE68" s="1903" t="s">
        <v>454</v>
      </c>
      <c r="AF68" s="1904"/>
      <c r="AG68" s="1739"/>
      <c r="AH68" s="1740"/>
      <c r="AI68" s="1740"/>
      <c r="AJ68" s="1740"/>
      <c r="AK68" s="1740"/>
      <c r="AL68" s="1740"/>
      <c r="AM68" s="1740"/>
      <c r="AN68" s="1740"/>
      <c r="AO68" s="1903" t="s">
        <v>454</v>
      </c>
      <c r="AP68" s="1927"/>
      <c r="AQ68" s="1860" t="s">
        <v>444</v>
      </c>
      <c r="AR68" s="1861"/>
      <c r="AS68" s="1862"/>
      <c r="AT68" s="1934"/>
      <c r="AU68" s="1935"/>
      <c r="AV68" s="1935"/>
      <c r="AW68" s="1935"/>
      <c r="AX68" s="1935"/>
      <c r="AY68" s="1935"/>
      <c r="AZ68" s="1935"/>
      <c r="BA68" s="1935"/>
      <c r="BB68" s="1935"/>
      <c r="BC68" s="1932" t="s">
        <v>455</v>
      </c>
      <c r="BD68" s="1933"/>
      <c r="BE68" s="1851"/>
      <c r="BF68" s="1740"/>
      <c r="BG68" s="1740"/>
      <c r="BH68" s="1740"/>
      <c r="BI68" s="1740"/>
      <c r="BJ68" s="1740"/>
      <c r="BK68" s="1740"/>
      <c r="BL68" s="1740"/>
      <c r="BM68" s="1740"/>
      <c r="BN68" s="1903" t="s">
        <v>455</v>
      </c>
      <c r="BO68" s="1927"/>
      <c r="BP68" s="1835" t="s">
        <v>447</v>
      </c>
      <c r="BQ68" s="1836"/>
      <c r="BR68" s="1837"/>
      <c r="BS68" s="1837"/>
      <c r="BT68" s="1559"/>
      <c r="BU68" s="1560"/>
      <c r="BV68" s="1560"/>
      <c r="BW68" s="1560"/>
      <c r="BX68" s="1560"/>
      <c r="BY68" s="1560"/>
      <c r="BZ68" s="1560"/>
      <c r="CA68" s="1560"/>
      <c r="CB68" s="1560"/>
      <c r="CC68" s="1560"/>
      <c r="CD68" s="1560"/>
      <c r="CE68" s="1560"/>
      <c r="CF68" s="1560"/>
      <c r="CG68" s="1608" t="s">
        <v>455</v>
      </c>
      <c r="CH68" s="1682"/>
    </row>
    <row r="69" spans="5:86" ht="5.25" customHeight="1">
      <c r="E69" s="1830"/>
      <c r="F69" s="1831"/>
      <c r="G69" s="1832"/>
      <c r="H69" s="1970"/>
      <c r="I69" s="1971"/>
      <c r="J69" s="1972"/>
      <c r="K69" s="1872"/>
      <c r="L69" s="1873"/>
      <c r="M69" s="1873"/>
      <c r="N69" s="1873"/>
      <c r="O69" s="1873"/>
      <c r="P69" s="1873"/>
      <c r="Q69" s="1873"/>
      <c r="R69" s="1874"/>
      <c r="S69" s="1431"/>
      <c r="T69" s="1432"/>
      <c r="U69" s="1432"/>
      <c r="V69" s="1742"/>
      <c r="W69" s="1743"/>
      <c r="X69" s="1743"/>
      <c r="Y69" s="1743"/>
      <c r="Z69" s="1743"/>
      <c r="AA69" s="1743"/>
      <c r="AB69" s="1743"/>
      <c r="AC69" s="1743"/>
      <c r="AD69" s="1743"/>
      <c r="AE69" s="1905"/>
      <c r="AF69" s="1906"/>
      <c r="AG69" s="1742"/>
      <c r="AH69" s="1743"/>
      <c r="AI69" s="1743"/>
      <c r="AJ69" s="1743"/>
      <c r="AK69" s="1743"/>
      <c r="AL69" s="1743"/>
      <c r="AM69" s="1743"/>
      <c r="AN69" s="1743"/>
      <c r="AO69" s="1905"/>
      <c r="AP69" s="1928"/>
      <c r="AQ69" s="1863"/>
      <c r="AR69" s="1864"/>
      <c r="AS69" s="1865"/>
      <c r="AT69" s="1742"/>
      <c r="AU69" s="1743"/>
      <c r="AV69" s="1743"/>
      <c r="AW69" s="1743"/>
      <c r="AX69" s="1743"/>
      <c r="AY69" s="1743"/>
      <c r="AZ69" s="1743"/>
      <c r="BA69" s="1743"/>
      <c r="BB69" s="1743"/>
      <c r="BC69" s="1905"/>
      <c r="BD69" s="1928"/>
      <c r="BE69" s="1852"/>
      <c r="BF69" s="1743"/>
      <c r="BG69" s="1743"/>
      <c r="BH69" s="1743"/>
      <c r="BI69" s="1743"/>
      <c r="BJ69" s="1743"/>
      <c r="BK69" s="1743"/>
      <c r="BL69" s="1743"/>
      <c r="BM69" s="1743"/>
      <c r="BN69" s="1905"/>
      <c r="BO69" s="1928"/>
      <c r="BP69" s="1838"/>
      <c r="BQ69" s="1839"/>
      <c r="BR69" s="1840"/>
      <c r="BS69" s="1840"/>
      <c r="BT69" s="1549"/>
      <c r="BU69" s="1550"/>
      <c r="BV69" s="1550"/>
      <c r="BW69" s="1550"/>
      <c r="BX69" s="1550"/>
      <c r="BY69" s="1550"/>
      <c r="BZ69" s="1550"/>
      <c r="CA69" s="1550"/>
      <c r="CB69" s="1550"/>
      <c r="CC69" s="1550"/>
      <c r="CD69" s="1550"/>
      <c r="CE69" s="1550"/>
      <c r="CF69" s="1550"/>
      <c r="CG69" s="1581"/>
      <c r="CH69" s="1683"/>
    </row>
    <row r="70" spans="5:86" ht="5.25" customHeight="1">
      <c r="E70" s="1830"/>
      <c r="F70" s="1831"/>
      <c r="G70" s="1832"/>
      <c r="H70" s="1970"/>
      <c r="I70" s="1971"/>
      <c r="J70" s="1972"/>
      <c r="K70" s="1872"/>
      <c r="L70" s="1873"/>
      <c r="M70" s="1873"/>
      <c r="N70" s="1873"/>
      <c r="O70" s="1873"/>
      <c r="P70" s="1873"/>
      <c r="Q70" s="1873"/>
      <c r="R70" s="1874"/>
      <c r="S70" s="1431"/>
      <c r="T70" s="1432"/>
      <c r="U70" s="1432"/>
      <c r="V70" s="1742"/>
      <c r="W70" s="1743"/>
      <c r="X70" s="1743"/>
      <c r="Y70" s="1743"/>
      <c r="Z70" s="1743"/>
      <c r="AA70" s="1743"/>
      <c r="AB70" s="1743"/>
      <c r="AC70" s="1743"/>
      <c r="AD70" s="1743"/>
      <c r="AE70" s="1905"/>
      <c r="AF70" s="1906"/>
      <c r="AG70" s="1742"/>
      <c r="AH70" s="1743"/>
      <c r="AI70" s="1743"/>
      <c r="AJ70" s="1743"/>
      <c r="AK70" s="1743"/>
      <c r="AL70" s="1743"/>
      <c r="AM70" s="1743"/>
      <c r="AN70" s="1743"/>
      <c r="AO70" s="1905"/>
      <c r="AP70" s="1928"/>
      <c r="AQ70" s="1863"/>
      <c r="AR70" s="1864"/>
      <c r="AS70" s="1865"/>
      <c r="AT70" s="1742"/>
      <c r="AU70" s="1743"/>
      <c r="AV70" s="1743"/>
      <c r="AW70" s="1743"/>
      <c r="AX70" s="1743"/>
      <c r="AY70" s="1743"/>
      <c r="AZ70" s="1743"/>
      <c r="BA70" s="1743"/>
      <c r="BB70" s="1743"/>
      <c r="BC70" s="1905"/>
      <c r="BD70" s="1928"/>
      <c r="BE70" s="1852"/>
      <c r="BF70" s="1743"/>
      <c r="BG70" s="1743"/>
      <c r="BH70" s="1743"/>
      <c r="BI70" s="1743"/>
      <c r="BJ70" s="1743"/>
      <c r="BK70" s="1743"/>
      <c r="BL70" s="1743"/>
      <c r="BM70" s="1743"/>
      <c r="BN70" s="1905"/>
      <c r="BO70" s="1928"/>
      <c r="BP70" s="1838"/>
      <c r="BQ70" s="1839"/>
      <c r="BR70" s="1840"/>
      <c r="BS70" s="1840"/>
      <c r="BT70" s="1549"/>
      <c r="BU70" s="1550"/>
      <c r="BV70" s="1550"/>
      <c r="BW70" s="1550"/>
      <c r="BX70" s="1550"/>
      <c r="BY70" s="1550"/>
      <c r="BZ70" s="1550"/>
      <c r="CA70" s="1550"/>
      <c r="CB70" s="1550"/>
      <c r="CC70" s="1550"/>
      <c r="CD70" s="1550"/>
      <c r="CE70" s="1550"/>
      <c r="CF70" s="1550"/>
      <c r="CG70" s="1581"/>
      <c r="CH70" s="1683"/>
    </row>
    <row r="71" spans="5:86" ht="5.25" customHeight="1">
      <c r="E71" s="1830"/>
      <c r="F71" s="1831"/>
      <c r="G71" s="1832"/>
      <c r="H71" s="1970"/>
      <c r="I71" s="1971"/>
      <c r="J71" s="1972"/>
      <c r="K71" s="1872"/>
      <c r="L71" s="1873"/>
      <c r="M71" s="1873"/>
      <c r="N71" s="1873"/>
      <c r="O71" s="1873"/>
      <c r="P71" s="1873"/>
      <c r="Q71" s="1873"/>
      <c r="R71" s="1874"/>
      <c r="S71" s="1855"/>
      <c r="T71" s="1856"/>
      <c r="U71" s="1856"/>
      <c r="V71" s="1930"/>
      <c r="W71" s="1931"/>
      <c r="X71" s="1931"/>
      <c r="Y71" s="1931"/>
      <c r="Z71" s="1931"/>
      <c r="AA71" s="1931"/>
      <c r="AB71" s="1931"/>
      <c r="AC71" s="1931"/>
      <c r="AD71" s="1931"/>
      <c r="AE71" s="1907"/>
      <c r="AF71" s="1908"/>
      <c r="AG71" s="1930"/>
      <c r="AH71" s="1931"/>
      <c r="AI71" s="1931"/>
      <c r="AJ71" s="1931"/>
      <c r="AK71" s="1931"/>
      <c r="AL71" s="1931"/>
      <c r="AM71" s="1931"/>
      <c r="AN71" s="1931"/>
      <c r="AO71" s="1907"/>
      <c r="AP71" s="1929"/>
      <c r="AQ71" s="1866"/>
      <c r="AR71" s="1867"/>
      <c r="AS71" s="1868"/>
      <c r="AT71" s="1930"/>
      <c r="AU71" s="1931"/>
      <c r="AV71" s="1931"/>
      <c r="AW71" s="1931"/>
      <c r="AX71" s="1931"/>
      <c r="AY71" s="1931"/>
      <c r="AZ71" s="1931"/>
      <c r="BA71" s="1931"/>
      <c r="BB71" s="1931"/>
      <c r="BC71" s="1907"/>
      <c r="BD71" s="1929"/>
      <c r="BE71" s="1852"/>
      <c r="BF71" s="1743"/>
      <c r="BG71" s="1743"/>
      <c r="BH71" s="1743"/>
      <c r="BI71" s="1743"/>
      <c r="BJ71" s="1743"/>
      <c r="BK71" s="1743"/>
      <c r="BL71" s="1743"/>
      <c r="BM71" s="1743"/>
      <c r="BN71" s="1905"/>
      <c r="BO71" s="1928"/>
      <c r="BP71" s="1838"/>
      <c r="BQ71" s="1839"/>
      <c r="BR71" s="1840"/>
      <c r="BS71" s="1840"/>
      <c r="BT71" s="1949"/>
      <c r="BU71" s="1950"/>
      <c r="BV71" s="1950"/>
      <c r="BW71" s="1950"/>
      <c r="BX71" s="1950"/>
      <c r="BY71" s="1950"/>
      <c r="BZ71" s="1950"/>
      <c r="CA71" s="1950"/>
      <c r="CB71" s="1950"/>
      <c r="CC71" s="1950"/>
      <c r="CD71" s="1950"/>
      <c r="CE71" s="1950"/>
      <c r="CF71" s="1950"/>
      <c r="CG71" s="1947"/>
      <c r="CH71" s="1948"/>
    </row>
    <row r="72" spans="5:86" ht="5.25" customHeight="1">
      <c r="E72" s="1830"/>
      <c r="F72" s="1831"/>
      <c r="G72" s="1832"/>
      <c r="H72" s="1970"/>
      <c r="I72" s="1971"/>
      <c r="J72" s="1972"/>
      <c r="K72" s="1872" t="s">
        <v>310</v>
      </c>
      <c r="L72" s="1873"/>
      <c r="M72" s="1873"/>
      <c r="N72" s="1873"/>
      <c r="O72" s="1873"/>
      <c r="P72" s="1873"/>
      <c r="Q72" s="1873"/>
      <c r="R72" s="1874"/>
      <c r="S72" s="1857" t="s">
        <v>442</v>
      </c>
      <c r="T72" s="1858"/>
      <c r="U72" s="1858"/>
      <c r="V72" s="1938"/>
      <c r="W72" s="1939"/>
      <c r="X72" s="1939"/>
      <c r="Y72" s="1939"/>
      <c r="Z72" s="1939"/>
      <c r="AA72" s="1939"/>
      <c r="AB72" s="1939"/>
      <c r="AC72" s="1939"/>
      <c r="AD72" s="1939"/>
      <c r="AE72" s="1939"/>
      <c r="AF72" s="1940"/>
      <c r="AG72" s="1618"/>
      <c r="AH72" s="1618"/>
      <c r="AI72" s="1618"/>
      <c r="AJ72" s="1618"/>
      <c r="AK72" s="1618"/>
      <c r="AL72" s="1618"/>
      <c r="AM72" s="1618"/>
      <c r="AN72" s="1618"/>
      <c r="AO72" s="1618"/>
      <c r="AP72" s="1619"/>
      <c r="AQ72" s="1921" t="s">
        <v>445</v>
      </c>
      <c r="AR72" s="1922"/>
      <c r="AS72" s="1923"/>
      <c r="AT72" s="1622"/>
      <c r="AU72" s="1623"/>
      <c r="AV72" s="1623"/>
      <c r="AW72" s="1623"/>
      <c r="AX72" s="1623"/>
      <c r="AY72" s="1623"/>
      <c r="AZ72" s="1623"/>
      <c r="BA72" s="1623"/>
      <c r="BB72" s="1623"/>
      <c r="BC72" s="1623"/>
      <c r="BD72" s="1624"/>
      <c r="BE72" s="1852"/>
      <c r="BF72" s="1743"/>
      <c r="BG72" s="1743"/>
      <c r="BH72" s="1743"/>
      <c r="BI72" s="1743"/>
      <c r="BJ72" s="1743"/>
      <c r="BK72" s="1743"/>
      <c r="BL72" s="1743"/>
      <c r="BM72" s="1743"/>
      <c r="BN72" s="1905"/>
      <c r="BO72" s="1928"/>
      <c r="BP72" s="1838" t="s">
        <v>448</v>
      </c>
      <c r="BQ72" s="1839"/>
      <c r="BR72" s="1840"/>
      <c r="BS72" s="1840"/>
      <c r="BT72" s="1951"/>
      <c r="BU72" s="1952"/>
      <c r="BV72" s="1952"/>
      <c r="BW72" s="1952"/>
      <c r="BX72" s="1952"/>
      <c r="BY72" s="1952"/>
      <c r="BZ72" s="1952"/>
      <c r="CA72" s="1952"/>
      <c r="CB72" s="1952"/>
      <c r="CC72" s="1952"/>
      <c r="CD72" s="1952"/>
      <c r="CE72" s="1952"/>
      <c r="CF72" s="1952"/>
      <c r="CG72" s="1952"/>
      <c r="CH72" s="1953"/>
    </row>
    <row r="73" spans="5:86" ht="5.25" customHeight="1">
      <c r="E73" s="1830"/>
      <c r="F73" s="1831"/>
      <c r="G73" s="1832"/>
      <c r="H73" s="1970"/>
      <c r="I73" s="1971"/>
      <c r="J73" s="1972"/>
      <c r="K73" s="1872"/>
      <c r="L73" s="1873"/>
      <c r="M73" s="1873"/>
      <c r="N73" s="1873"/>
      <c r="O73" s="1873"/>
      <c r="P73" s="1873"/>
      <c r="Q73" s="1873"/>
      <c r="R73" s="1874"/>
      <c r="S73" s="1431"/>
      <c r="T73" s="1432"/>
      <c r="U73" s="1432"/>
      <c r="V73" s="1742"/>
      <c r="W73" s="1743"/>
      <c r="X73" s="1743"/>
      <c r="Y73" s="1743"/>
      <c r="Z73" s="1743"/>
      <c r="AA73" s="1743"/>
      <c r="AB73" s="1743"/>
      <c r="AC73" s="1743"/>
      <c r="AD73" s="1743"/>
      <c r="AE73" s="1743"/>
      <c r="AF73" s="1913"/>
      <c r="AG73" s="1618"/>
      <c r="AH73" s="1618"/>
      <c r="AI73" s="1618"/>
      <c r="AJ73" s="1618"/>
      <c r="AK73" s="1618"/>
      <c r="AL73" s="1618"/>
      <c r="AM73" s="1618"/>
      <c r="AN73" s="1618"/>
      <c r="AO73" s="1618"/>
      <c r="AP73" s="1619"/>
      <c r="AQ73" s="1863"/>
      <c r="AR73" s="1864"/>
      <c r="AS73" s="1865"/>
      <c r="AT73" s="1622"/>
      <c r="AU73" s="1623"/>
      <c r="AV73" s="1623"/>
      <c r="AW73" s="1623"/>
      <c r="AX73" s="1623"/>
      <c r="AY73" s="1623"/>
      <c r="AZ73" s="1623"/>
      <c r="BA73" s="1623"/>
      <c r="BB73" s="1623"/>
      <c r="BC73" s="1623"/>
      <c r="BD73" s="1624"/>
      <c r="BE73" s="1852"/>
      <c r="BF73" s="1743"/>
      <c r="BG73" s="1743"/>
      <c r="BH73" s="1743"/>
      <c r="BI73" s="1743"/>
      <c r="BJ73" s="1743"/>
      <c r="BK73" s="1743"/>
      <c r="BL73" s="1743"/>
      <c r="BM73" s="1743"/>
      <c r="BN73" s="1905"/>
      <c r="BO73" s="1928"/>
      <c r="BP73" s="1838"/>
      <c r="BQ73" s="1839"/>
      <c r="BR73" s="1840"/>
      <c r="BS73" s="1840"/>
      <c r="BT73" s="1951"/>
      <c r="BU73" s="1952"/>
      <c r="BV73" s="1952"/>
      <c r="BW73" s="1952"/>
      <c r="BX73" s="1952"/>
      <c r="BY73" s="1952"/>
      <c r="BZ73" s="1952"/>
      <c r="CA73" s="1952"/>
      <c r="CB73" s="1952"/>
      <c r="CC73" s="1952"/>
      <c r="CD73" s="1952"/>
      <c r="CE73" s="1952"/>
      <c r="CF73" s="1952"/>
      <c r="CG73" s="1952"/>
      <c r="CH73" s="1953"/>
    </row>
    <row r="74" spans="5:86" ht="5.25" customHeight="1">
      <c r="E74" s="1830"/>
      <c r="F74" s="1831"/>
      <c r="G74" s="1832"/>
      <c r="H74" s="1970"/>
      <c r="I74" s="1971"/>
      <c r="J74" s="1972"/>
      <c r="K74" s="1872"/>
      <c r="L74" s="1873"/>
      <c r="M74" s="1873"/>
      <c r="N74" s="1873"/>
      <c r="O74" s="1873"/>
      <c r="P74" s="1873"/>
      <c r="Q74" s="1873"/>
      <c r="R74" s="1874"/>
      <c r="S74" s="1431"/>
      <c r="T74" s="1432"/>
      <c r="U74" s="1432"/>
      <c r="V74" s="1742"/>
      <c r="W74" s="1743"/>
      <c r="X74" s="1743"/>
      <c r="Y74" s="1743"/>
      <c r="Z74" s="1743"/>
      <c r="AA74" s="1743"/>
      <c r="AB74" s="1743"/>
      <c r="AC74" s="1743"/>
      <c r="AD74" s="1743"/>
      <c r="AE74" s="1743"/>
      <c r="AF74" s="1913"/>
      <c r="AG74" s="1618"/>
      <c r="AH74" s="1618"/>
      <c r="AI74" s="1618"/>
      <c r="AJ74" s="1618"/>
      <c r="AK74" s="1618"/>
      <c r="AL74" s="1618"/>
      <c r="AM74" s="1618"/>
      <c r="AN74" s="1618"/>
      <c r="AO74" s="1618"/>
      <c r="AP74" s="1619"/>
      <c r="AQ74" s="1863"/>
      <c r="AR74" s="1864"/>
      <c r="AS74" s="1865"/>
      <c r="AT74" s="1622"/>
      <c r="AU74" s="1623"/>
      <c r="AV74" s="1623"/>
      <c r="AW74" s="1623"/>
      <c r="AX74" s="1623"/>
      <c r="AY74" s="1623"/>
      <c r="AZ74" s="1623"/>
      <c r="BA74" s="1623"/>
      <c r="BB74" s="1623"/>
      <c r="BC74" s="1623"/>
      <c r="BD74" s="1624"/>
      <c r="BE74" s="1852"/>
      <c r="BF74" s="1743"/>
      <c r="BG74" s="1743"/>
      <c r="BH74" s="1743"/>
      <c r="BI74" s="1743"/>
      <c r="BJ74" s="1743"/>
      <c r="BK74" s="1743"/>
      <c r="BL74" s="1743"/>
      <c r="BM74" s="1743"/>
      <c r="BN74" s="1905"/>
      <c r="BO74" s="1928"/>
      <c r="BP74" s="1838"/>
      <c r="BQ74" s="1839"/>
      <c r="BR74" s="1840"/>
      <c r="BS74" s="1840"/>
      <c r="BT74" s="1951"/>
      <c r="BU74" s="1952"/>
      <c r="BV74" s="1952"/>
      <c r="BW74" s="1952"/>
      <c r="BX74" s="1952"/>
      <c r="BY74" s="1952"/>
      <c r="BZ74" s="1952"/>
      <c r="CA74" s="1952"/>
      <c r="CB74" s="1952"/>
      <c r="CC74" s="1952"/>
      <c r="CD74" s="1952"/>
      <c r="CE74" s="1952"/>
      <c r="CF74" s="1952"/>
      <c r="CG74" s="1952"/>
      <c r="CH74" s="1953"/>
    </row>
    <row r="75" spans="5:86" ht="5.25" customHeight="1">
      <c r="E75" s="1830"/>
      <c r="F75" s="1831"/>
      <c r="G75" s="1832"/>
      <c r="H75" s="1973"/>
      <c r="I75" s="1974"/>
      <c r="J75" s="1975"/>
      <c r="K75" s="1875"/>
      <c r="L75" s="1876"/>
      <c r="M75" s="1876"/>
      <c r="N75" s="1876"/>
      <c r="O75" s="1876"/>
      <c r="P75" s="1876"/>
      <c r="Q75" s="1876"/>
      <c r="R75" s="1877"/>
      <c r="S75" s="1434"/>
      <c r="T75" s="1435"/>
      <c r="U75" s="1435"/>
      <c r="V75" s="1745"/>
      <c r="W75" s="1746"/>
      <c r="X75" s="1746"/>
      <c r="Y75" s="1746"/>
      <c r="Z75" s="1746"/>
      <c r="AA75" s="1746"/>
      <c r="AB75" s="1746"/>
      <c r="AC75" s="1746"/>
      <c r="AD75" s="1746"/>
      <c r="AE75" s="1746"/>
      <c r="AF75" s="1914"/>
      <c r="AG75" s="1620"/>
      <c r="AH75" s="1620"/>
      <c r="AI75" s="1620"/>
      <c r="AJ75" s="1620"/>
      <c r="AK75" s="1620"/>
      <c r="AL75" s="1620"/>
      <c r="AM75" s="1620"/>
      <c r="AN75" s="1620"/>
      <c r="AO75" s="1620"/>
      <c r="AP75" s="1621"/>
      <c r="AQ75" s="1924"/>
      <c r="AR75" s="1925"/>
      <c r="AS75" s="1926"/>
      <c r="AT75" s="1625"/>
      <c r="AU75" s="1626"/>
      <c r="AV75" s="1626"/>
      <c r="AW75" s="1626"/>
      <c r="AX75" s="1626"/>
      <c r="AY75" s="1626"/>
      <c r="AZ75" s="1626"/>
      <c r="BA75" s="1626"/>
      <c r="BB75" s="1626"/>
      <c r="BC75" s="1626"/>
      <c r="BD75" s="1627"/>
      <c r="BE75" s="1853"/>
      <c r="BF75" s="1746"/>
      <c r="BG75" s="1746"/>
      <c r="BH75" s="1746"/>
      <c r="BI75" s="1746"/>
      <c r="BJ75" s="1746"/>
      <c r="BK75" s="1746"/>
      <c r="BL75" s="1746"/>
      <c r="BM75" s="1746"/>
      <c r="BN75" s="1936"/>
      <c r="BO75" s="1937"/>
      <c r="BP75" s="1909"/>
      <c r="BQ75" s="1910"/>
      <c r="BR75" s="1911"/>
      <c r="BS75" s="1911"/>
      <c r="BT75" s="1954"/>
      <c r="BU75" s="1955"/>
      <c r="BV75" s="1955"/>
      <c r="BW75" s="1955"/>
      <c r="BX75" s="1955"/>
      <c r="BY75" s="1955"/>
      <c r="BZ75" s="1955"/>
      <c r="CA75" s="1955"/>
      <c r="CB75" s="1955"/>
      <c r="CC75" s="1955"/>
      <c r="CD75" s="1955"/>
      <c r="CE75" s="1955"/>
      <c r="CF75" s="1955"/>
      <c r="CG75" s="1955"/>
      <c r="CH75" s="1956"/>
    </row>
    <row r="76" spans="5:86" ht="5.25" customHeight="1">
      <c r="E76" s="1830"/>
      <c r="F76" s="1831"/>
      <c r="G76" s="1832"/>
      <c r="H76" s="1859" t="s">
        <v>112</v>
      </c>
      <c r="I76" s="1859"/>
      <c r="J76" s="1859"/>
      <c r="K76" s="1859"/>
      <c r="L76" s="1859"/>
      <c r="M76" s="1859"/>
      <c r="N76" s="1859"/>
      <c r="O76" s="1859"/>
      <c r="P76" s="1859"/>
      <c r="Q76" s="1859"/>
      <c r="R76" s="1859"/>
      <c r="S76" s="1428" t="s">
        <v>443</v>
      </c>
      <c r="T76" s="1429"/>
      <c r="U76" s="1430"/>
      <c r="V76" s="1739"/>
      <c r="W76" s="1740"/>
      <c r="X76" s="1740"/>
      <c r="Y76" s="1740"/>
      <c r="Z76" s="1740"/>
      <c r="AA76" s="1740"/>
      <c r="AB76" s="1740"/>
      <c r="AC76" s="1740"/>
      <c r="AD76" s="1740"/>
      <c r="AE76" s="1740"/>
      <c r="AF76" s="1912"/>
      <c r="AG76" s="1726"/>
      <c r="AH76" s="1726"/>
      <c r="AI76" s="1726"/>
      <c r="AJ76" s="1726"/>
      <c r="AK76" s="1726"/>
      <c r="AL76" s="1726"/>
      <c r="AM76" s="1726"/>
      <c r="AN76" s="1726"/>
      <c r="AO76" s="1726"/>
      <c r="AP76" s="1679"/>
      <c r="AQ76" s="1915" t="s">
        <v>446</v>
      </c>
      <c r="AR76" s="1916"/>
      <c r="AS76" s="1917"/>
      <c r="AT76" s="1679"/>
      <c r="AU76" s="1680"/>
      <c r="AV76" s="1680"/>
      <c r="AW76" s="1680"/>
      <c r="AX76" s="1680"/>
      <c r="AY76" s="1680"/>
      <c r="AZ76" s="1680"/>
      <c r="BA76" s="1680"/>
      <c r="BB76" s="1680"/>
      <c r="BC76" s="1680"/>
      <c r="BD76" s="1681"/>
      <c r="BE76" s="1851"/>
      <c r="BF76" s="1740"/>
      <c r="BG76" s="1740"/>
      <c r="BH76" s="1740"/>
      <c r="BI76" s="1740"/>
      <c r="BJ76" s="1740"/>
      <c r="BK76" s="1740"/>
      <c r="BL76" s="1740"/>
      <c r="BM76" s="1740"/>
      <c r="BN76" s="1740"/>
      <c r="BO76" s="1741"/>
      <c r="BP76" s="1941" t="s">
        <v>449</v>
      </c>
      <c r="BQ76" s="1429"/>
      <c r="BR76" s="1429"/>
      <c r="BS76" s="1430"/>
      <c r="BT76" s="1841"/>
      <c r="BU76" s="1841"/>
      <c r="BV76" s="1841"/>
      <c r="BW76" s="1841"/>
      <c r="BX76" s="1841"/>
      <c r="BY76" s="1841"/>
      <c r="BZ76" s="1841"/>
      <c r="CA76" s="1841"/>
      <c r="CB76" s="1841"/>
      <c r="CC76" s="1841"/>
      <c r="CD76" s="1841"/>
      <c r="CE76" s="1841"/>
      <c r="CF76" s="1841"/>
      <c r="CG76" s="1841"/>
      <c r="CH76" s="1842"/>
    </row>
    <row r="77" spans="5:86" ht="5.25" customHeight="1">
      <c r="E77" s="1830"/>
      <c r="F77" s="1831"/>
      <c r="G77" s="1832"/>
      <c r="H77" s="1859"/>
      <c r="I77" s="1859"/>
      <c r="J77" s="1859"/>
      <c r="K77" s="1859"/>
      <c r="L77" s="1859"/>
      <c r="M77" s="1859"/>
      <c r="N77" s="1859"/>
      <c r="O77" s="1859"/>
      <c r="P77" s="1859"/>
      <c r="Q77" s="1859"/>
      <c r="R77" s="1859"/>
      <c r="S77" s="1431"/>
      <c r="T77" s="1432"/>
      <c r="U77" s="1433"/>
      <c r="V77" s="1742"/>
      <c r="W77" s="1743"/>
      <c r="X77" s="1743"/>
      <c r="Y77" s="1743"/>
      <c r="Z77" s="1743"/>
      <c r="AA77" s="1743"/>
      <c r="AB77" s="1743"/>
      <c r="AC77" s="1743"/>
      <c r="AD77" s="1743"/>
      <c r="AE77" s="1743"/>
      <c r="AF77" s="1913"/>
      <c r="AG77" s="1726"/>
      <c r="AH77" s="1726"/>
      <c r="AI77" s="1726"/>
      <c r="AJ77" s="1726"/>
      <c r="AK77" s="1726"/>
      <c r="AL77" s="1726"/>
      <c r="AM77" s="1726"/>
      <c r="AN77" s="1726"/>
      <c r="AO77" s="1726"/>
      <c r="AP77" s="1679"/>
      <c r="AQ77" s="1863"/>
      <c r="AR77" s="1864"/>
      <c r="AS77" s="1865"/>
      <c r="AT77" s="1679"/>
      <c r="AU77" s="1680"/>
      <c r="AV77" s="1680"/>
      <c r="AW77" s="1680"/>
      <c r="AX77" s="1680"/>
      <c r="AY77" s="1680"/>
      <c r="AZ77" s="1680"/>
      <c r="BA77" s="1680"/>
      <c r="BB77" s="1680"/>
      <c r="BC77" s="1680"/>
      <c r="BD77" s="1681"/>
      <c r="BE77" s="1852"/>
      <c r="BF77" s="1743"/>
      <c r="BG77" s="1743"/>
      <c r="BH77" s="1743"/>
      <c r="BI77" s="1743"/>
      <c r="BJ77" s="1743"/>
      <c r="BK77" s="1743"/>
      <c r="BL77" s="1743"/>
      <c r="BM77" s="1743"/>
      <c r="BN77" s="1743"/>
      <c r="BO77" s="1744"/>
      <c r="BP77" s="1942"/>
      <c r="BQ77" s="1432"/>
      <c r="BR77" s="1432"/>
      <c r="BS77" s="1433"/>
      <c r="BT77" s="1841"/>
      <c r="BU77" s="1841"/>
      <c r="BV77" s="1841"/>
      <c r="BW77" s="1841"/>
      <c r="BX77" s="1841"/>
      <c r="BY77" s="1841"/>
      <c r="BZ77" s="1841"/>
      <c r="CA77" s="1841"/>
      <c r="CB77" s="1841"/>
      <c r="CC77" s="1841"/>
      <c r="CD77" s="1841"/>
      <c r="CE77" s="1841"/>
      <c r="CF77" s="1841"/>
      <c r="CG77" s="1841"/>
      <c r="CH77" s="1842"/>
    </row>
    <row r="78" spans="5:86" ht="5.25" customHeight="1">
      <c r="E78" s="1830"/>
      <c r="F78" s="1831"/>
      <c r="G78" s="1832"/>
      <c r="H78" s="1859"/>
      <c r="I78" s="1859"/>
      <c r="J78" s="1859"/>
      <c r="K78" s="1859"/>
      <c r="L78" s="1859"/>
      <c r="M78" s="1859"/>
      <c r="N78" s="1859"/>
      <c r="O78" s="1859"/>
      <c r="P78" s="1859"/>
      <c r="Q78" s="1859"/>
      <c r="R78" s="1859"/>
      <c r="S78" s="1431"/>
      <c r="T78" s="1432"/>
      <c r="U78" s="1433"/>
      <c r="V78" s="1742"/>
      <c r="W78" s="1743"/>
      <c r="X78" s="1743"/>
      <c r="Y78" s="1743"/>
      <c r="Z78" s="1743"/>
      <c r="AA78" s="1743"/>
      <c r="AB78" s="1743"/>
      <c r="AC78" s="1743"/>
      <c r="AD78" s="1743"/>
      <c r="AE78" s="1743"/>
      <c r="AF78" s="1913"/>
      <c r="AG78" s="1726"/>
      <c r="AH78" s="1726"/>
      <c r="AI78" s="1726"/>
      <c r="AJ78" s="1726"/>
      <c r="AK78" s="1726"/>
      <c r="AL78" s="1726"/>
      <c r="AM78" s="1726"/>
      <c r="AN78" s="1726"/>
      <c r="AO78" s="1726"/>
      <c r="AP78" s="1679"/>
      <c r="AQ78" s="1863"/>
      <c r="AR78" s="1864"/>
      <c r="AS78" s="1865"/>
      <c r="AT78" s="1679"/>
      <c r="AU78" s="1680"/>
      <c r="AV78" s="1680"/>
      <c r="AW78" s="1680"/>
      <c r="AX78" s="1680"/>
      <c r="AY78" s="1680"/>
      <c r="AZ78" s="1680"/>
      <c r="BA78" s="1680"/>
      <c r="BB78" s="1680"/>
      <c r="BC78" s="1680"/>
      <c r="BD78" s="1681"/>
      <c r="BE78" s="1852"/>
      <c r="BF78" s="1743"/>
      <c r="BG78" s="1743"/>
      <c r="BH78" s="1743"/>
      <c r="BI78" s="1743"/>
      <c r="BJ78" s="1743"/>
      <c r="BK78" s="1743"/>
      <c r="BL78" s="1743"/>
      <c r="BM78" s="1743"/>
      <c r="BN78" s="1743"/>
      <c r="BO78" s="1744"/>
      <c r="BP78" s="1942"/>
      <c r="BQ78" s="1432"/>
      <c r="BR78" s="1432"/>
      <c r="BS78" s="1433"/>
      <c r="BT78" s="1841"/>
      <c r="BU78" s="1841"/>
      <c r="BV78" s="1841"/>
      <c r="BW78" s="1841"/>
      <c r="BX78" s="1841"/>
      <c r="BY78" s="1841"/>
      <c r="BZ78" s="1841"/>
      <c r="CA78" s="1841"/>
      <c r="CB78" s="1841"/>
      <c r="CC78" s="1841"/>
      <c r="CD78" s="1841"/>
      <c r="CE78" s="1841"/>
      <c r="CF78" s="1841"/>
      <c r="CG78" s="1841"/>
      <c r="CH78" s="1842"/>
    </row>
    <row r="79" spans="5:86" ht="5.25" customHeight="1" thickBot="1">
      <c r="E79" s="1830"/>
      <c r="F79" s="1831"/>
      <c r="G79" s="1832"/>
      <c r="H79" s="1859"/>
      <c r="I79" s="1859"/>
      <c r="J79" s="1859"/>
      <c r="K79" s="1859"/>
      <c r="L79" s="1859"/>
      <c r="M79" s="1859"/>
      <c r="N79" s="1859"/>
      <c r="O79" s="1859"/>
      <c r="P79" s="1859"/>
      <c r="Q79" s="1859"/>
      <c r="R79" s="1859"/>
      <c r="S79" s="1434"/>
      <c r="T79" s="1435"/>
      <c r="U79" s="1436"/>
      <c r="V79" s="1745"/>
      <c r="W79" s="1746"/>
      <c r="X79" s="1746"/>
      <c r="Y79" s="1746"/>
      <c r="Z79" s="1746"/>
      <c r="AA79" s="1746"/>
      <c r="AB79" s="1746"/>
      <c r="AC79" s="1746"/>
      <c r="AD79" s="1746"/>
      <c r="AE79" s="1746"/>
      <c r="AF79" s="1914"/>
      <c r="AG79" s="1726"/>
      <c r="AH79" s="1726"/>
      <c r="AI79" s="1726"/>
      <c r="AJ79" s="1726"/>
      <c r="AK79" s="1726"/>
      <c r="AL79" s="1726"/>
      <c r="AM79" s="1726"/>
      <c r="AN79" s="1726"/>
      <c r="AO79" s="1726"/>
      <c r="AP79" s="1679"/>
      <c r="AQ79" s="1918"/>
      <c r="AR79" s="1919"/>
      <c r="AS79" s="1920"/>
      <c r="AT79" s="1886"/>
      <c r="AU79" s="1887"/>
      <c r="AV79" s="1887"/>
      <c r="AW79" s="1887"/>
      <c r="AX79" s="1887"/>
      <c r="AY79" s="1887"/>
      <c r="AZ79" s="1887"/>
      <c r="BA79" s="1887"/>
      <c r="BB79" s="1887"/>
      <c r="BC79" s="1887"/>
      <c r="BD79" s="1888"/>
      <c r="BE79" s="1853"/>
      <c r="BF79" s="1746"/>
      <c r="BG79" s="1746"/>
      <c r="BH79" s="1746"/>
      <c r="BI79" s="1746"/>
      <c r="BJ79" s="1746"/>
      <c r="BK79" s="1746"/>
      <c r="BL79" s="1746"/>
      <c r="BM79" s="1746"/>
      <c r="BN79" s="1746"/>
      <c r="BO79" s="1747"/>
      <c r="BP79" s="1943"/>
      <c r="BQ79" s="1944"/>
      <c r="BR79" s="1944"/>
      <c r="BS79" s="1945"/>
      <c r="BT79" s="1843"/>
      <c r="BU79" s="1843"/>
      <c r="BV79" s="1843"/>
      <c r="BW79" s="1843"/>
      <c r="BX79" s="1843"/>
      <c r="BY79" s="1843"/>
      <c r="BZ79" s="1843"/>
      <c r="CA79" s="1843"/>
      <c r="CB79" s="1843"/>
      <c r="CC79" s="1843"/>
      <c r="CD79" s="1843"/>
      <c r="CE79" s="1843"/>
      <c r="CF79" s="1843"/>
      <c r="CG79" s="1843"/>
      <c r="CH79" s="1844"/>
    </row>
    <row r="80" spans="5:86" ht="5.25" customHeight="1">
      <c r="E80" s="1830"/>
      <c r="F80" s="1831"/>
      <c r="G80" s="1832"/>
      <c r="H80" s="1845" t="s">
        <v>526</v>
      </c>
      <c r="I80" s="1846"/>
      <c r="J80" s="1846"/>
      <c r="K80" s="1846"/>
      <c r="L80" s="1846"/>
      <c r="M80" s="1846"/>
      <c r="N80" s="1846"/>
      <c r="O80" s="1846"/>
      <c r="P80" s="1846"/>
      <c r="Q80" s="1846"/>
      <c r="R80" s="1846"/>
      <c r="S80" s="1846"/>
      <c r="T80" s="1846"/>
      <c r="U80" s="1846"/>
      <c r="V80" s="1846"/>
      <c r="W80" s="1846"/>
      <c r="X80" s="1846"/>
      <c r="Y80" s="1846"/>
      <c r="Z80" s="1846"/>
      <c r="AA80" s="1846"/>
      <c r="AB80" s="1846"/>
      <c r="AC80" s="1846"/>
      <c r="AD80" s="1846"/>
      <c r="AE80" s="1846"/>
      <c r="AF80" s="1846"/>
      <c r="AG80" s="1846"/>
      <c r="AH80" s="1846"/>
      <c r="AI80" s="1846"/>
      <c r="AJ80" s="1846"/>
      <c r="AK80" s="1846"/>
      <c r="AL80" s="1846"/>
      <c r="AM80" s="1846"/>
      <c r="AN80" s="1846"/>
      <c r="AO80" s="1846"/>
      <c r="AP80" s="1846"/>
      <c r="AQ80" s="1847"/>
      <c r="AR80" s="1847"/>
      <c r="AS80" s="1847"/>
      <c r="AT80" s="1847"/>
      <c r="AU80" s="1847"/>
      <c r="AV80" s="1847"/>
      <c r="AW80" s="1847"/>
      <c r="AX80" s="1847"/>
      <c r="AY80" s="1847"/>
      <c r="AZ80" s="1847"/>
      <c r="BA80" s="1847"/>
      <c r="BB80" s="1847"/>
      <c r="BC80" s="1847"/>
      <c r="BD80" s="1847"/>
      <c r="BE80" s="1846"/>
      <c r="BF80" s="1846"/>
      <c r="BG80" s="1846"/>
      <c r="BH80" s="1846"/>
      <c r="BI80" s="1846"/>
      <c r="BJ80" s="1846"/>
      <c r="BK80" s="1846"/>
      <c r="BL80" s="1846"/>
      <c r="BM80" s="1846"/>
      <c r="BN80" s="1846"/>
      <c r="BO80" s="1848"/>
      <c r="BP80" s="1569" t="s">
        <v>371</v>
      </c>
      <c r="BQ80" s="1570"/>
      <c r="BR80" s="1571"/>
      <c r="BS80" s="1572"/>
      <c r="BT80" s="1559"/>
      <c r="BU80" s="1560"/>
      <c r="BV80" s="1560"/>
      <c r="BW80" s="1560"/>
      <c r="BX80" s="1560"/>
      <c r="BY80" s="1560"/>
      <c r="BZ80" s="1560"/>
      <c r="CA80" s="1560"/>
      <c r="CB80" s="1560"/>
      <c r="CC80" s="1560"/>
      <c r="CD80" s="1560"/>
      <c r="CE80" s="1560"/>
      <c r="CF80" s="1560"/>
      <c r="CG80" s="1553" t="s">
        <v>455</v>
      </c>
      <c r="CH80" s="1554"/>
    </row>
    <row r="81" spans="5:86" ht="5.25" customHeight="1">
      <c r="E81" s="1830"/>
      <c r="F81" s="1831"/>
      <c r="G81" s="1832"/>
      <c r="H81" s="1849"/>
      <c r="I81" s="1847"/>
      <c r="J81" s="1847"/>
      <c r="K81" s="1847"/>
      <c r="L81" s="1847"/>
      <c r="M81" s="1847"/>
      <c r="N81" s="1847"/>
      <c r="O81" s="1847"/>
      <c r="P81" s="1847"/>
      <c r="Q81" s="1847"/>
      <c r="R81" s="1847"/>
      <c r="S81" s="1847"/>
      <c r="T81" s="1847"/>
      <c r="U81" s="1847"/>
      <c r="V81" s="1847"/>
      <c r="W81" s="1847"/>
      <c r="X81" s="1847"/>
      <c r="Y81" s="1847"/>
      <c r="Z81" s="1847"/>
      <c r="AA81" s="1847"/>
      <c r="AB81" s="1847"/>
      <c r="AC81" s="1847"/>
      <c r="AD81" s="1847"/>
      <c r="AE81" s="1847"/>
      <c r="AF81" s="1847"/>
      <c r="AG81" s="1847"/>
      <c r="AH81" s="1847"/>
      <c r="AI81" s="1847"/>
      <c r="AJ81" s="1847"/>
      <c r="AK81" s="1847"/>
      <c r="AL81" s="1847"/>
      <c r="AM81" s="1847"/>
      <c r="AN81" s="1847"/>
      <c r="AO81" s="1847"/>
      <c r="AP81" s="1847"/>
      <c r="AQ81" s="1847"/>
      <c r="AR81" s="1847"/>
      <c r="AS81" s="1847"/>
      <c r="AT81" s="1847"/>
      <c r="AU81" s="1847"/>
      <c r="AV81" s="1847"/>
      <c r="AW81" s="1847"/>
      <c r="AX81" s="1847"/>
      <c r="AY81" s="1847"/>
      <c r="AZ81" s="1847"/>
      <c r="BA81" s="1847"/>
      <c r="BB81" s="1847"/>
      <c r="BC81" s="1847"/>
      <c r="BD81" s="1847"/>
      <c r="BE81" s="1847"/>
      <c r="BF81" s="1847"/>
      <c r="BG81" s="1847"/>
      <c r="BH81" s="1847"/>
      <c r="BI81" s="1847"/>
      <c r="BJ81" s="1847"/>
      <c r="BK81" s="1847"/>
      <c r="BL81" s="1847"/>
      <c r="BM81" s="1847"/>
      <c r="BN81" s="1847"/>
      <c r="BO81" s="1850"/>
      <c r="BP81" s="1573"/>
      <c r="BQ81" s="1574"/>
      <c r="BR81" s="1574"/>
      <c r="BS81" s="1575"/>
      <c r="BT81" s="1549"/>
      <c r="BU81" s="1550"/>
      <c r="BV81" s="1550"/>
      <c r="BW81" s="1550"/>
      <c r="BX81" s="1550"/>
      <c r="BY81" s="1550"/>
      <c r="BZ81" s="1550"/>
      <c r="CA81" s="1550"/>
      <c r="CB81" s="1550"/>
      <c r="CC81" s="1550"/>
      <c r="CD81" s="1550"/>
      <c r="CE81" s="1550"/>
      <c r="CF81" s="1550"/>
      <c r="CG81" s="1555"/>
      <c r="CH81" s="1556"/>
    </row>
    <row r="82" spans="5:86" ht="5.25" customHeight="1">
      <c r="E82" s="1830"/>
      <c r="F82" s="1831"/>
      <c r="G82" s="1832"/>
      <c r="H82" s="1849"/>
      <c r="I82" s="1847"/>
      <c r="J82" s="1847"/>
      <c r="K82" s="1847"/>
      <c r="L82" s="1847"/>
      <c r="M82" s="1847"/>
      <c r="N82" s="1847"/>
      <c r="O82" s="1847"/>
      <c r="P82" s="1847"/>
      <c r="Q82" s="1847"/>
      <c r="R82" s="1847"/>
      <c r="S82" s="1847"/>
      <c r="T82" s="1847"/>
      <c r="U82" s="1847"/>
      <c r="V82" s="1847"/>
      <c r="W82" s="1847"/>
      <c r="X82" s="1847"/>
      <c r="Y82" s="1847"/>
      <c r="Z82" s="1847"/>
      <c r="AA82" s="1847"/>
      <c r="AB82" s="1847"/>
      <c r="AC82" s="1847"/>
      <c r="AD82" s="1847"/>
      <c r="AE82" s="1847"/>
      <c r="AF82" s="1847"/>
      <c r="AG82" s="1847"/>
      <c r="AH82" s="1847"/>
      <c r="AI82" s="1847"/>
      <c r="AJ82" s="1847"/>
      <c r="AK82" s="1847"/>
      <c r="AL82" s="1847"/>
      <c r="AM82" s="1847"/>
      <c r="AN82" s="1847"/>
      <c r="AO82" s="1847"/>
      <c r="AP82" s="1847"/>
      <c r="AQ82" s="1847"/>
      <c r="AR82" s="1847"/>
      <c r="AS82" s="1847"/>
      <c r="AT82" s="1847"/>
      <c r="AU82" s="1847"/>
      <c r="AV82" s="1847"/>
      <c r="AW82" s="1847"/>
      <c r="AX82" s="1847"/>
      <c r="AY82" s="1847"/>
      <c r="AZ82" s="1847"/>
      <c r="BA82" s="1847"/>
      <c r="BB82" s="1847"/>
      <c r="BC82" s="1847"/>
      <c r="BD82" s="1847"/>
      <c r="BE82" s="1847"/>
      <c r="BF82" s="1847"/>
      <c r="BG82" s="1847"/>
      <c r="BH82" s="1847"/>
      <c r="BI82" s="1847"/>
      <c r="BJ82" s="1847"/>
      <c r="BK82" s="1847"/>
      <c r="BL82" s="1847"/>
      <c r="BM82" s="1847"/>
      <c r="BN82" s="1847"/>
      <c r="BO82" s="1850"/>
      <c r="BP82" s="1573"/>
      <c r="BQ82" s="1574"/>
      <c r="BR82" s="1574"/>
      <c r="BS82" s="1575"/>
      <c r="BT82" s="1549"/>
      <c r="BU82" s="1550"/>
      <c r="BV82" s="1550"/>
      <c r="BW82" s="1550"/>
      <c r="BX82" s="1550"/>
      <c r="BY82" s="1550"/>
      <c r="BZ82" s="1550"/>
      <c r="CA82" s="1550"/>
      <c r="CB82" s="1550"/>
      <c r="CC82" s="1550"/>
      <c r="CD82" s="1550"/>
      <c r="CE82" s="1550"/>
      <c r="CF82" s="1550"/>
      <c r="CG82" s="1555"/>
      <c r="CH82" s="1556"/>
    </row>
    <row r="83" spans="5:86" ht="5.25" customHeight="1" thickBot="1">
      <c r="E83" s="1830"/>
      <c r="F83" s="1831"/>
      <c r="G83" s="1832"/>
      <c r="H83" s="1849"/>
      <c r="I83" s="1847"/>
      <c r="J83" s="1847"/>
      <c r="K83" s="1847"/>
      <c r="L83" s="1847"/>
      <c r="M83" s="1847"/>
      <c r="N83" s="1847"/>
      <c r="O83" s="1847"/>
      <c r="P83" s="1847"/>
      <c r="Q83" s="1847"/>
      <c r="R83" s="1847"/>
      <c r="S83" s="1847"/>
      <c r="T83" s="1847"/>
      <c r="U83" s="1847"/>
      <c r="V83" s="1847"/>
      <c r="W83" s="1847"/>
      <c r="X83" s="1847"/>
      <c r="Y83" s="1847"/>
      <c r="Z83" s="1847"/>
      <c r="AA83" s="1847"/>
      <c r="AB83" s="1847"/>
      <c r="AC83" s="1847"/>
      <c r="AD83" s="1847"/>
      <c r="AE83" s="1847"/>
      <c r="AF83" s="1847"/>
      <c r="AG83" s="1847"/>
      <c r="AH83" s="1847"/>
      <c r="AI83" s="1847"/>
      <c r="AJ83" s="1847"/>
      <c r="AK83" s="1847"/>
      <c r="AL83" s="1847"/>
      <c r="AM83" s="1847"/>
      <c r="AN83" s="1847"/>
      <c r="AO83" s="1847"/>
      <c r="AP83" s="1847"/>
      <c r="AQ83" s="1847"/>
      <c r="AR83" s="1847"/>
      <c r="AS83" s="1847"/>
      <c r="AT83" s="1847"/>
      <c r="AU83" s="1847"/>
      <c r="AV83" s="1847"/>
      <c r="AW83" s="1847"/>
      <c r="AX83" s="1847"/>
      <c r="AY83" s="1847"/>
      <c r="AZ83" s="1847"/>
      <c r="BA83" s="1847"/>
      <c r="BB83" s="1847"/>
      <c r="BC83" s="1847"/>
      <c r="BD83" s="1847"/>
      <c r="BE83" s="1847"/>
      <c r="BF83" s="1847"/>
      <c r="BG83" s="1847"/>
      <c r="BH83" s="1847"/>
      <c r="BI83" s="1847"/>
      <c r="BJ83" s="1847"/>
      <c r="BK83" s="1847"/>
      <c r="BL83" s="1847"/>
      <c r="BM83" s="1847"/>
      <c r="BN83" s="1847"/>
      <c r="BO83" s="1850"/>
      <c r="BP83" s="1573"/>
      <c r="BQ83" s="1574"/>
      <c r="BR83" s="1574"/>
      <c r="BS83" s="1575"/>
      <c r="BT83" s="1561"/>
      <c r="BU83" s="1562"/>
      <c r="BV83" s="1562"/>
      <c r="BW83" s="1562"/>
      <c r="BX83" s="1562"/>
      <c r="BY83" s="1562"/>
      <c r="BZ83" s="1562"/>
      <c r="CA83" s="1562"/>
      <c r="CB83" s="1562"/>
      <c r="CC83" s="1562"/>
      <c r="CD83" s="1562"/>
      <c r="CE83" s="1562"/>
      <c r="CF83" s="1562"/>
      <c r="CG83" s="1557"/>
      <c r="CH83" s="1558"/>
    </row>
    <row r="84" spans="5:86" ht="5.25" customHeight="1">
      <c r="E84" s="1830"/>
      <c r="F84" s="1831"/>
      <c r="G84" s="1831"/>
      <c r="H84" s="1878" t="s">
        <v>325</v>
      </c>
      <c r="I84" s="1879"/>
      <c r="J84" s="1879"/>
      <c r="K84" s="1879"/>
      <c r="L84" s="1879"/>
      <c r="M84" s="1879"/>
      <c r="N84" s="1879"/>
      <c r="O84" s="1879"/>
      <c r="P84" s="1879"/>
      <c r="Q84" s="1879"/>
      <c r="R84" s="1879"/>
      <c r="S84" s="1879"/>
      <c r="T84" s="1879"/>
      <c r="U84" s="1879"/>
      <c r="V84" s="1879"/>
      <c r="W84" s="1879"/>
      <c r="X84" s="1879"/>
      <c r="Y84" s="1879"/>
      <c r="Z84" s="1879"/>
      <c r="AA84" s="1879"/>
      <c r="AB84" s="1879"/>
      <c r="AC84" s="1879"/>
      <c r="AD84" s="1879"/>
      <c r="AE84" s="1879"/>
      <c r="AF84" s="1879"/>
      <c r="AG84" s="1879"/>
      <c r="AH84" s="1879"/>
      <c r="AI84" s="1879"/>
      <c r="AJ84" s="1879"/>
      <c r="AK84" s="1879"/>
      <c r="AL84" s="1879"/>
      <c r="AM84" s="1879"/>
      <c r="AN84" s="1879"/>
      <c r="AO84" s="1879"/>
      <c r="AP84" s="1879"/>
      <c r="AQ84" s="1879"/>
      <c r="AR84" s="1879"/>
      <c r="AS84" s="1879"/>
      <c r="AT84" s="1879"/>
      <c r="AU84" s="1879"/>
      <c r="AV84" s="1879"/>
      <c r="AW84" s="1879"/>
      <c r="AX84" s="1879"/>
      <c r="AY84" s="1879"/>
      <c r="AZ84" s="1879"/>
      <c r="BA84" s="1879"/>
      <c r="BB84" s="1879"/>
      <c r="BC84" s="1879"/>
      <c r="BD84" s="1879"/>
      <c r="BE84" s="1879"/>
      <c r="BF84" s="1879"/>
      <c r="BG84" s="1879"/>
      <c r="BH84" s="1879"/>
      <c r="BI84" s="1879"/>
      <c r="BJ84" s="1879"/>
      <c r="BK84" s="1879"/>
      <c r="BL84" s="1879"/>
      <c r="BM84" s="1879"/>
      <c r="BN84" s="1879"/>
      <c r="BO84" s="1880"/>
      <c r="BP84" s="1569" t="s">
        <v>372</v>
      </c>
      <c r="BQ84" s="1570"/>
      <c r="BR84" s="1571"/>
      <c r="BS84" s="1572"/>
      <c r="BT84" s="1563">
        <f>BT32+BT36+BT40+BT44+BT48+BT52+BT56+BT68+BT72+BT76+BT80</f>
        <v>0</v>
      </c>
      <c r="BU84" s="1564"/>
      <c r="BV84" s="1564"/>
      <c r="BW84" s="1564"/>
      <c r="BX84" s="1564"/>
      <c r="BY84" s="1564"/>
      <c r="BZ84" s="1564"/>
      <c r="CA84" s="1564"/>
      <c r="CB84" s="1564"/>
      <c r="CC84" s="1564"/>
      <c r="CD84" s="1564"/>
      <c r="CE84" s="1564"/>
      <c r="CF84" s="1564"/>
      <c r="CG84" s="1553" t="s">
        <v>454</v>
      </c>
      <c r="CH84" s="1554"/>
    </row>
    <row r="85" spans="5:86" ht="5.25" customHeight="1">
      <c r="E85" s="1830"/>
      <c r="F85" s="1831"/>
      <c r="G85" s="1831"/>
      <c r="H85" s="1881"/>
      <c r="I85" s="1669"/>
      <c r="J85" s="1669"/>
      <c r="K85" s="1669"/>
      <c r="L85" s="1669"/>
      <c r="M85" s="1669"/>
      <c r="N85" s="1669"/>
      <c r="O85" s="1669"/>
      <c r="P85" s="1669"/>
      <c r="Q85" s="1669"/>
      <c r="R85" s="1669"/>
      <c r="S85" s="1669"/>
      <c r="T85" s="1669"/>
      <c r="U85" s="1669"/>
      <c r="V85" s="1669"/>
      <c r="W85" s="1669"/>
      <c r="X85" s="1669"/>
      <c r="Y85" s="1669"/>
      <c r="Z85" s="1669"/>
      <c r="AA85" s="1669"/>
      <c r="AB85" s="1669"/>
      <c r="AC85" s="1669"/>
      <c r="AD85" s="1669"/>
      <c r="AE85" s="1669"/>
      <c r="AF85" s="1669"/>
      <c r="AG85" s="1669"/>
      <c r="AH85" s="1669"/>
      <c r="AI85" s="1669"/>
      <c r="AJ85" s="1669"/>
      <c r="AK85" s="1669"/>
      <c r="AL85" s="1669"/>
      <c r="AM85" s="1669"/>
      <c r="AN85" s="1669"/>
      <c r="AO85" s="1669"/>
      <c r="AP85" s="1669"/>
      <c r="AQ85" s="1669"/>
      <c r="AR85" s="1669"/>
      <c r="AS85" s="1669"/>
      <c r="AT85" s="1669"/>
      <c r="AU85" s="1669"/>
      <c r="AV85" s="1669"/>
      <c r="AW85" s="1669"/>
      <c r="AX85" s="1669"/>
      <c r="AY85" s="1669"/>
      <c r="AZ85" s="1669"/>
      <c r="BA85" s="1669"/>
      <c r="BB85" s="1669"/>
      <c r="BC85" s="1669"/>
      <c r="BD85" s="1669"/>
      <c r="BE85" s="1669"/>
      <c r="BF85" s="1669"/>
      <c r="BG85" s="1669"/>
      <c r="BH85" s="1669"/>
      <c r="BI85" s="1669"/>
      <c r="BJ85" s="1669"/>
      <c r="BK85" s="1669"/>
      <c r="BL85" s="1669"/>
      <c r="BM85" s="1669"/>
      <c r="BN85" s="1669"/>
      <c r="BO85" s="1882"/>
      <c r="BP85" s="1573"/>
      <c r="BQ85" s="1574"/>
      <c r="BR85" s="1574"/>
      <c r="BS85" s="1575"/>
      <c r="BT85" s="1565"/>
      <c r="BU85" s="1566"/>
      <c r="BV85" s="1566"/>
      <c r="BW85" s="1566"/>
      <c r="BX85" s="1566"/>
      <c r="BY85" s="1566"/>
      <c r="BZ85" s="1566"/>
      <c r="CA85" s="1566"/>
      <c r="CB85" s="1566"/>
      <c r="CC85" s="1566"/>
      <c r="CD85" s="1566"/>
      <c r="CE85" s="1566"/>
      <c r="CF85" s="1566"/>
      <c r="CG85" s="1555"/>
      <c r="CH85" s="1556"/>
    </row>
    <row r="86" spans="5:86" ht="5.25" customHeight="1">
      <c r="E86" s="1830"/>
      <c r="F86" s="1831"/>
      <c r="G86" s="1831"/>
      <c r="H86" s="1881"/>
      <c r="I86" s="1669"/>
      <c r="J86" s="1669"/>
      <c r="K86" s="1669"/>
      <c r="L86" s="1669"/>
      <c r="M86" s="1669"/>
      <c r="N86" s="1669"/>
      <c r="O86" s="1669"/>
      <c r="P86" s="1669"/>
      <c r="Q86" s="1669"/>
      <c r="R86" s="1669"/>
      <c r="S86" s="1669"/>
      <c r="T86" s="1669"/>
      <c r="U86" s="1669"/>
      <c r="V86" s="1669"/>
      <c r="W86" s="1669"/>
      <c r="X86" s="1669"/>
      <c r="Y86" s="1669"/>
      <c r="Z86" s="1669"/>
      <c r="AA86" s="1669"/>
      <c r="AB86" s="1669"/>
      <c r="AC86" s="1669"/>
      <c r="AD86" s="1669"/>
      <c r="AE86" s="1669"/>
      <c r="AF86" s="1669"/>
      <c r="AG86" s="1669"/>
      <c r="AH86" s="1669"/>
      <c r="AI86" s="1669"/>
      <c r="AJ86" s="1669"/>
      <c r="AK86" s="1669"/>
      <c r="AL86" s="1669"/>
      <c r="AM86" s="1669"/>
      <c r="AN86" s="1669"/>
      <c r="AO86" s="1669"/>
      <c r="AP86" s="1669"/>
      <c r="AQ86" s="1669"/>
      <c r="AR86" s="1669"/>
      <c r="AS86" s="1669"/>
      <c r="AT86" s="1669"/>
      <c r="AU86" s="1669"/>
      <c r="AV86" s="1669"/>
      <c r="AW86" s="1669"/>
      <c r="AX86" s="1669"/>
      <c r="AY86" s="1669"/>
      <c r="AZ86" s="1669"/>
      <c r="BA86" s="1669"/>
      <c r="BB86" s="1669"/>
      <c r="BC86" s="1669"/>
      <c r="BD86" s="1669"/>
      <c r="BE86" s="1669"/>
      <c r="BF86" s="1669"/>
      <c r="BG86" s="1669"/>
      <c r="BH86" s="1669"/>
      <c r="BI86" s="1669"/>
      <c r="BJ86" s="1669"/>
      <c r="BK86" s="1669"/>
      <c r="BL86" s="1669"/>
      <c r="BM86" s="1669"/>
      <c r="BN86" s="1669"/>
      <c r="BO86" s="1882"/>
      <c r="BP86" s="1573"/>
      <c r="BQ86" s="1574"/>
      <c r="BR86" s="1574"/>
      <c r="BS86" s="1575"/>
      <c r="BT86" s="1565"/>
      <c r="BU86" s="1566"/>
      <c r="BV86" s="1566"/>
      <c r="BW86" s="1566"/>
      <c r="BX86" s="1566"/>
      <c r="BY86" s="1566"/>
      <c r="BZ86" s="1566"/>
      <c r="CA86" s="1566"/>
      <c r="CB86" s="1566"/>
      <c r="CC86" s="1566"/>
      <c r="CD86" s="1566"/>
      <c r="CE86" s="1566"/>
      <c r="CF86" s="1566"/>
      <c r="CG86" s="1555"/>
      <c r="CH86" s="1556"/>
    </row>
    <row r="87" spans="5:86" ht="5.25" customHeight="1" thickBot="1">
      <c r="E87" s="1833"/>
      <c r="F87" s="1834"/>
      <c r="G87" s="1834"/>
      <c r="H87" s="1883"/>
      <c r="I87" s="1884"/>
      <c r="J87" s="1884"/>
      <c r="K87" s="1884"/>
      <c r="L87" s="1884"/>
      <c r="M87" s="1884"/>
      <c r="N87" s="1884"/>
      <c r="O87" s="1884"/>
      <c r="P87" s="1884"/>
      <c r="Q87" s="1884"/>
      <c r="R87" s="1884"/>
      <c r="S87" s="1884"/>
      <c r="T87" s="1884"/>
      <c r="U87" s="1884"/>
      <c r="V87" s="1884"/>
      <c r="W87" s="1884"/>
      <c r="X87" s="1884"/>
      <c r="Y87" s="1884"/>
      <c r="Z87" s="1884"/>
      <c r="AA87" s="1884"/>
      <c r="AB87" s="1884"/>
      <c r="AC87" s="1884"/>
      <c r="AD87" s="1884"/>
      <c r="AE87" s="1884"/>
      <c r="AF87" s="1884"/>
      <c r="AG87" s="1884"/>
      <c r="AH87" s="1884"/>
      <c r="AI87" s="1884"/>
      <c r="AJ87" s="1884"/>
      <c r="AK87" s="1884"/>
      <c r="AL87" s="1884"/>
      <c r="AM87" s="1884"/>
      <c r="AN87" s="1884"/>
      <c r="AO87" s="1884"/>
      <c r="AP87" s="1884"/>
      <c r="AQ87" s="1884"/>
      <c r="AR87" s="1884"/>
      <c r="AS87" s="1884"/>
      <c r="AT87" s="1884"/>
      <c r="AU87" s="1884"/>
      <c r="AV87" s="1884"/>
      <c r="AW87" s="1884"/>
      <c r="AX87" s="1884"/>
      <c r="AY87" s="1884"/>
      <c r="AZ87" s="1884"/>
      <c r="BA87" s="1884"/>
      <c r="BB87" s="1884"/>
      <c r="BC87" s="1884"/>
      <c r="BD87" s="1884"/>
      <c r="BE87" s="1884"/>
      <c r="BF87" s="1884"/>
      <c r="BG87" s="1884"/>
      <c r="BH87" s="1884"/>
      <c r="BI87" s="1884"/>
      <c r="BJ87" s="1884"/>
      <c r="BK87" s="1884"/>
      <c r="BL87" s="1884"/>
      <c r="BM87" s="1884"/>
      <c r="BN87" s="1884"/>
      <c r="BO87" s="1885"/>
      <c r="BP87" s="1576"/>
      <c r="BQ87" s="1577"/>
      <c r="BR87" s="1577"/>
      <c r="BS87" s="1578"/>
      <c r="BT87" s="1567"/>
      <c r="BU87" s="1568"/>
      <c r="BV87" s="1568"/>
      <c r="BW87" s="1568"/>
      <c r="BX87" s="1568"/>
      <c r="BY87" s="1568"/>
      <c r="BZ87" s="1568"/>
      <c r="CA87" s="1568"/>
      <c r="CB87" s="1568"/>
      <c r="CC87" s="1568"/>
      <c r="CD87" s="1568"/>
      <c r="CE87" s="1568"/>
      <c r="CF87" s="1568"/>
      <c r="CG87" s="1557"/>
      <c r="CH87" s="1558"/>
    </row>
    <row r="88" spans="5:86" ht="5.25" customHeight="1">
      <c r="E88" s="370"/>
      <c r="F88" s="370"/>
      <c r="G88" s="370"/>
      <c r="H88" s="371"/>
      <c r="I88" s="371"/>
      <c r="J88" s="371"/>
      <c r="K88" s="371"/>
      <c r="L88" s="371"/>
      <c r="M88" s="371"/>
      <c r="N88" s="371"/>
      <c r="O88" s="371"/>
      <c r="P88" s="371"/>
      <c r="Q88" s="371"/>
      <c r="R88" s="371"/>
      <c r="S88" s="371"/>
      <c r="T88" s="371"/>
      <c r="U88" s="371"/>
      <c r="V88" s="371"/>
      <c r="W88" s="371"/>
      <c r="X88" s="371"/>
      <c r="Y88" s="371"/>
      <c r="Z88" s="371"/>
      <c r="AA88" s="371"/>
      <c r="AB88" s="371"/>
      <c r="AC88" s="371"/>
      <c r="AD88" s="371"/>
      <c r="AE88" s="371"/>
      <c r="AF88" s="371"/>
      <c r="AG88" s="371"/>
      <c r="AH88" s="371"/>
      <c r="AI88" s="371"/>
      <c r="AJ88" s="371"/>
      <c r="AK88" s="371"/>
      <c r="AL88" s="371"/>
      <c r="AM88" s="371"/>
      <c r="AN88" s="371"/>
      <c r="AO88" s="371"/>
      <c r="AP88" s="371"/>
      <c r="AQ88" s="371"/>
      <c r="AR88" s="371"/>
      <c r="AS88" s="371"/>
      <c r="AT88" s="371"/>
      <c r="AU88" s="371"/>
      <c r="AV88" s="371"/>
      <c r="AW88" s="371"/>
      <c r="AX88" s="369"/>
      <c r="AY88" s="369"/>
      <c r="AZ88" s="369"/>
      <c r="BA88" s="369"/>
      <c r="BB88" s="369"/>
      <c r="BC88" s="369"/>
      <c r="BD88" s="369"/>
      <c r="BE88" s="369"/>
      <c r="BF88" s="369"/>
      <c r="BG88" s="369"/>
      <c r="BH88" s="369"/>
      <c r="BI88" s="366"/>
      <c r="BJ88" s="366"/>
      <c r="BK88" s="366"/>
      <c r="BL88" s="369"/>
      <c r="BM88" s="369"/>
      <c r="BN88" s="369"/>
      <c r="BO88" s="369"/>
      <c r="BP88" s="406"/>
      <c r="BQ88" s="406"/>
      <c r="BR88" s="406"/>
      <c r="BS88" s="406"/>
      <c r="BT88" s="406"/>
      <c r="BU88" s="406"/>
      <c r="BV88" s="406"/>
      <c r="BW88" s="406"/>
      <c r="BX88" s="406"/>
      <c r="BY88" s="406"/>
      <c r="BZ88" s="357"/>
      <c r="CA88" s="377"/>
      <c r="CB88" s="377"/>
    </row>
    <row r="89" spans="5:86" ht="5.25" customHeight="1">
      <c r="E89" s="1585" t="s">
        <v>475</v>
      </c>
      <c r="F89" s="1586"/>
      <c r="G89" s="1586"/>
      <c r="H89" s="1586"/>
      <c r="I89" s="1592" t="s">
        <v>390</v>
      </c>
      <c r="J89" s="1592"/>
      <c r="K89" s="1592"/>
      <c r="L89" s="1592"/>
      <c r="M89" s="1592"/>
      <c r="N89" s="1592"/>
      <c r="O89" s="1592"/>
      <c r="P89" s="1592"/>
      <c r="Q89" s="1592"/>
      <c r="R89" s="1592"/>
      <c r="S89" s="1592"/>
      <c r="T89" s="1592"/>
      <c r="U89" s="1592"/>
      <c r="V89" s="1592"/>
      <c r="W89" s="1592"/>
      <c r="X89" s="1592"/>
      <c r="Y89" s="1592"/>
      <c r="Z89" s="1592"/>
      <c r="AA89" s="1592"/>
      <c r="AB89" s="1592"/>
      <c r="AC89" s="1592"/>
      <c r="AD89" s="1592"/>
      <c r="AE89" s="1592"/>
      <c r="AF89" s="1592"/>
      <c r="AG89" s="1592"/>
      <c r="AH89" s="1427" t="s">
        <v>393</v>
      </c>
      <c r="AI89" s="1427"/>
      <c r="AJ89" s="1427"/>
      <c r="AK89" s="1427"/>
      <c r="AL89" s="1427"/>
      <c r="AM89" s="1427"/>
      <c r="AN89" s="1427"/>
      <c r="AO89" s="1427"/>
      <c r="AP89" s="1427"/>
      <c r="AQ89" s="1427"/>
      <c r="AR89" s="1490" t="s">
        <v>440</v>
      </c>
      <c r="AS89" s="1491"/>
      <c r="AT89" s="1491"/>
      <c r="AU89" s="1491"/>
      <c r="AV89" s="1491"/>
      <c r="AW89" s="1492"/>
      <c r="AY89" s="1966" t="s">
        <v>290</v>
      </c>
      <c r="AZ89" s="1966"/>
      <c r="BA89" s="1966"/>
      <c r="BB89" s="1966"/>
      <c r="BC89" s="1957" t="s">
        <v>503</v>
      </c>
      <c r="BD89" s="1957"/>
      <c r="BE89" s="1957"/>
      <c r="BF89" s="1957"/>
      <c r="BG89" s="1957"/>
      <c r="BH89" s="1957"/>
      <c r="BI89" s="1957"/>
      <c r="BJ89" s="1957"/>
      <c r="BK89" s="1957"/>
      <c r="BL89" s="1957"/>
      <c r="BM89" s="1957"/>
      <c r="BN89" s="1957"/>
      <c r="BO89" s="1957"/>
      <c r="BP89" s="1546" t="s">
        <v>516</v>
      </c>
      <c r="BQ89" s="1546"/>
      <c r="BR89" s="1546"/>
      <c r="BS89" s="1546"/>
      <c r="BT89" s="1547"/>
      <c r="BU89" s="1548"/>
      <c r="BV89" s="1548"/>
      <c r="BW89" s="1548"/>
      <c r="BX89" s="1548"/>
      <c r="BY89" s="1548"/>
      <c r="BZ89" s="1548"/>
      <c r="CA89" s="1548"/>
      <c r="CB89" s="1548"/>
      <c r="CC89" s="1548"/>
      <c r="CD89" s="1548"/>
      <c r="CE89" s="1548"/>
      <c r="CF89" s="1548"/>
      <c r="CG89" s="1579" t="s">
        <v>523</v>
      </c>
      <c r="CH89" s="1580"/>
    </row>
    <row r="90" spans="5:86" ht="5.25" customHeight="1">
      <c r="E90" s="1587"/>
      <c r="F90" s="1588"/>
      <c r="G90" s="1588"/>
      <c r="H90" s="1588"/>
      <c r="I90" s="1592"/>
      <c r="J90" s="1592"/>
      <c r="K90" s="1592"/>
      <c r="L90" s="1592"/>
      <c r="M90" s="1592"/>
      <c r="N90" s="1592"/>
      <c r="O90" s="1592"/>
      <c r="P90" s="1592"/>
      <c r="Q90" s="1592"/>
      <c r="R90" s="1592"/>
      <c r="S90" s="1592"/>
      <c r="T90" s="1592"/>
      <c r="U90" s="1592"/>
      <c r="V90" s="1592"/>
      <c r="W90" s="1592"/>
      <c r="X90" s="1592"/>
      <c r="Y90" s="1592"/>
      <c r="Z90" s="1592"/>
      <c r="AA90" s="1592"/>
      <c r="AB90" s="1592"/>
      <c r="AC90" s="1592"/>
      <c r="AD90" s="1592"/>
      <c r="AE90" s="1592"/>
      <c r="AF90" s="1592"/>
      <c r="AG90" s="1592"/>
      <c r="AH90" s="1427"/>
      <c r="AI90" s="1427"/>
      <c r="AJ90" s="1427"/>
      <c r="AK90" s="1427"/>
      <c r="AL90" s="1427"/>
      <c r="AM90" s="1427"/>
      <c r="AN90" s="1427"/>
      <c r="AO90" s="1427"/>
      <c r="AP90" s="1427"/>
      <c r="AQ90" s="1427"/>
      <c r="AR90" s="1418"/>
      <c r="AS90" s="1419"/>
      <c r="AT90" s="1419"/>
      <c r="AU90" s="1419"/>
      <c r="AV90" s="1419"/>
      <c r="AW90" s="1493"/>
      <c r="AY90" s="1966"/>
      <c r="AZ90" s="1966"/>
      <c r="BA90" s="1966"/>
      <c r="BB90" s="1966"/>
      <c r="BC90" s="1957"/>
      <c r="BD90" s="1957"/>
      <c r="BE90" s="1957"/>
      <c r="BF90" s="1957"/>
      <c r="BG90" s="1957"/>
      <c r="BH90" s="1957"/>
      <c r="BI90" s="1957"/>
      <c r="BJ90" s="1957"/>
      <c r="BK90" s="1957"/>
      <c r="BL90" s="1957"/>
      <c r="BM90" s="1957"/>
      <c r="BN90" s="1957"/>
      <c r="BO90" s="1957"/>
      <c r="BP90" s="1546"/>
      <c r="BQ90" s="1546"/>
      <c r="BR90" s="1546"/>
      <c r="BS90" s="1546"/>
      <c r="BT90" s="1549"/>
      <c r="BU90" s="1550"/>
      <c r="BV90" s="1550"/>
      <c r="BW90" s="1550"/>
      <c r="BX90" s="1550"/>
      <c r="BY90" s="1550"/>
      <c r="BZ90" s="1550"/>
      <c r="CA90" s="1550"/>
      <c r="CB90" s="1550"/>
      <c r="CC90" s="1550"/>
      <c r="CD90" s="1550"/>
      <c r="CE90" s="1550"/>
      <c r="CF90" s="1550"/>
      <c r="CG90" s="1581"/>
      <c r="CH90" s="1582"/>
    </row>
    <row r="91" spans="5:86" ht="5.25" customHeight="1">
      <c r="E91" s="1587"/>
      <c r="F91" s="1588"/>
      <c r="G91" s="1588"/>
      <c r="H91" s="1588"/>
      <c r="I91" s="1592"/>
      <c r="J91" s="1592"/>
      <c r="K91" s="1592"/>
      <c r="L91" s="1592"/>
      <c r="M91" s="1592"/>
      <c r="N91" s="1592"/>
      <c r="O91" s="1592"/>
      <c r="P91" s="1592"/>
      <c r="Q91" s="1592"/>
      <c r="R91" s="1592"/>
      <c r="S91" s="1592"/>
      <c r="T91" s="1592"/>
      <c r="U91" s="1592"/>
      <c r="V91" s="1592"/>
      <c r="W91" s="1592"/>
      <c r="X91" s="1592"/>
      <c r="Y91" s="1592"/>
      <c r="Z91" s="1592"/>
      <c r="AA91" s="1592"/>
      <c r="AB91" s="1592"/>
      <c r="AC91" s="1592"/>
      <c r="AD91" s="1592"/>
      <c r="AE91" s="1592"/>
      <c r="AF91" s="1592"/>
      <c r="AG91" s="1592"/>
      <c r="AH91" s="1427"/>
      <c r="AI91" s="1427"/>
      <c r="AJ91" s="1427"/>
      <c r="AK91" s="1427"/>
      <c r="AL91" s="1427"/>
      <c r="AM91" s="1427"/>
      <c r="AN91" s="1427"/>
      <c r="AO91" s="1427"/>
      <c r="AP91" s="1427"/>
      <c r="AQ91" s="1427"/>
      <c r="AR91" s="1418"/>
      <c r="AS91" s="1419"/>
      <c r="AT91" s="1419"/>
      <c r="AU91" s="1419"/>
      <c r="AV91" s="1419"/>
      <c r="AW91" s="1493"/>
      <c r="AY91" s="1966"/>
      <c r="AZ91" s="1966"/>
      <c r="BA91" s="1966"/>
      <c r="BB91" s="1966"/>
      <c r="BC91" s="1957"/>
      <c r="BD91" s="1957"/>
      <c r="BE91" s="1957"/>
      <c r="BF91" s="1957"/>
      <c r="BG91" s="1957"/>
      <c r="BH91" s="1957"/>
      <c r="BI91" s="1957"/>
      <c r="BJ91" s="1957"/>
      <c r="BK91" s="1957"/>
      <c r="BL91" s="1957"/>
      <c r="BM91" s="1957"/>
      <c r="BN91" s="1957"/>
      <c r="BO91" s="1957"/>
      <c r="BP91" s="1546"/>
      <c r="BQ91" s="1546"/>
      <c r="BR91" s="1546"/>
      <c r="BS91" s="1546"/>
      <c r="BT91" s="1549"/>
      <c r="BU91" s="1550"/>
      <c r="BV91" s="1550"/>
      <c r="BW91" s="1550"/>
      <c r="BX91" s="1550"/>
      <c r="BY91" s="1550"/>
      <c r="BZ91" s="1550"/>
      <c r="CA91" s="1550"/>
      <c r="CB91" s="1550"/>
      <c r="CC91" s="1550"/>
      <c r="CD91" s="1550"/>
      <c r="CE91" s="1550"/>
      <c r="CF91" s="1550"/>
      <c r="CG91" s="1581"/>
      <c r="CH91" s="1582"/>
    </row>
    <row r="92" spans="5:86" ht="5.25" customHeight="1">
      <c r="E92" s="1587"/>
      <c r="F92" s="1588"/>
      <c r="G92" s="1588"/>
      <c r="H92" s="1588"/>
      <c r="I92" s="1592"/>
      <c r="J92" s="1592"/>
      <c r="K92" s="1592"/>
      <c r="L92" s="1592"/>
      <c r="M92" s="1592"/>
      <c r="N92" s="1592"/>
      <c r="O92" s="1592"/>
      <c r="P92" s="1592"/>
      <c r="Q92" s="1592"/>
      <c r="R92" s="1592"/>
      <c r="S92" s="1592"/>
      <c r="T92" s="1592"/>
      <c r="U92" s="1592"/>
      <c r="V92" s="1592"/>
      <c r="W92" s="1592"/>
      <c r="X92" s="1592"/>
      <c r="Y92" s="1592"/>
      <c r="Z92" s="1592"/>
      <c r="AA92" s="1592"/>
      <c r="AB92" s="1592"/>
      <c r="AC92" s="1592"/>
      <c r="AD92" s="1592"/>
      <c r="AE92" s="1592"/>
      <c r="AF92" s="1592"/>
      <c r="AG92" s="1592"/>
      <c r="AH92" s="1427"/>
      <c r="AI92" s="1427"/>
      <c r="AJ92" s="1427"/>
      <c r="AK92" s="1427"/>
      <c r="AL92" s="1427"/>
      <c r="AM92" s="1427"/>
      <c r="AN92" s="1427"/>
      <c r="AO92" s="1427"/>
      <c r="AP92" s="1427"/>
      <c r="AQ92" s="1427"/>
      <c r="AR92" s="1420"/>
      <c r="AS92" s="1421"/>
      <c r="AT92" s="1421"/>
      <c r="AU92" s="1421"/>
      <c r="AV92" s="1421"/>
      <c r="AW92" s="1494"/>
      <c r="AY92" s="1966"/>
      <c r="AZ92" s="1966"/>
      <c r="BA92" s="1966"/>
      <c r="BB92" s="1966"/>
      <c r="BC92" s="1957"/>
      <c r="BD92" s="1957"/>
      <c r="BE92" s="1957"/>
      <c r="BF92" s="1957"/>
      <c r="BG92" s="1957"/>
      <c r="BH92" s="1957"/>
      <c r="BI92" s="1957"/>
      <c r="BJ92" s="1957"/>
      <c r="BK92" s="1957"/>
      <c r="BL92" s="1957"/>
      <c r="BM92" s="1957"/>
      <c r="BN92" s="1957"/>
      <c r="BO92" s="1957"/>
      <c r="BP92" s="1546"/>
      <c r="BQ92" s="1546"/>
      <c r="BR92" s="1546"/>
      <c r="BS92" s="1546"/>
      <c r="BT92" s="1549"/>
      <c r="BU92" s="1550"/>
      <c r="BV92" s="1550"/>
      <c r="BW92" s="1550"/>
      <c r="BX92" s="1550"/>
      <c r="BY92" s="1550"/>
      <c r="BZ92" s="1550"/>
      <c r="CA92" s="1550"/>
      <c r="CB92" s="1550"/>
      <c r="CC92" s="1550"/>
      <c r="CD92" s="1550"/>
      <c r="CE92" s="1550"/>
      <c r="CF92" s="1550"/>
      <c r="CG92" s="1581"/>
      <c r="CH92" s="1582"/>
    </row>
    <row r="93" spans="5:86" ht="5.25" customHeight="1">
      <c r="E93" s="1587"/>
      <c r="F93" s="1588"/>
      <c r="G93" s="1588"/>
      <c r="H93" s="1588"/>
      <c r="I93" s="1543"/>
      <c r="J93" s="1543"/>
      <c r="K93" s="1543"/>
      <c r="L93" s="1543"/>
      <c r="M93" s="1543"/>
      <c r="N93" s="1543"/>
      <c r="O93" s="1543"/>
      <c r="P93" s="1543"/>
      <c r="Q93" s="1543"/>
      <c r="R93" s="1543"/>
      <c r="S93" s="1543"/>
      <c r="T93" s="1543"/>
      <c r="U93" s="1543"/>
      <c r="V93" s="1543"/>
      <c r="W93" s="1543"/>
      <c r="X93" s="1543"/>
      <c r="Y93" s="1543"/>
      <c r="Z93" s="1543"/>
      <c r="AA93" s="1543"/>
      <c r="AB93" s="1543"/>
      <c r="AC93" s="1543"/>
      <c r="AD93" s="1543"/>
      <c r="AE93" s="1543"/>
      <c r="AF93" s="1543"/>
      <c r="AG93" s="1543"/>
      <c r="AH93" s="1958" t="s">
        <v>485</v>
      </c>
      <c r="AI93" s="1958"/>
      <c r="AJ93" s="1958"/>
      <c r="AK93" s="1958"/>
      <c r="AL93" s="1958"/>
      <c r="AM93" s="1958"/>
      <c r="AN93" s="1958"/>
      <c r="AO93" s="1958"/>
      <c r="AP93" s="1958"/>
      <c r="AQ93" s="1958"/>
      <c r="AR93" s="1510" t="s">
        <v>306</v>
      </c>
      <c r="AS93" s="1511"/>
      <c r="AT93" s="1511"/>
      <c r="AU93" s="1511"/>
      <c r="AV93" s="1511"/>
      <c r="AW93" s="1512"/>
      <c r="AY93" s="1966"/>
      <c r="AZ93" s="1966"/>
      <c r="BA93" s="1966"/>
      <c r="BB93" s="1966"/>
      <c r="BC93" s="1976" t="s">
        <v>504</v>
      </c>
      <c r="BD93" s="1977"/>
      <c r="BE93" s="1977"/>
      <c r="BF93" s="1977"/>
      <c r="BG93" s="1977"/>
      <c r="BH93" s="1977"/>
      <c r="BI93" s="1977"/>
      <c r="BJ93" s="1977"/>
      <c r="BK93" s="1977"/>
      <c r="BL93" s="1977"/>
      <c r="BM93" s="1977"/>
      <c r="BN93" s="1977"/>
      <c r="BO93" s="1977"/>
      <c r="BP93" s="1546" t="s">
        <v>373</v>
      </c>
      <c r="BQ93" s="1546"/>
      <c r="BR93" s="1546"/>
      <c r="BS93" s="1546"/>
      <c r="BT93" s="1547"/>
      <c r="BU93" s="1548"/>
      <c r="BV93" s="1548"/>
      <c r="BW93" s="1548"/>
      <c r="BX93" s="1548"/>
      <c r="BY93" s="1548"/>
      <c r="BZ93" s="1548"/>
      <c r="CA93" s="1548"/>
      <c r="CB93" s="1548"/>
      <c r="CC93" s="1548"/>
      <c r="CD93" s="1548"/>
      <c r="CE93" s="1548"/>
      <c r="CF93" s="1548"/>
      <c r="CG93" s="1579"/>
      <c r="CH93" s="1580"/>
    </row>
    <row r="94" spans="5:86" ht="5.25" customHeight="1">
      <c r="E94" s="1587"/>
      <c r="F94" s="1588"/>
      <c r="G94" s="1588"/>
      <c r="H94" s="1588"/>
      <c r="I94" s="1965"/>
      <c r="J94" s="1965"/>
      <c r="K94" s="1965"/>
      <c r="L94" s="1965"/>
      <c r="M94" s="1965"/>
      <c r="N94" s="1965"/>
      <c r="O94" s="1965"/>
      <c r="P94" s="1965"/>
      <c r="Q94" s="1965"/>
      <c r="R94" s="1965"/>
      <c r="S94" s="1965"/>
      <c r="T94" s="1965"/>
      <c r="U94" s="1965"/>
      <c r="V94" s="1965"/>
      <c r="W94" s="1965"/>
      <c r="X94" s="1965"/>
      <c r="Y94" s="1965"/>
      <c r="Z94" s="1965"/>
      <c r="AA94" s="1965"/>
      <c r="AB94" s="1965"/>
      <c r="AC94" s="1965"/>
      <c r="AD94" s="1965"/>
      <c r="AE94" s="1965"/>
      <c r="AF94" s="1965"/>
      <c r="AG94" s="1965"/>
      <c r="AH94" s="1959"/>
      <c r="AI94" s="1959"/>
      <c r="AJ94" s="1959"/>
      <c r="AK94" s="1959"/>
      <c r="AL94" s="1959"/>
      <c r="AM94" s="1959"/>
      <c r="AN94" s="1959"/>
      <c r="AO94" s="1959"/>
      <c r="AP94" s="1959"/>
      <c r="AQ94" s="1959"/>
      <c r="AR94" s="1449"/>
      <c r="AS94" s="1450"/>
      <c r="AT94" s="1450"/>
      <c r="AU94" s="1450"/>
      <c r="AV94" s="1450"/>
      <c r="AW94" s="1451"/>
      <c r="AY94" s="1966"/>
      <c r="AZ94" s="1966"/>
      <c r="BA94" s="1966"/>
      <c r="BB94" s="1966"/>
      <c r="BC94" s="1977"/>
      <c r="BD94" s="1977"/>
      <c r="BE94" s="1977"/>
      <c r="BF94" s="1977"/>
      <c r="BG94" s="1977"/>
      <c r="BH94" s="1977"/>
      <c r="BI94" s="1977"/>
      <c r="BJ94" s="1977"/>
      <c r="BK94" s="1977"/>
      <c r="BL94" s="1977"/>
      <c r="BM94" s="1977"/>
      <c r="BN94" s="1977"/>
      <c r="BO94" s="1977"/>
      <c r="BP94" s="1546"/>
      <c r="BQ94" s="1546"/>
      <c r="BR94" s="1546"/>
      <c r="BS94" s="1546"/>
      <c r="BT94" s="1549"/>
      <c r="BU94" s="1550"/>
      <c r="BV94" s="1550"/>
      <c r="BW94" s="1550"/>
      <c r="BX94" s="1550"/>
      <c r="BY94" s="1550"/>
      <c r="BZ94" s="1550"/>
      <c r="CA94" s="1550"/>
      <c r="CB94" s="1550"/>
      <c r="CC94" s="1550"/>
      <c r="CD94" s="1550"/>
      <c r="CE94" s="1550"/>
      <c r="CF94" s="1550"/>
      <c r="CG94" s="1581"/>
      <c r="CH94" s="1582"/>
    </row>
    <row r="95" spans="5:86" ht="5.25" customHeight="1">
      <c r="E95" s="1587"/>
      <c r="F95" s="1588"/>
      <c r="G95" s="1588"/>
      <c r="H95" s="1588"/>
      <c r="I95" s="1615"/>
      <c r="J95" s="1615"/>
      <c r="K95" s="1615"/>
      <c r="L95" s="1615"/>
      <c r="M95" s="1615"/>
      <c r="N95" s="1615"/>
      <c r="O95" s="1615"/>
      <c r="P95" s="1615"/>
      <c r="Q95" s="1615"/>
      <c r="R95" s="1615"/>
      <c r="S95" s="1615"/>
      <c r="T95" s="1615"/>
      <c r="U95" s="1615"/>
      <c r="V95" s="1615"/>
      <c r="W95" s="1615"/>
      <c r="X95" s="1615"/>
      <c r="Y95" s="1615"/>
      <c r="Z95" s="1615"/>
      <c r="AA95" s="1615"/>
      <c r="AB95" s="1615"/>
      <c r="AC95" s="1615"/>
      <c r="AD95" s="1615"/>
      <c r="AE95" s="1615"/>
      <c r="AF95" s="1615"/>
      <c r="AG95" s="1615"/>
      <c r="AH95" s="1960" t="s">
        <v>389</v>
      </c>
      <c r="AI95" s="1960"/>
      <c r="AJ95" s="1960"/>
      <c r="AK95" s="1960"/>
      <c r="AL95" s="1960"/>
      <c r="AM95" s="1960"/>
      <c r="AN95" s="1960"/>
      <c r="AO95" s="1960"/>
      <c r="AP95" s="1960"/>
      <c r="AQ95" s="1960"/>
      <c r="AR95" s="1424" t="s">
        <v>292</v>
      </c>
      <c r="AS95" s="1425"/>
      <c r="AT95" s="1425"/>
      <c r="AU95" s="1425"/>
      <c r="AV95" s="1425"/>
      <c r="AW95" s="1426"/>
      <c r="AY95" s="1966"/>
      <c r="AZ95" s="1966"/>
      <c r="BA95" s="1966"/>
      <c r="BB95" s="1966"/>
      <c r="BC95" s="1977"/>
      <c r="BD95" s="1977"/>
      <c r="BE95" s="1977"/>
      <c r="BF95" s="1977"/>
      <c r="BG95" s="1977"/>
      <c r="BH95" s="1977"/>
      <c r="BI95" s="1977"/>
      <c r="BJ95" s="1977"/>
      <c r="BK95" s="1977"/>
      <c r="BL95" s="1977"/>
      <c r="BM95" s="1977"/>
      <c r="BN95" s="1977"/>
      <c r="BO95" s="1977"/>
      <c r="BP95" s="1546"/>
      <c r="BQ95" s="1546"/>
      <c r="BR95" s="1546"/>
      <c r="BS95" s="1546"/>
      <c r="BT95" s="1549"/>
      <c r="BU95" s="1550"/>
      <c r="BV95" s="1550"/>
      <c r="BW95" s="1550"/>
      <c r="BX95" s="1550"/>
      <c r="BY95" s="1550"/>
      <c r="BZ95" s="1550"/>
      <c r="CA95" s="1550"/>
      <c r="CB95" s="1550"/>
      <c r="CC95" s="1550"/>
      <c r="CD95" s="1550"/>
      <c r="CE95" s="1550"/>
      <c r="CF95" s="1550"/>
      <c r="CG95" s="1581"/>
      <c r="CH95" s="1582"/>
    </row>
    <row r="96" spans="5:86" ht="5.25" customHeight="1">
      <c r="E96" s="1587"/>
      <c r="F96" s="1588"/>
      <c r="G96" s="1588"/>
      <c r="H96" s="1588"/>
      <c r="I96" s="1616"/>
      <c r="J96" s="1616"/>
      <c r="K96" s="1616"/>
      <c r="L96" s="1616"/>
      <c r="M96" s="1616"/>
      <c r="N96" s="1616"/>
      <c r="O96" s="1616"/>
      <c r="P96" s="1616"/>
      <c r="Q96" s="1616"/>
      <c r="R96" s="1616"/>
      <c r="S96" s="1616"/>
      <c r="T96" s="1616"/>
      <c r="U96" s="1616"/>
      <c r="V96" s="1616"/>
      <c r="W96" s="1616"/>
      <c r="X96" s="1616"/>
      <c r="Y96" s="1616"/>
      <c r="Z96" s="1616"/>
      <c r="AA96" s="1616"/>
      <c r="AB96" s="1616"/>
      <c r="AC96" s="1616"/>
      <c r="AD96" s="1616"/>
      <c r="AE96" s="1616"/>
      <c r="AF96" s="1616"/>
      <c r="AG96" s="1616"/>
      <c r="AH96" s="1960"/>
      <c r="AI96" s="1960"/>
      <c r="AJ96" s="1960"/>
      <c r="AK96" s="1960"/>
      <c r="AL96" s="1960"/>
      <c r="AM96" s="1960"/>
      <c r="AN96" s="1960"/>
      <c r="AO96" s="1960"/>
      <c r="AP96" s="1960"/>
      <c r="AQ96" s="1960"/>
      <c r="AR96" s="1424"/>
      <c r="AS96" s="1425"/>
      <c r="AT96" s="1425"/>
      <c r="AU96" s="1425"/>
      <c r="AV96" s="1425"/>
      <c r="AW96" s="1426"/>
      <c r="AY96" s="1966"/>
      <c r="AZ96" s="1966"/>
      <c r="BA96" s="1966"/>
      <c r="BB96" s="1966"/>
      <c r="BC96" s="1977"/>
      <c r="BD96" s="1977"/>
      <c r="BE96" s="1977"/>
      <c r="BF96" s="1977"/>
      <c r="BG96" s="1977"/>
      <c r="BH96" s="1977"/>
      <c r="BI96" s="1977"/>
      <c r="BJ96" s="1977"/>
      <c r="BK96" s="1977"/>
      <c r="BL96" s="1977"/>
      <c r="BM96" s="1977"/>
      <c r="BN96" s="1977"/>
      <c r="BO96" s="1977"/>
      <c r="BP96" s="1546"/>
      <c r="BQ96" s="1546"/>
      <c r="BR96" s="1546"/>
      <c r="BS96" s="1546"/>
      <c r="BT96" s="1551"/>
      <c r="BU96" s="1552"/>
      <c r="BV96" s="1552"/>
      <c r="BW96" s="1552"/>
      <c r="BX96" s="1552"/>
      <c r="BY96" s="1552"/>
      <c r="BZ96" s="1552"/>
      <c r="CA96" s="1552"/>
      <c r="CB96" s="1552"/>
      <c r="CC96" s="1552"/>
      <c r="CD96" s="1552"/>
      <c r="CE96" s="1552"/>
      <c r="CF96" s="1552"/>
      <c r="CG96" s="1583"/>
      <c r="CH96" s="1584"/>
    </row>
    <row r="97" spans="5:86" ht="5.25" customHeight="1">
      <c r="E97" s="1587"/>
      <c r="F97" s="1588"/>
      <c r="G97" s="1588"/>
      <c r="H97" s="1588"/>
      <c r="I97" s="1616"/>
      <c r="J97" s="1616"/>
      <c r="K97" s="1616"/>
      <c r="L97" s="1616"/>
      <c r="M97" s="1616"/>
      <c r="N97" s="1616"/>
      <c r="O97" s="1616"/>
      <c r="P97" s="1616"/>
      <c r="Q97" s="1616"/>
      <c r="R97" s="1616"/>
      <c r="S97" s="1616"/>
      <c r="T97" s="1616"/>
      <c r="U97" s="1616"/>
      <c r="V97" s="1616"/>
      <c r="W97" s="1616"/>
      <c r="X97" s="1616"/>
      <c r="Y97" s="1616"/>
      <c r="Z97" s="1616"/>
      <c r="AA97" s="1616"/>
      <c r="AB97" s="1616"/>
      <c r="AC97" s="1616"/>
      <c r="AD97" s="1616"/>
      <c r="AE97" s="1616"/>
      <c r="AF97" s="1616"/>
      <c r="AG97" s="1616"/>
      <c r="AH97" s="1960"/>
      <c r="AI97" s="1960"/>
      <c r="AJ97" s="1960"/>
      <c r="AK97" s="1960"/>
      <c r="AL97" s="1960"/>
      <c r="AM97" s="1960"/>
      <c r="AN97" s="1960"/>
      <c r="AO97" s="1960"/>
      <c r="AP97" s="1960"/>
      <c r="AQ97" s="1960"/>
      <c r="AR97" s="1424"/>
      <c r="AS97" s="1425"/>
      <c r="AT97" s="1425"/>
      <c r="AU97" s="1425"/>
      <c r="AV97" s="1425"/>
      <c r="AW97" s="1426"/>
      <c r="AY97" s="1966"/>
      <c r="AZ97" s="1966"/>
      <c r="BA97" s="1966"/>
      <c r="BB97" s="1966"/>
      <c r="BC97" s="1957" t="s">
        <v>505</v>
      </c>
      <c r="BD97" s="1957"/>
      <c r="BE97" s="1957"/>
      <c r="BF97" s="1957"/>
      <c r="BG97" s="1957"/>
      <c r="BH97" s="1957"/>
      <c r="BI97" s="1957"/>
      <c r="BJ97" s="1957"/>
      <c r="BK97" s="1957"/>
      <c r="BL97" s="1957"/>
      <c r="BM97" s="1957"/>
      <c r="BN97" s="1957"/>
      <c r="BO97" s="1957"/>
      <c r="BP97" s="1546" t="s">
        <v>374</v>
      </c>
      <c r="BQ97" s="1546"/>
      <c r="BR97" s="1546"/>
      <c r="BS97" s="1546"/>
      <c r="BT97" s="1549"/>
      <c r="BU97" s="1550"/>
      <c r="BV97" s="1550"/>
      <c r="BW97" s="1550"/>
      <c r="BX97" s="1550"/>
      <c r="BY97" s="1550"/>
      <c r="BZ97" s="1550"/>
      <c r="CA97" s="1550"/>
      <c r="CB97" s="1550"/>
      <c r="CC97" s="1550"/>
      <c r="CD97" s="1550"/>
      <c r="CE97" s="1550"/>
      <c r="CF97" s="1550"/>
      <c r="CG97" s="1581"/>
      <c r="CH97" s="1582"/>
    </row>
    <row r="98" spans="5:86" ht="5.25" customHeight="1">
      <c r="E98" s="1587"/>
      <c r="F98" s="1588"/>
      <c r="G98" s="1588"/>
      <c r="H98" s="1588"/>
      <c r="I98" s="1617"/>
      <c r="J98" s="1617"/>
      <c r="K98" s="1617"/>
      <c r="L98" s="1617"/>
      <c r="M98" s="1617"/>
      <c r="N98" s="1617"/>
      <c r="O98" s="1617"/>
      <c r="P98" s="1617"/>
      <c r="Q98" s="1617"/>
      <c r="R98" s="1617"/>
      <c r="S98" s="1617"/>
      <c r="T98" s="1617"/>
      <c r="U98" s="1617"/>
      <c r="V98" s="1617"/>
      <c r="W98" s="1617"/>
      <c r="X98" s="1617"/>
      <c r="Y98" s="1617"/>
      <c r="Z98" s="1617"/>
      <c r="AA98" s="1617"/>
      <c r="AB98" s="1617"/>
      <c r="AC98" s="1617"/>
      <c r="AD98" s="1617"/>
      <c r="AE98" s="1617"/>
      <c r="AF98" s="1617"/>
      <c r="AG98" s="1617"/>
      <c r="AH98" s="1960"/>
      <c r="AI98" s="1960"/>
      <c r="AJ98" s="1960"/>
      <c r="AK98" s="1960"/>
      <c r="AL98" s="1960"/>
      <c r="AM98" s="1960"/>
      <c r="AN98" s="1960"/>
      <c r="AO98" s="1961"/>
      <c r="AP98" s="1961"/>
      <c r="AQ98" s="1961"/>
      <c r="AR98" s="1660"/>
      <c r="AS98" s="1661"/>
      <c r="AT98" s="1661"/>
      <c r="AU98" s="1661"/>
      <c r="AV98" s="1661"/>
      <c r="AW98" s="1662"/>
      <c r="AY98" s="1966"/>
      <c r="AZ98" s="1966"/>
      <c r="BA98" s="1966"/>
      <c r="BB98" s="1966"/>
      <c r="BC98" s="1957"/>
      <c r="BD98" s="1957"/>
      <c r="BE98" s="1957"/>
      <c r="BF98" s="1957"/>
      <c r="BG98" s="1957"/>
      <c r="BH98" s="1957"/>
      <c r="BI98" s="1957"/>
      <c r="BJ98" s="1957"/>
      <c r="BK98" s="1957"/>
      <c r="BL98" s="1957"/>
      <c r="BM98" s="1957"/>
      <c r="BN98" s="1957"/>
      <c r="BO98" s="1957"/>
      <c r="BP98" s="1546"/>
      <c r="BQ98" s="1546"/>
      <c r="BR98" s="1546"/>
      <c r="BS98" s="1546"/>
      <c r="BT98" s="1549"/>
      <c r="BU98" s="1550"/>
      <c r="BV98" s="1550"/>
      <c r="BW98" s="1550"/>
      <c r="BX98" s="1550"/>
      <c r="BY98" s="1550"/>
      <c r="BZ98" s="1550"/>
      <c r="CA98" s="1550"/>
      <c r="CB98" s="1550"/>
      <c r="CC98" s="1550"/>
      <c r="CD98" s="1550"/>
      <c r="CE98" s="1550"/>
      <c r="CF98" s="1550"/>
      <c r="CG98" s="1581"/>
      <c r="CH98" s="1582"/>
    </row>
    <row r="99" spans="5:86" ht="5.25" customHeight="1">
      <c r="E99" s="1587"/>
      <c r="F99" s="1588"/>
      <c r="G99" s="1588"/>
      <c r="H99" s="1588"/>
      <c r="I99" s="1427" t="s">
        <v>438</v>
      </c>
      <c r="J99" s="1427"/>
      <c r="K99" s="1427"/>
      <c r="L99" s="1427"/>
      <c r="M99" s="1427"/>
      <c r="N99" s="1428"/>
      <c r="O99" s="1429"/>
      <c r="P99" s="1429"/>
      <c r="Q99" s="1429"/>
      <c r="R99" s="1429"/>
      <c r="S99" s="1429"/>
      <c r="T99" s="1429"/>
      <c r="U99" s="1429"/>
      <c r="V99" s="1429"/>
      <c r="W99" s="1429"/>
      <c r="X99" s="1429"/>
      <c r="Y99" s="1429"/>
      <c r="Z99" s="1429"/>
      <c r="AA99" s="1429"/>
      <c r="AB99" s="1429"/>
      <c r="AC99" s="1429"/>
      <c r="AD99" s="1429"/>
      <c r="AE99" s="1429"/>
      <c r="AF99" s="1429"/>
      <c r="AG99" s="1429"/>
      <c r="AH99" s="1429"/>
      <c r="AI99" s="1429"/>
      <c r="AJ99" s="1429"/>
      <c r="AK99" s="1429"/>
      <c r="AL99" s="1429"/>
      <c r="AM99" s="1429"/>
      <c r="AN99" s="1430"/>
      <c r="AO99" s="1410" t="s">
        <v>533</v>
      </c>
      <c r="AP99" s="1411"/>
      <c r="AQ99" s="1411"/>
      <c r="AR99" s="1411"/>
      <c r="AS99" s="1411"/>
      <c r="AT99" s="1414" t="s">
        <v>532</v>
      </c>
      <c r="AU99" s="1414"/>
      <c r="AV99" s="1414"/>
      <c r="AW99" s="1415"/>
      <c r="AY99" s="1966"/>
      <c r="AZ99" s="1966"/>
      <c r="BA99" s="1966"/>
      <c r="BB99" s="1966"/>
      <c r="BC99" s="1957"/>
      <c r="BD99" s="1957"/>
      <c r="BE99" s="1957"/>
      <c r="BF99" s="1957"/>
      <c r="BG99" s="1957"/>
      <c r="BH99" s="1957"/>
      <c r="BI99" s="1957"/>
      <c r="BJ99" s="1957"/>
      <c r="BK99" s="1957"/>
      <c r="BL99" s="1957"/>
      <c r="BM99" s="1957"/>
      <c r="BN99" s="1957"/>
      <c r="BO99" s="1957"/>
      <c r="BP99" s="1546"/>
      <c r="BQ99" s="1546"/>
      <c r="BR99" s="1546"/>
      <c r="BS99" s="1546"/>
      <c r="BT99" s="1549"/>
      <c r="BU99" s="1550"/>
      <c r="BV99" s="1550"/>
      <c r="BW99" s="1550"/>
      <c r="BX99" s="1550"/>
      <c r="BY99" s="1550"/>
      <c r="BZ99" s="1550"/>
      <c r="CA99" s="1550"/>
      <c r="CB99" s="1550"/>
      <c r="CC99" s="1550"/>
      <c r="CD99" s="1550"/>
      <c r="CE99" s="1550"/>
      <c r="CF99" s="1550"/>
      <c r="CG99" s="1581"/>
      <c r="CH99" s="1582"/>
    </row>
    <row r="100" spans="5:86" ht="5.25" customHeight="1">
      <c r="E100" s="1587"/>
      <c r="F100" s="1588"/>
      <c r="G100" s="1588"/>
      <c r="H100" s="1588"/>
      <c r="I100" s="1427"/>
      <c r="J100" s="1427"/>
      <c r="K100" s="1427"/>
      <c r="L100" s="1427"/>
      <c r="M100" s="1427"/>
      <c r="N100" s="1431"/>
      <c r="O100" s="1432"/>
      <c r="P100" s="1432"/>
      <c r="Q100" s="1432"/>
      <c r="R100" s="1432"/>
      <c r="S100" s="1432"/>
      <c r="T100" s="1432"/>
      <c r="U100" s="1432"/>
      <c r="V100" s="1432"/>
      <c r="W100" s="1432"/>
      <c r="X100" s="1432"/>
      <c r="Y100" s="1432"/>
      <c r="Z100" s="1432"/>
      <c r="AA100" s="1432"/>
      <c r="AB100" s="1432"/>
      <c r="AC100" s="1432"/>
      <c r="AD100" s="1432"/>
      <c r="AE100" s="1432"/>
      <c r="AF100" s="1432"/>
      <c r="AG100" s="1432"/>
      <c r="AH100" s="1432"/>
      <c r="AI100" s="1432"/>
      <c r="AJ100" s="1432"/>
      <c r="AK100" s="1432"/>
      <c r="AL100" s="1432"/>
      <c r="AM100" s="1432"/>
      <c r="AN100" s="1433"/>
      <c r="AO100" s="1412"/>
      <c r="AP100" s="1413"/>
      <c r="AQ100" s="1413"/>
      <c r="AR100" s="1413"/>
      <c r="AS100" s="1413"/>
      <c r="AT100" s="1416"/>
      <c r="AU100" s="1416"/>
      <c r="AV100" s="1416"/>
      <c r="AW100" s="1417"/>
      <c r="AY100" s="1966"/>
      <c r="AZ100" s="1966"/>
      <c r="BA100" s="1966"/>
      <c r="BB100" s="1966"/>
      <c r="BC100" s="1957"/>
      <c r="BD100" s="1957"/>
      <c r="BE100" s="1957"/>
      <c r="BF100" s="1957"/>
      <c r="BG100" s="1957"/>
      <c r="BH100" s="1957"/>
      <c r="BI100" s="1957"/>
      <c r="BJ100" s="1957"/>
      <c r="BK100" s="1957"/>
      <c r="BL100" s="1957"/>
      <c r="BM100" s="1957"/>
      <c r="BN100" s="1957"/>
      <c r="BO100" s="1957"/>
      <c r="BP100" s="1546"/>
      <c r="BQ100" s="1546"/>
      <c r="BR100" s="1546"/>
      <c r="BS100" s="1546"/>
      <c r="BT100" s="1549"/>
      <c r="BU100" s="1550"/>
      <c r="BV100" s="1550"/>
      <c r="BW100" s="1550"/>
      <c r="BX100" s="1550"/>
      <c r="BY100" s="1550"/>
      <c r="BZ100" s="1550"/>
      <c r="CA100" s="1550"/>
      <c r="CB100" s="1550"/>
      <c r="CC100" s="1550"/>
      <c r="CD100" s="1550"/>
      <c r="CE100" s="1550"/>
      <c r="CF100" s="1550"/>
      <c r="CG100" s="1581"/>
      <c r="CH100" s="1582"/>
    </row>
    <row r="101" spans="5:86" ht="5.25" customHeight="1">
      <c r="E101" s="1587"/>
      <c r="F101" s="1588"/>
      <c r="G101" s="1588"/>
      <c r="H101" s="1588"/>
      <c r="I101" s="1427"/>
      <c r="J101" s="1427"/>
      <c r="K101" s="1427"/>
      <c r="L101" s="1427"/>
      <c r="M101" s="1427"/>
      <c r="N101" s="1431"/>
      <c r="O101" s="1432"/>
      <c r="P101" s="1432"/>
      <c r="Q101" s="1432"/>
      <c r="R101" s="1432"/>
      <c r="S101" s="1432"/>
      <c r="T101" s="1432"/>
      <c r="U101" s="1432"/>
      <c r="V101" s="1432"/>
      <c r="W101" s="1432"/>
      <c r="X101" s="1432"/>
      <c r="Y101" s="1432"/>
      <c r="Z101" s="1432"/>
      <c r="AA101" s="1432"/>
      <c r="AB101" s="1432"/>
      <c r="AC101" s="1432"/>
      <c r="AD101" s="1432"/>
      <c r="AE101" s="1432"/>
      <c r="AF101" s="1432"/>
      <c r="AG101" s="1432"/>
      <c r="AH101" s="1432"/>
      <c r="AI101" s="1432"/>
      <c r="AJ101" s="1432"/>
      <c r="AK101" s="1432"/>
      <c r="AL101" s="1432"/>
      <c r="AM101" s="1432"/>
      <c r="AN101" s="1433"/>
      <c r="AO101" s="1418" t="s">
        <v>534</v>
      </c>
      <c r="AP101" s="1419"/>
      <c r="AQ101" s="1419"/>
      <c r="AR101" s="1419"/>
      <c r="AS101" s="1419"/>
      <c r="AT101" s="1416" t="s">
        <v>531</v>
      </c>
      <c r="AU101" s="1416"/>
      <c r="AV101" s="1416"/>
      <c r="AW101" s="1417"/>
      <c r="AY101" s="1966"/>
      <c r="AZ101" s="1966"/>
      <c r="BA101" s="1966"/>
      <c r="BB101" s="1966"/>
      <c r="BC101" s="1957" t="s">
        <v>506</v>
      </c>
      <c r="BD101" s="1957"/>
      <c r="BE101" s="1957"/>
      <c r="BF101" s="1957"/>
      <c r="BG101" s="1957"/>
      <c r="BH101" s="1957"/>
      <c r="BI101" s="1957"/>
      <c r="BJ101" s="1957"/>
      <c r="BK101" s="1957"/>
      <c r="BL101" s="1957"/>
      <c r="BM101" s="1957"/>
      <c r="BN101" s="1957"/>
      <c r="BO101" s="1957"/>
      <c r="BP101" s="1546" t="s">
        <v>375</v>
      </c>
      <c r="BQ101" s="1546"/>
      <c r="BR101" s="1546"/>
      <c r="BS101" s="1546"/>
      <c r="BT101" s="1547"/>
      <c r="BU101" s="1548"/>
      <c r="BV101" s="1548"/>
      <c r="BW101" s="1548"/>
      <c r="BX101" s="1548"/>
      <c r="BY101" s="1548"/>
      <c r="BZ101" s="1548"/>
      <c r="CA101" s="1548"/>
      <c r="CB101" s="1548"/>
      <c r="CC101" s="1548"/>
      <c r="CD101" s="1548"/>
      <c r="CE101" s="1548"/>
      <c r="CF101" s="1548"/>
      <c r="CG101" s="1579"/>
      <c r="CH101" s="1580"/>
    </row>
    <row r="102" spans="5:86" ht="5.25" customHeight="1" thickBot="1">
      <c r="E102" s="1587"/>
      <c r="F102" s="1588"/>
      <c r="G102" s="1588"/>
      <c r="H102" s="1588"/>
      <c r="I102" s="1427"/>
      <c r="J102" s="1427"/>
      <c r="K102" s="1427"/>
      <c r="L102" s="1427"/>
      <c r="M102" s="1427"/>
      <c r="N102" s="1434"/>
      <c r="O102" s="1435"/>
      <c r="P102" s="1435"/>
      <c r="Q102" s="1432"/>
      <c r="R102" s="1432"/>
      <c r="S102" s="1432"/>
      <c r="T102" s="1432"/>
      <c r="U102" s="1432"/>
      <c r="V102" s="1432"/>
      <c r="W102" s="1432"/>
      <c r="X102" s="1432"/>
      <c r="Y102" s="1432"/>
      <c r="Z102" s="1432"/>
      <c r="AA102" s="1432"/>
      <c r="AB102" s="1432"/>
      <c r="AC102" s="1432"/>
      <c r="AD102" s="1432"/>
      <c r="AE102" s="1432"/>
      <c r="AF102" s="1432"/>
      <c r="AG102" s="1432"/>
      <c r="AH102" s="1432"/>
      <c r="AI102" s="1435"/>
      <c r="AJ102" s="1435"/>
      <c r="AK102" s="1435"/>
      <c r="AL102" s="1435"/>
      <c r="AM102" s="1435"/>
      <c r="AN102" s="1436"/>
      <c r="AO102" s="1420"/>
      <c r="AP102" s="1421"/>
      <c r="AQ102" s="1421"/>
      <c r="AR102" s="1421"/>
      <c r="AS102" s="1421"/>
      <c r="AT102" s="1422"/>
      <c r="AU102" s="1422"/>
      <c r="AV102" s="1422"/>
      <c r="AW102" s="1423"/>
      <c r="AY102" s="1966"/>
      <c r="AZ102" s="1966"/>
      <c r="BA102" s="1966"/>
      <c r="BB102" s="1966"/>
      <c r="BC102" s="1957"/>
      <c r="BD102" s="1957"/>
      <c r="BE102" s="1957"/>
      <c r="BF102" s="1957"/>
      <c r="BG102" s="1957"/>
      <c r="BH102" s="1957"/>
      <c r="BI102" s="1957"/>
      <c r="BJ102" s="1957"/>
      <c r="BK102" s="1957"/>
      <c r="BL102" s="1957"/>
      <c r="BM102" s="1957"/>
      <c r="BN102" s="1957"/>
      <c r="BO102" s="1957"/>
      <c r="BP102" s="1546"/>
      <c r="BQ102" s="1546"/>
      <c r="BR102" s="1546"/>
      <c r="BS102" s="1546"/>
      <c r="BT102" s="1549"/>
      <c r="BU102" s="1550"/>
      <c r="BV102" s="1550"/>
      <c r="BW102" s="1550"/>
      <c r="BX102" s="1550"/>
      <c r="BY102" s="1550"/>
      <c r="BZ102" s="1550"/>
      <c r="CA102" s="1550"/>
      <c r="CB102" s="1550"/>
      <c r="CC102" s="1550"/>
      <c r="CD102" s="1550"/>
      <c r="CE102" s="1550"/>
      <c r="CF102" s="1550"/>
      <c r="CG102" s="1581"/>
      <c r="CH102" s="1582"/>
    </row>
    <row r="103" spans="5:86" ht="5.25" customHeight="1">
      <c r="E103" s="1587"/>
      <c r="F103" s="1588"/>
      <c r="G103" s="1588"/>
      <c r="H103" s="1588"/>
      <c r="I103" s="1591" t="s">
        <v>388</v>
      </c>
      <c r="J103" s="1591"/>
      <c r="K103" s="1591"/>
      <c r="L103" s="1591"/>
      <c r="M103" s="1591"/>
      <c r="N103" s="1591"/>
      <c r="O103" s="1591"/>
      <c r="P103" s="1407"/>
      <c r="Q103" s="1806" t="s">
        <v>376</v>
      </c>
      <c r="R103" s="1962"/>
      <c r="S103" s="1962"/>
      <c r="T103" s="1962"/>
      <c r="U103" s="1610"/>
      <c r="V103" s="1608"/>
      <c r="W103" s="1608"/>
      <c r="X103" s="1608"/>
      <c r="Y103" s="1608"/>
      <c r="Z103" s="1608"/>
      <c r="AA103" s="1608"/>
      <c r="AB103" s="1608"/>
      <c r="AC103" s="1608"/>
      <c r="AD103" s="1608"/>
      <c r="AE103" s="1608"/>
      <c r="AF103" s="1608"/>
      <c r="AG103" s="1608" t="s">
        <v>456</v>
      </c>
      <c r="AH103" s="1608"/>
      <c r="AI103" s="1596" t="s">
        <v>473</v>
      </c>
      <c r="AJ103" s="1597"/>
      <c r="AK103" s="1602" t="s">
        <v>474</v>
      </c>
      <c r="AL103" s="1602"/>
      <c r="AM103" s="1602"/>
      <c r="AN103" s="1602"/>
      <c r="AO103" s="1602"/>
      <c r="AP103" s="1602"/>
      <c r="AQ103" s="1602"/>
      <c r="AR103" s="1602"/>
      <c r="AS103" s="1602"/>
      <c r="AT103" s="1602"/>
      <c r="AU103" s="1602"/>
      <c r="AV103" s="1602"/>
      <c r="AW103" s="1603"/>
      <c r="AX103" s="380"/>
      <c r="AY103" s="1966"/>
      <c r="AZ103" s="1966"/>
      <c r="BA103" s="1966"/>
      <c r="BB103" s="1966"/>
      <c r="BC103" s="1957"/>
      <c r="BD103" s="1957"/>
      <c r="BE103" s="1957"/>
      <c r="BF103" s="1957"/>
      <c r="BG103" s="1957"/>
      <c r="BH103" s="1957"/>
      <c r="BI103" s="1957"/>
      <c r="BJ103" s="1957"/>
      <c r="BK103" s="1957"/>
      <c r="BL103" s="1957"/>
      <c r="BM103" s="1957"/>
      <c r="BN103" s="1957"/>
      <c r="BO103" s="1957"/>
      <c r="BP103" s="1546"/>
      <c r="BQ103" s="1546"/>
      <c r="BR103" s="1546"/>
      <c r="BS103" s="1546"/>
      <c r="BT103" s="1549"/>
      <c r="BU103" s="1550"/>
      <c r="BV103" s="1550"/>
      <c r="BW103" s="1550"/>
      <c r="BX103" s="1550"/>
      <c r="BY103" s="1550"/>
      <c r="BZ103" s="1550"/>
      <c r="CA103" s="1550"/>
      <c r="CB103" s="1550"/>
      <c r="CC103" s="1550"/>
      <c r="CD103" s="1550"/>
      <c r="CE103" s="1550"/>
      <c r="CF103" s="1550"/>
      <c r="CG103" s="1581"/>
      <c r="CH103" s="1582"/>
    </row>
    <row r="104" spans="5:86" ht="5.25" customHeight="1">
      <c r="E104" s="1587"/>
      <c r="F104" s="1588"/>
      <c r="G104" s="1588"/>
      <c r="H104" s="1588"/>
      <c r="I104" s="1592"/>
      <c r="J104" s="1592"/>
      <c r="K104" s="1592"/>
      <c r="L104" s="1592"/>
      <c r="M104" s="1592"/>
      <c r="N104" s="1592"/>
      <c r="O104" s="1592"/>
      <c r="P104" s="1593"/>
      <c r="Q104" s="1628"/>
      <c r="R104" s="1546"/>
      <c r="S104" s="1546"/>
      <c r="T104" s="1546"/>
      <c r="U104" s="1611"/>
      <c r="V104" s="1581"/>
      <c r="W104" s="1581"/>
      <c r="X104" s="1581"/>
      <c r="Y104" s="1581"/>
      <c r="Z104" s="1581"/>
      <c r="AA104" s="1581"/>
      <c r="AB104" s="1581"/>
      <c r="AC104" s="1581"/>
      <c r="AD104" s="1581"/>
      <c r="AE104" s="1581"/>
      <c r="AF104" s="1581"/>
      <c r="AG104" s="1581"/>
      <c r="AH104" s="1581"/>
      <c r="AI104" s="1598"/>
      <c r="AJ104" s="1599"/>
      <c r="AK104" s="1604"/>
      <c r="AL104" s="1604"/>
      <c r="AM104" s="1604"/>
      <c r="AN104" s="1604"/>
      <c r="AO104" s="1604"/>
      <c r="AP104" s="1604"/>
      <c r="AQ104" s="1604"/>
      <c r="AR104" s="1604"/>
      <c r="AS104" s="1604"/>
      <c r="AT104" s="1604"/>
      <c r="AU104" s="1604"/>
      <c r="AV104" s="1604"/>
      <c r="AW104" s="1605"/>
      <c r="AX104" s="380"/>
      <c r="AY104" s="1966"/>
      <c r="AZ104" s="1966"/>
      <c r="BA104" s="1966"/>
      <c r="BB104" s="1966"/>
      <c r="BC104" s="1957"/>
      <c r="BD104" s="1957"/>
      <c r="BE104" s="1957"/>
      <c r="BF104" s="1957"/>
      <c r="BG104" s="1957"/>
      <c r="BH104" s="1957"/>
      <c r="BI104" s="1957"/>
      <c r="BJ104" s="1957"/>
      <c r="BK104" s="1957"/>
      <c r="BL104" s="1957"/>
      <c r="BM104" s="1957"/>
      <c r="BN104" s="1957"/>
      <c r="BO104" s="1957"/>
      <c r="BP104" s="1546"/>
      <c r="BQ104" s="1546"/>
      <c r="BR104" s="1546"/>
      <c r="BS104" s="1546"/>
      <c r="BT104" s="1551"/>
      <c r="BU104" s="1552"/>
      <c r="BV104" s="1552"/>
      <c r="BW104" s="1552"/>
      <c r="BX104" s="1552"/>
      <c r="BY104" s="1552"/>
      <c r="BZ104" s="1552"/>
      <c r="CA104" s="1552"/>
      <c r="CB104" s="1552"/>
      <c r="CC104" s="1552"/>
      <c r="CD104" s="1552"/>
      <c r="CE104" s="1552"/>
      <c r="CF104" s="1552"/>
      <c r="CG104" s="1583"/>
      <c r="CH104" s="1584"/>
    </row>
    <row r="105" spans="5:86" ht="5.25" customHeight="1">
      <c r="E105" s="1587"/>
      <c r="F105" s="1588"/>
      <c r="G105" s="1588"/>
      <c r="H105" s="1588"/>
      <c r="I105" s="1592"/>
      <c r="J105" s="1592"/>
      <c r="K105" s="1592"/>
      <c r="L105" s="1592"/>
      <c r="M105" s="1592"/>
      <c r="N105" s="1592"/>
      <c r="O105" s="1592"/>
      <c r="P105" s="1593"/>
      <c r="Q105" s="1628"/>
      <c r="R105" s="1546"/>
      <c r="S105" s="1546"/>
      <c r="T105" s="1546"/>
      <c r="U105" s="1611"/>
      <c r="V105" s="1581"/>
      <c r="W105" s="1581"/>
      <c r="X105" s="1581"/>
      <c r="Y105" s="1581"/>
      <c r="Z105" s="1581"/>
      <c r="AA105" s="1581"/>
      <c r="AB105" s="1581"/>
      <c r="AC105" s="1581"/>
      <c r="AD105" s="1581"/>
      <c r="AE105" s="1581"/>
      <c r="AF105" s="1581"/>
      <c r="AG105" s="1581"/>
      <c r="AH105" s="1581"/>
      <c r="AI105" s="1598"/>
      <c r="AJ105" s="1599"/>
      <c r="AK105" s="1604"/>
      <c r="AL105" s="1604"/>
      <c r="AM105" s="1604"/>
      <c r="AN105" s="1604"/>
      <c r="AO105" s="1604"/>
      <c r="AP105" s="1604"/>
      <c r="AQ105" s="1604"/>
      <c r="AR105" s="1604"/>
      <c r="AS105" s="1604"/>
      <c r="AT105" s="1604"/>
      <c r="AU105" s="1604"/>
      <c r="AV105" s="1604"/>
      <c r="AW105" s="1605"/>
      <c r="AX105" s="380"/>
      <c r="AY105" s="1966"/>
      <c r="AZ105" s="1966"/>
      <c r="BA105" s="1966"/>
      <c r="BB105" s="1966"/>
      <c r="BC105" s="1978" t="s">
        <v>537</v>
      </c>
      <c r="BD105" s="1978"/>
      <c r="BE105" s="1978"/>
      <c r="BF105" s="1978"/>
      <c r="BG105" s="1978"/>
      <c r="BH105" s="1978"/>
      <c r="BI105" s="1978"/>
      <c r="BJ105" s="1978"/>
      <c r="BK105" s="1978"/>
      <c r="BL105" s="1978"/>
      <c r="BM105" s="1978"/>
      <c r="BN105" s="1978"/>
      <c r="BO105" s="1978"/>
      <c r="BP105" s="1546" t="s">
        <v>539</v>
      </c>
      <c r="BQ105" s="1546"/>
      <c r="BR105" s="1546"/>
      <c r="BS105" s="1546"/>
      <c r="BT105" s="1549"/>
      <c r="BU105" s="1550"/>
      <c r="BV105" s="1550"/>
      <c r="BW105" s="1550"/>
      <c r="BX105" s="1550"/>
      <c r="BY105" s="1550"/>
      <c r="BZ105" s="1550"/>
      <c r="CA105" s="1550"/>
      <c r="CB105" s="1550"/>
      <c r="CC105" s="1550"/>
      <c r="CD105" s="1550"/>
      <c r="CE105" s="1550"/>
      <c r="CF105" s="1550"/>
      <c r="CG105" s="1581"/>
      <c r="CH105" s="1582"/>
    </row>
    <row r="106" spans="5:86" ht="5.25" customHeight="1" thickBot="1">
      <c r="E106" s="1589"/>
      <c r="F106" s="1590"/>
      <c r="G106" s="1590"/>
      <c r="H106" s="1590"/>
      <c r="I106" s="1592"/>
      <c r="J106" s="1592"/>
      <c r="K106" s="1592"/>
      <c r="L106" s="1592"/>
      <c r="M106" s="1592"/>
      <c r="N106" s="1592"/>
      <c r="O106" s="1592"/>
      <c r="P106" s="1593"/>
      <c r="Q106" s="1963"/>
      <c r="R106" s="1964"/>
      <c r="S106" s="1964"/>
      <c r="T106" s="1964"/>
      <c r="U106" s="1612"/>
      <c r="V106" s="1609"/>
      <c r="W106" s="1609"/>
      <c r="X106" s="1609"/>
      <c r="Y106" s="1609"/>
      <c r="Z106" s="1609"/>
      <c r="AA106" s="1609"/>
      <c r="AB106" s="1609"/>
      <c r="AC106" s="1609"/>
      <c r="AD106" s="1609"/>
      <c r="AE106" s="1609"/>
      <c r="AF106" s="1609"/>
      <c r="AG106" s="1609"/>
      <c r="AH106" s="1609"/>
      <c r="AI106" s="1600"/>
      <c r="AJ106" s="1601"/>
      <c r="AK106" s="1606"/>
      <c r="AL106" s="1606"/>
      <c r="AM106" s="1606"/>
      <c r="AN106" s="1606"/>
      <c r="AO106" s="1606"/>
      <c r="AP106" s="1606"/>
      <c r="AQ106" s="1606"/>
      <c r="AR106" s="1606"/>
      <c r="AS106" s="1606"/>
      <c r="AT106" s="1606"/>
      <c r="AU106" s="1606"/>
      <c r="AV106" s="1606"/>
      <c r="AW106" s="1607"/>
      <c r="AX106" s="380"/>
      <c r="AY106" s="1966"/>
      <c r="AZ106" s="1966"/>
      <c r="BA106" s="1966"/>
      <c r="BB106" s="1966"/>
      <c r="BC106" s="1978"/>
      <c r="BD106" s="1978"/>
      <c r="BE106" s="1978"/>
      <c r="BF106" s="1978"/>
      <c r="BG106" s="1978"/>
      <c r="BH106" s="1978"/>
      <c r="BI106" s="1978"/>
      <c r="BJ106" s="1978"/>
      <c r="BK106" s="1978"/>
      <c r="BL106" s="1978"/>
      <c r="BM106" s="1978"/>
      <c r="BN106" s="1978"/>
      <c r="BO106" s="1978"/>
      <c r="BP106" s="1546"/>
      <c r="BQ106" s="1546"/>
      <c r="BR106" s="1546"/>
      <c r="BS106" s="1546"/>
      <c r="BT106" s="1549"/>
      <c r="BU106" s="1550"/>
      <c r="BV106" s="1550"/>
      <c r="BW106" s="1550"/>
      <c r="BX106" s="1550"/>
      <c r="BY106" s="1550"/>
      <c r="BZ106" s="1550"/>
      <c r="CA106" s="1550"/>
      <c r="CB106" s="1550"/>
      <c r="CC106" s="1550"/>
      <c r="CD106" s="1550"/>
      <c r="CE106" s="1550"/>
      <c r="CF106" s="1550"/>
      <c r="CG106" s="1581"/>
      <c r="CH106" s="1582"/>
    </row>
    <row r="107" spans="5:86" ht="5.25" customHeight="1">
      <c r="E107" s="1594" t="s">
        <v>472</v>
      </c>
      <c r="F107" s="1594"/>
      <c r="G107" s="1594"/>
      <c r="H107" s="1594"/>
      <c r="I107" s="1594"/>
      <c r="J107" s="1594"/>
      <c r="K107" s="1594"/>
      <c r="L107" s="1594"/>
      <c r="M107" s="1594"/>
      <c r="N107" s="1594"/>
      <c r="O107" s="1594"/>
      <c r="P107" s="1594"/>
      <c r="Q107" s="1594"/>
      <c r="R107" s="1594"/>
      <c r="S107" s="1594"/>
      <c r="T107" s="1594"/>
      <c r="U107" s="1594"/>
      <c r="V107" s="1594"/>
      <c r="W107" s="1594"/>
      <c r="X107" s="1594"/>
      <c r="Y107" s="1594"/>
      <c r="Z107" s="1594"/>
      <c r="AA107" s="1594"/>
      <c r="AB107" s="1594"/>
      <c r="AC107" s="1594"/>
      <c r="AD107" s="1594"/>
      <c r="AE107" s="1594"/>
      <c r="AF107" s="1594"/>
      <c r="AG107" s="1594"/>
      <c r="AH107" s="1594"/>
      <c r="AI107" s="1594"/>
      <c r="AJ107" s="1594"/>
      <c r="AK107" s="1594"/>
      <c r="AL107" s="1594"/>
      <c r="AM107" s="1594"/>
      <c r="AN107" s="1594"/>
      <c r="AO107" s="1594"/>
      <c r="AP107" s="1594"/>
      <c r="AQ107" s="1594"/>
      <c r="AR107" s="1594"/>
      <c r="AS107" s="1594"/>
      <c r="AT107" s="1594"/>
      <c r="AU107" s="1594"/>
      <c r="AV107" s="1594"/>
      <c r="AW107" s="1594"/>
      <c r="AY107" s="1966"/>
      <c r="AZ107" s="1966"/>
      <c r="BA107" s="1966"/>
      <c r="BB107" s="1966"/>
      <c r="BC107" s="1978"/>
      <c r="BD107" s="1978"/>
      <c r="BE107" s="1978"/>
      <c r="BF107" s="1978"/>
      <c r="BG107" s="1978"/>
      <c r="BH107" s="1978"/>
      <c r="BI107" s="1978"/>
      <c r="BJ107" s="1978"/>
      <c r="BK107" s="1978"/>
      <c r="BL107" s="1978"/>
      <c r="BM107" s="1978"/>
      <c r="BN107" s="1978"/>
      <c r="BO107" s="1978"/>
      <c r="BP107" s="1546"/>
      <c r="BQ107" s="1546"/>
      <c r="BR107" s="1546"/>
      <c r="BS107" s="1546"/>
      <c r="BT107" s="1549"/>
      <c r="BU107" s="1550"/>
      <c r="BV107" s="1550"/>
      <c r="BW107" s="1550"/>
      <c r="BX107" s="1550"/>
      <c r="BY107" s="1550"/>
      <c r="BZ107" s="1550"/>
      <c r="CA107" s="1550"/>
      <c r="CB107" s="1550"/>
      <c r="CC107" s="1550"/>
      <c r="CD107" s="1550"/>
      <c r="CE107" s="1550"/>
      <c r="CF107" s="1550"/>
      <c r="CG107" s="1581"/>
      <c r="CH107" s="1582"/>
    </row>
    <row r="108" spans="5:86" ht="5.25" customHeight="1">
      <c r="E108" s="1594"/>
      <c r="F108" s="1594"/>
      <c r="G108" s="1594"/>
      <c r="H108" s="1594"/>
      <c r="I108" s="1594"/>
      <c r="J108" s="1594"/>
      <c r="K108" s="1594"/>
      <c r="L108" s="1594"/>
      <c r="M108" s="1594"/>
      <c r="N108" s="1594"/>
      <c r="O108" s="1594"/>
      <c r="P108" s="1594"/>
      <c r="Q108" s="1594"/>
      <c r="R108" s="1594"/>
      <c r="S108" s="1594"/>
      <c r="T108" s="1594"/>
      <c r="U108" s="1594"/>
      <c r="V108" s="1594"/>
      <c r="W108" s="1594"/>
      <c r="X108" s="1594"/>
      <c r="Y108" s="1594"/>
      <c r="Z108" s="1594"/>
      <c r="AA108" s="1594"/>
      <c r="AB108" s="1594"/>
      <c r="AC108" s="1594"/>
      <c r="AD108" s="1594"/>
      <c r="AE108" s="1594"/>
      <c r="AF108" s="1594"/>
      <c r="AG108" s="1594"/>
      <c r="AH108" s="1594"/>
      <c r="AI108" s="1594"/>
      <c r="AJ108" s="1594"/>
      <c r="AK108" s="1594"/>
      <c r="AL108" s="1594"/>
      <c r="AM108" s="1594"/>
      <c r="AN108" s="1594"/>
      <c r="AO108" s="1594"/>
      <c r="AP108" s="1594"/>
      <c r="AQ108" s="1594"/>
      <c r="AR108" s="1594"/>
      <c r="AS108" s="1594"/>
      <c r="AT108" s="1594"/>
      <c r="AU108" s="1594"/>
      <c r="AV108" s="1594"/>
      <c r="AW108" s="1594"/>
      <c r="AY108" s="1966"/>
      <c r="AZ108" s="1966"/>
      <c r="BA108" s="1966"/>
      <c r="BB108" s="1966"/>
      <c r="BC108" s="1978"/>
      <c r="BD108" s="1978"/>
      <c r="BE108" s="1978"/>
      <c r="BF108" s="1978"/>
      <c r="BG108" s="1978"/>
      <c r="BH108" s="1978"/>
      <c r="BI108" s="1978"/>
      <c r="BJ108" s="1978"/>
      <c r="BK108" s="1978"/>
      <c r="BL108" s="1978"/>
      <c r="BM108" s="1978"/>
      <c r="BN108" s="1978"/>
      <c r="BO108" s="1978"/>
      <c r="BP108" s="1546"/>
      <c r="BQ108" s="1546"/>
      <c r="BR108" s="1546"/>
      <c r="BS108" s="1546"/>
      <c r="BT108" s="1549"/>
      <c r="BU108" s="1550"/>
      <c r="BV108" s="1550"/>
      <c r="BW108" s="1550"/>
      <c r="BX108" s="1550"/>
      <c r="BY108" s="1550"/>
      <c r="BZ108" s="1550"/>
      <c r="CA108" s="1550"/>
      <c r="CB108" s="1550"/>
      <c r="CC108" s="1550"/>
      <c r="CD108" s="1550"/>
      <c r="CE108" s="1550"/>
      <c r="CF108" s="1550"/>
      <c r="CG108" s="1581"/>
      <c r="CH108" s="1582"/>
    </row>
    <row r="109" spans="5:86" ht="5.25" customHeight="1">
      <c r="E109" s="1595"/>
      <c r="F109" s="1595"/>
      <c r="G109" s="1595"/>
      <c r="H109" s="1595"/>
      <c r="I109" s="1595"/>
      <c r="J109" s="1595"/>
      <c r="K109" s="1595"/>
      <c r="L109" s="1595"/>
      <c r="M109" s="1595"/>
      <c r="N109" s="1595"/>
      <c r="O109" s="1595"/>
      <c r="P109" s="1595"/>
      <c r="Q109" s="1595"/>
      <c r="R109" s="1595"/>
      <c r="S109" s="1595"/>
      <c r="T109" s="1595"/>
      <c r="U109" s="1595"/>
      <c r="V109" s="1595"/>
      <c r="W109" s="1595"/>
      <c r="X109" s="1595"/>
      <c r="Y109" s="1595"/>
      <c r="Z109" s="1595"/>
      <c r="AA109" s="1595"/>
      <c r="AB109" s="1595"/>
      <c r="AC109" s="1595"/>
      <c r="AD109" s="1595"/>
      <c r="AE109" s="1595"/>
      <c r="AF109" s="1595"/>
      <c r="AG109" s="1595"/>
      <c r="AH109" s="1595"/>
      <c r="AI109" s="1595"/>
      <c r="AJ109" s="1595"/>
      <c r="AK109" s="1595"/>
      <c r="AL109" s="1595"/>
      <c r="AM109" s="1595"/>
      <c r="AN109" s="1595"/>
      <c r="AO109" s="1595"/>
      <c r="AP109" s="1595"/>
      <c r="AQ109" s="1595"/>
      <c r="AR109" s="1595"/>
      <c r="AS109" s="1595"/>
      <c r="AT109" s="1595"/>
      <c r="AU109" s="1595"/>
      <c r="AV109" s="1595"/>
      <c r="AW109" s="1595"/>
      <c r="AY109" s="1966"/>
      <c r="AZ109" s="1966"/>
      <c r="BA109" s="1966"/>
      <c r="BB109" s="1966"/>
      <c r="BC109" s="1976" t="s">
        <v>538</v>
      </c>
      <c r="BD109" s="1977"/>
      <c r="BE109" s="1977"/>
      <c r="BF109" s="1977"/>
      <c r="BG109" s="1977"/>
      <c r="BH109" s="1977"/>
      <c r="BI109" s="1977"/>
      <c r="BJ109" s="1977"/>
      <c r="BK109" s="1977"/>
      <c r="BL109" s="1977"/>
      <c r="BM109" s="1977"/>
      <c r="BN109" s="1977"/>
      <c r="BO109" s="1977"/>
      <c r="BP109" s="1546" t="s">
        <v>519</v>
      </c>
      <c r="BQ109" s="1546"/>
      <c r="BR109" s="1546"/>
      <c r="BS109" s="1546"/>
      <c r="BT109" s="1547"/>
      <c r="BU109" s="1548"/>
      <c r="BV109" s="1548"/>
      <c r="BW109" s="1548"/>
      <c r="BX109" s="1548"/>
      <c r="BY109" s="1548"/>
      <c r="BZ109" s="1548"/>
      <c r="CA109" s="1548"/>
      <c r="CB109" s="1548"/>
      <c r="CC109" s="1548"/>
      <c r="CD109" s="1548"/>
      <c r="CE109" s="1548"/>
      <c r="CF109" s="1548"/>
      <c r="CG109" s="1579"/>
      <c r="CH109" s="1580"/>
    </row>
    <row r="110" spans="5:86" ht="5.25" customHeight="1">
      <c r="E110" s="1478" t="s">
        <v>293</v>
      </c>
      <c r="F110" s="1479"/>
      <c r="G110" s="1480"/>
      <c r="H110" s="1461">
        <v>1</v>
      </c>
      <c r="I110" s="1487" t="s">
        <v>390</v>
      </c>
      <c r="J110" s="1488"/>
      <c r="K110" s="1488"/>
      <c r="L110" s="1488"/>
      <c r="M110" s="1488"/>
      <c r="N110" s="1488"/>
      <c r="O110" s="1488"/>
      <c r="P110" s="1488"/>
      <c r="Q110" s="1488"/>
      <c r="R110" s="1488"/>
      <c r="S110" s="1488"/>
      <c r="T110" s="1488"/>
      <c r="U110" s="1488"/>
      <c r="V110" s="1488"/>
      <c r="W110" s="1488"/>
      <c r="X110" s="1488"/>
      <c r="Y110" s="1489"/>
      <c r="Z110" s="1487" t="s">
        <v>277</v>
      </c>
      <c r="AA110" s="1488"/>
      <c r="AB110" s="1488"/>
      <c r="AC110" s="1489"/>
      <c r="AD110" s="1487" t="s">
        <v>486</v>
      </c>
      <c r="AE110" s="1488"/>
      <c r="AF110" s="1488"/>
      <c r="AG110" s="1488"/>
      <c r="AH110" s="1488"/>
      <c r="AI110" s="1488"/>
      <c r="AJ110" s="1488"/>
      <c r="AK110" s="1488"/>
      <c r="AL110" s="1489"/>
      <c r="AM110" s="1490" t="s">
        <v>440</v>
      </c>
      <c r="AN110" s="1491"/>
      <c r="AO110" s="1491"/>
      <c r="AP110" s="1491"/>
      <c r="AQ110" s="1491"/>
      <c r="AR110" s="1492"/>
      <c r="AS110" s="1487" t="s">
        <v>296</v>
      </c>
      <c r="AT110" s="1488"/>
      <c r="AU110" s="1488"/>
      <c r="AV110" s="1488"/>
      <c r="AW110" s="1489"/>
      <c r="AY110" s="1966"/>
      <c r="AZ110" s="1966"/>
      <c r="BA110" s="1966"/>
      <c r="BB110" s="1966"/>
      <c r="BC110" s="1977"/>
      <c r="BD110" s="1977"/>
      <c r="BE110" s="1977"/>
      <c r="BF110" s="1977"/>
      <c r="BG110" s="1977"/>
      <c r="BH110" s="1977"/>
      <c r="BI110" s="1977"/>
      <c r="BJ110" s="1977"/>
      <c r="BK110" s="1977"/>
      <c r="BL110" s="1977"/>
      <c r="BM110" s="1977"/>
      <c r="BN110" s="1977"/>
      <c r="BO110" s="1977"/>
      <c r="BP110" s="1546"/>
      <c r="BQ110" s="1546"/>
      <c r="BR110" s="1546"/>
      <c r="BS110" s="1546"/>
      <c r="BT110" s="1549"/>
      <c r="BU110" s="1550"/>
      <c r="BV110" s="1550"/>
      <c r="BW110" s="1550"/>
      <c r="BX110" s="1550"/>
      <c r="BY110" s="1550"/>
      <c r="BZ110" s="1550"/>
      <c r="CA110" s="1550"/>
      <c r="CB110" s="1550"/>
      <c r="CC110" s="1550"/>
      <c r="CD110" s="1550"/>
      <c r="CE110" s="1550"/>
      <c r="CF110" s="1550"/>
      <c r="CG110" s="1581"/>
      <c r="CH110" s="1582"/>
    </row>
    <row r="111" spans="5:86" ht="5.25" customHeight="1">
      <c r="E111" s="1481"/>
      <c r="F111" s="1482"/>
      <c r="G111" s="1483"/>
      <c r="H111" s="1462"/>
      <c r="I111" s="1404"/>
      <c r="J111" s="1405"/>
      <c r="K111" s="1405"/>
      <c r="L111" s="1405"/>
      <c r="M111" s="1405"/>
      <c r="N111" s="1405"/>
      <c r="O111" s="1405"/>
      <c r="P111" s="1405"/>
      <c r="Q111" s="1405"/>
      <c r="R111" s="1405"/>
      <c r="S111" s="1405"/>
      <c r="T111" s="1405"/>
      <c r="U111" s="1405"/>
      <c r="V111" s="1405"/>
      <c r="W111" s="1405"/>
      <c r="X111" s="1405"/>
      <c r="Y111" s="1406"/>
      <c r="Z111" s="1404"/>
      <c r="AA111" s="1405"/>
      <c r="AB111" s="1405"/>
      <c r="AC111" s="1406"/>
      <c r="AD111" s="1404"/>
      <c r="AE111" s="1405"/>
      <c r="AF111" s="1405"/>
      <c r="AG111" s="1405"/>
      <c r="AH111" s="1405"/>
      <c r="AI111" s="1405"/>
      <c r="AJ111" s="1405"/>
      <c r="AK111" s="1405"/>
      <c r="AL111" s="1406"/>
      <c r="AM111" s="1418"/>
      <c r="AN111" s="1419"/>
      <c r="AO111" s="1419"/>
      <c r="AP111" s="1419"/>
      <c r="AQ111" s="1419"/>
      <c r="AR111" s="1493"/>
      <c r="AS111" s="1404"/>
      <c r="AT111" s="1405"/>
      <c r="AU111" s="1405"/>
      <c r="AV111" s="1405"/>
      <c r="AW111" s="1406"/>
      <c r="AY111" s="1966"/>
      <c r="AZ111" s="1966"/>
      <c r="BA111" s="1966"/>
      <c r="BB111" s="1966"/>
      <c r="BC111" s="1977"/>
      <c r="BD111" s="1977"/>
      <c r="BE111" s="1977"/>
      <c r="BF111" s="1977"/>
      <c r="BG111" s="1977"/>
      <c r="BH111" s="1977"/>
      <c r="BI111" s="1977"/>
      <c r="BJ111" s="1977"/>
      <c r="BK111" s="1977"/>
      <c r="BL111" s="1977"/>
      <c r="BM111" s="1977"/>
      <c r="BN111" s="1977"/>
      <c r="BO111" s="1977"/>
      <c r="BP111" s="1546"/>
      <c r="BQ111" s="1546"/>
      <c r="BR111" s="1546"/>
      <c r="BS111" s="1546"/>
      <c r="BT111" s="1549"/>
      <c r="BU111" s="1550"/>
      <c r="BV111" s="1550"/>
      <c r="BW111" s="1550"/>
      <c r="BX111" s="1550"/>
      <c r="BY111" s="1550"/>
      <c r="BZ111" s="1550"/>
      <c r="CA111" s="1550"/>
      <c r="CB111" s="1550"/>
      <c r="CC111" s="1550"/>
      <c r="CD111" s="1550"/>
      <c r="CE111" s="1550"/>
      <c r="CF111" s="1550"/>
      <c r="CG111" s="1581"/>
      <c r="CH111" s="1582"/>
    </row>
    <row r="112" spans="5:86" ht="5.25" customHeight="1">
      <c r="E112" s="1481"/>
      <c r="F112" s="1482"/>
      <c r="G112" s="1483"/>
      <c r="H112" s="1462"/>
      <c r="I112" s="1404"/>
      <c r="J112" s="1405"/>
      <c r="K112" s="1405"/>
      <c r="L112" s="1405"/>
      <c r="M112" s="1405"/>
      <c r="N112" s="1405"/>
      <c r="O112" s="1405"/>
      <c r="P112" s="1405"/>
      <c r="Q112" s="1405"/>
      <c r="R112" s="1405"/>
      <c r="S112" s="1405"/>
      <c r="T112" s="1405"/>
      <c r="U112" s="1405"/>
      <c r="V112" s="1405"/>
      <c r="W112" s="1405"/>
      <c r="X112" s="1405"/>
      <c r="Y112" s="1406"/>
      <c r="Z112" s="1404"/>
      <c r="AA112" s="1405"/>
      <c r="AB112" s="1405"/>
      <c r="AC112" s="1406"/>
      <c r="AD112" s="1404"/>
      <c r="AE112" s="1405"/>
      <c r="AF112" s="1405"/>
      <c r="AG112" s="1405"/>
      <c r="AH112" s="1405"/>
      <c r="AI112" s="1405"/>
      <c r="AJ112" s="1405"/>
      <c r="AK112" s="1405"/>
      <c r="AL112" s="1406"/>
      <c r="AM112" s="1418"/>
      <c r="AN112" s="1419"/>
      <c r="AO112" s="1419"/>
      <c r="AP112" s="1419"/>
      <c r="AQ112" s="1419"/>
      <c r="AR112" s="1493"/>
      <c r="AS112" s="1404"/>
      <c r="AT112" s="1405"/>
      <c r="AU112" s="1405"/>
      <c r="AV112" s="1405"/>
      <c r="AW112" s="1406"/>
      <c r="AY112" s="1966"/>
      <c r="AZ112" s="1966"/>
      <c r="BA112" s="1966"/>
      <c r="BB112" s="1966"/>
      <c r="BC112" s="1977"/>
      <c r="BD112" s="1977"/>
      <c r="BE112" s="1977"/>
      <c r="BF112" s="1977"/>
      <c r="BG112" s="1977"/>
      <c r="BH112" s="1977"/>
      <c r="BI112" s="1977"/>
      <c r="BJ112" s="1977"/>
      <c r="BK112" s="1977"/>
      <c r="BL112" s="1977"/>
      <c r="BM112" s="1977"/>
      <c r="BN112" s="1977"/>
      <c r="BO112" s="1977"/>
      <c r="BP112" s="1546"/>
      <c r="BQ112" s="1546"/>
      <c r="BR112" s="1546"/>
      <c r="BS112" s="1546"/>
      <c r="BT112" s="1551"/>
      <c r="BU112" s="1552"/>
      <c r="BV112" s="1552"/>
      <c r="BW112" s="1552"/>
      <c r="BX112" s="1552"/>
      <c r="BY112" s="1552"/>
      <c r="BZ112" s="1552"/>
      <c r="CA112" s="1552"/>
      <c r="CB112" s="1552"/>
      <c r="CC112" s="1552"/>
      <c r="CD112" s="1552"/>
      <c r="CE112" s="1552"/>
      <c r="CF112" s="1552"/>
      <c r="CG112" s="1583"/>
      <c r="CH112" s="1584"/>
    </row>
    <row r="113" spans="5:86" ht="5.25" customHeight="1">
      <c r="E113" s="1481"/>
      <c r="F113" s="1482"/>
      <c r="G113" s="1483"/>
      <c r="H113" s="1462"/>
      <c r="I113" s="1407"/>
      <c r="J113" s="1408"/>
      <c r="K113" s="1408"/>
      <c r="L113" s="1408"/>
      <c r="M113" s="1408"/>
      <c r="N113" s="1408"/>
      <c r="O113" s="1408"/>
      <c r="P113" s="1408"/>
      <c r="Q113" s="1408"/>
      <c r="R113" s="1408"/>
      <c r="S113" s="1408"/>
      <c r="T113" s="1408"/>
      <c r="U113" s="1408"/>
      <c r="V113" s="1408"/>
      <c r="W113" s="1408"/>
      <c r="X113" s="1408"/>
      <c r="Y113" s="1409"/>
      <c r="Z113" s="1407"/>
      <c r="AA113" s="1408"/>
      <c r="AB113" s="1408"/>
      <c r="AC113" s="1409"/>
      <c r="AD113" s="1407"/>
      <c r="AE113" s="1408"/>
      <c r="AF113" s="1408"/>
      <c r="AG113" s="1408"/>
      <c r="AH113" s="1408"/>
      <c r="AI113" s="1408"/>
      <c r="AJ113" s="1408"/>
      <c r="AK113" s="1408"/>
      <c r="AL113" s="1409"/>
      <c r="AM113" s="1420"/>
      <c r="AN113" s="1421"/>
      <c r="AO113" s="1421"/>
      <c r="AP113" s="1421"/>
      <c r="AQ113" s="1421"/>
      <c r="AR113" s="1494"/>
      <c r="AS113" s="1407"/>
      <c r="AT113" s="1408"/>
      <c r="AU113" s="1408"/>
      <c r="AV113" s="1408"/>
      <c r="AW113" s="1409"/>
      <c r="AY113" s="1966"/>
      <c r="AZ113" s="1966"/>
      <c r="BA113" s="1966"/>
      <c r="BB113" s="1966"/>
      <c r="BC113" s="1957" t="s">
        <v>510</v>
      </c>
      <c r="BD113" s="1957"/>
      <c r="BE113" s="1957"/>
      <c r="BF113" s="1957"/>
      <c r="BG113" s="1957"/>
      <c r="BH113" s="1957"/>
      <c r="BI113" s="1957"/>
      <c r="BJ113" s="1957"/>
      <c r="BK113" s="1957"/>
      <c r="BL113" s="1957"/>
      <c r="BM113" s="1957"/>
      <c r="BN113" s="1957"/>
      <c r="BO113" s="1957"/>
      <c r="BP113" s="1546" t="s">
        <v>540</v>
      </c>
      <c r="BQ113" s="1546"/>
      <c r="BR113" s="1546"/>
      <c r="BS113" s="1546"/>
      <c r="BT113" s="1549"/>
      <c r="BU113" s="1550"/>
      <c r="BV113" s="1550"/>
      <c r="BW113" s="1550"/>
      <c r="BX113" s="1550"/>
      <c r="BY113" s="1550"/>
      <c r="BZ113" s="1550"/>
      <c r="CA113" s="1550"/>
      <c r="CB113" s="1550"/>
      <c r="CC113" s="1550"/>
      <c r="CD113" s="1550"/>
      <c r="CE113" s="1550"/>
      <c r="CF113" s="1550"/>
      <c r="CG113" s="1581"/>
      <c r="CH113" s="1582"/>
    </row>
    <row r="114" spans="5:86" ht="5.25" customHeight="1">
      <c r="E114" s="1481"/>
      <c r="F114" s="1482"/>
      <c r="G114" s="1483"/>
      <c r="H114" s="1462"/>
      <c r="I114" s="1495"/>
      <c r="J114" s="1496"/>
      <c r="K114" s="1496"/>
      <c r="L114" s="1496"/>
      <c r="M114" s="1496"/>
      <c r="N114" s="1496"/>
      <c r="O114" s="1496"/>
      <c r="P114" s="1496"/>
      <c r="Q114" s="1496"/>
      <c r="R114" s="1496"/>
      <c r="S114" s="1496"/>
      <c r="T114" s="1496"/>
      <c r="U114" s="1496"/>
      <c r="V114" s="1496"/>
      <c r="W114" s="1496"/>
      <c r="X114" s="1496"/>
      <c r="Y114" s="1497"/>
      <c r="Z114" s="1501"/>
      <c r="AA114" s="1502"/>
      <c r="AB114" s="1502"/>
      <c r="AC114" s="1503"/>
      <c r="AD114" s="1504" t="s">
        <v>485</v>
      </c>
      <c r="AE114" s="1505"/>
      <c r="AF114" s="1505"/>
      <c r="AG114" s="1505"/>
      <c r="AH114" s="1505"/>
      <c r="AI114" s="1505"/>
      <c r="AJ114" s="1505"/>
      <c r="AK114" s="1505"/>
      <c r="AL114" s="1506"/>
      <c r="AM114" s="1510" t="s">
        <v>306</v>
      </c>
      <c r="AN114" s="1511"/>
      <c r="AO114" s="1511"/>
      <c r="AP114" s="1511"/>
      <c r="AQ114" s="1511"/>
      <c r="AR114" s="1512"/>
      <c r="AS114" s="1513" t="s">
        <v>312</v>
      </c>
      <c r="AT114" s="1514"/>
      <c r="AU114" s="1514"/>
      <c r="AV114" s="1514"/>
      <c r="AW114" s="1515"/>
      <c r="AY114" s="1966"/>
      <c r="AZ114" s="1966"/>
      <c r="BA114" s="1966"/>
      <c r="BB114" s="1966"/>
      <c r="BC114" s="1957"/>
      <c r="BD114" s="1957"/>
      <c r="BE114" s="1957"/>
      <c r="BF114" s="1957"/>
      <c r="BG114" s="1957"/>
      <c r="BH114" s="1957"/>
      <c r="BI114" s="1957"/>
      <c r="BJ114" s="1957"/>
      <c r="BK114" s="1957"/>
      <c r="BL114" s="1957"/>
      <c r="BM114" s="1957"/>
      <c r="BN114" s="1957"/>
      <c r="BO114" s="1957"/>
      <c r="BP114" s="1546"/>
      <c r="BQ114" s="1546"/>
      <c r="BR114" s="1546"/>
      <c r="BS114" s="1546"/>
      <c r="BT114" s="1549"/>
      <c r="BU114" s="1550"/>
      <c r="BV114" s="1550"/>
      <c r="BW114" s="1550"/>
      <c r="BX114" s="1550"/>
      <c r="BY114" s="1550"/>
      <c r="BZ114" s="1550"/>
      <c r="CA114" s="1550"/>
      <c r="CB114" s="1550"/>
      <c r="CC114" s="1550"/>
      <c r="CD114" s="1550"/>
      <c r="CE114" s="1550"/>
      <c r="CF114" s="1550"/>
      <c r="CG114" s="1581"/>
      <c r="CH114" s="1582"/>
    </row>
    <row r="115" spans="5:86" ht="5.25" customHeight="1">
      <c r="E115" s="1481"/>
      <c r="F115" s="1482"/>
      <c r="G115" s="1483"/>
      <c r="H115" s="1462"/>
      <c r="I115" s="1498"/>
      <c r="J115" s="1499"/>
      <c r="K115" s="1499"/>
      <c r="L115" s="1499"/>
      <c r="M115" s="1499"/>
      <c r="N115" s="1499"/>
      <c r="O115" s="1499"/>
      <c r="P115" s="1499"/>
      <c r="Q115" s="1499"/>
      <c r="R115" s="1499"/>
      <c r="S115" s="1499"/>
      <c r="T115" s="1499"/>
      <c r="U115" s="1499"/>
      <c r="V115" s="1499"/>
      <c r="W115" s="1499"/>
      <c r="X115" s="1499"/>
      <c r="Y115" s="1500"/>
      <c r="Z115" s="1443"/>
      <c r="AA115" s="1444"/>
      <c r="AB115" s="1444"/>
      <c r="AC115" s="1445"/>
      <c r="AD115" s="1507"/>
      <c r="AE115" s="1508"/>
      <c r="AF115" s="1508"/>
      <c r="AG115" s="1508"/>
      <c r="AH115" s="1508"/>
      <c r="AI115" s="1508"/>
      <c r="AJ115" s="1508"/>
      <c r="AK115" s="1508"/>
      <c r="AL115" s="1509"/>
      <c r="AM115" s="1449"/>
      <c r="AN115" s="1450"/>
      <c r="AO115" s="1450"/>
      <c r="AP115" s="1450"/>
      <c r="AQ115" s="1450"/>
      <c r="AR115" s="1451"/>
      <c r="AS115" s="1516"/>
      <c r="AT115" s="1517"/>
      <c r="AU115" s="1517"/>
      <c r="AV115" s="1517"/>
      <c r="AW115" s="1518"/>
      <c r="AY115" s="1966"/>
      <c r="AZ115" s="1966"/>
      <c r="BA115" s="1966"/>
      <c r="BB115" s="1966"/>
      <c r="BC115" s="1957"/>
      <c r="BD115" s="1957"/>
      <c r="BE115" s="1957"/>
      <c r="BF115" s="1957"/>
      <c r="BG115" s="1957"/>
      <c r="BH115" s="1957"/>
      <c r="BI115" s="1957"/>
      <c r="BJ115" s="1957"/>
      <c r="BK115" s="1957"/>
      <c r="BL115" s="1957"/>
      <c r="BM115" s="1957"/>
      <c r="BN115" s="1957"/>
      <c r="BO115" s="1957"/>
      <c r="BP115" s="1546"/>
      <c r="BQ115" s="1546"/>
      <c r="BR115" s="1546"/>
      <c r="BS115" s="1546"/>
      <c r="BT115" s="1549"/>
      <c r="BU115" s="1550"/>
      <c r="BV115" s="1550"/>
      <c r="BW115" s="1550"/>
      <c r="BX115" s="1550"/>
      <c r="BY115" s="1550"/>
      <c r="BZ115" s="1550"/>
      <c r="CA115" s="1550"/>
      <c r="CB115" s="1550"/>
      <c r="CC115" s="1550"/>
      <c r="CD115" s="1550"/>
      <c r="CE115" s="1550"/>
      <c r="CF115" s="1550"/>
      <c r="CG115" s="1581"/>
      <c r="CH115" s="1582"/>
    </row>
    <row r="116" spans="5:86" ht="5.25" customHeight="1">
      <c r="E116" s="1481"/>
      <c r="F116" s="1482"/>
      <c r="G116" s="1483"/>
      <c r="H116" s="1462"/>
      <c r="I116" s="1401"/>
      <c r="J116" s="1402"/>
      <c r="K116" s="1402"/>
      <c r="L116" s="1402"/>
      <c r="M116" s="1402"/>
      <c r="N116" s="1402"/>
      <c r="O116" s="1402"/>
      <c r="P116" s="1402"/>
      <c r="Q116" s="1402"/>
      <c r="R116" s="1402"/>
      <c r="S116" s="1402"/>
      <c r="T116" s="1402"/>
      <c r="U116" s="1402"/>
      <c r="V116" s="1402"/>
      <c r="W116" s="1402"/>
      <c r="X116" s="1402"/>
      <c r="Y116" s="1403"/>
      <c r="Z116" s="1443"/>
      <c r="AA116" s="1444"/>
      <c r="AB116" s="1444"/>
      <c r="AC116" s="1445"/>
      <c r="AD116" s="1472" t="s">
        <v>389</v>
      </c>
      <c r="AE116" s="1473"/>
      <c r="AF116" s="1473"/>
      <c r="AG116" s="1473"/>
      <c r="AH116" s="1473"/>
      <c r="AI116" s="1473"/>
      <c r="AJ116" s="1473"/>
      <c r="AK116" s="1473"/>
      <c r="AL116" s="1474"/>
      <c r="AM116" s="1424" t="s">
        <v>292</v>
      </c>
      <c r="AN116" s="1425"/>
      <c r="AO116" s="1425"/>
      <c r="AP116" s="1425"/>
      <c r="AQ116" s="1425"/>
      <c r="AR116" s="1426"/>
      <c r="AS116" s="1516"/>
      <c r="AT116" s="1517"/>
      <c r="AU116" s="1517"/>
      <c r="AV116" s="1517"/>
      <c r="AW116" s="1518"/>
      <c r="AY116" s="1966"/>
      <c r="AZ116" s="1966"/>
      <c r="BA116" s="1966"/>
      <c r="BB116" s="1966"/>
      <c r="BC116" s="1957"/>
      <c r="BD116" s="1957"/>
      <c r="BE116" s="1957"/>
      <c r="BF116" s="1957"/>
      <c r="BG116" s="1957"/>
      <c r="BH116" s="1957"/>
      <c r="BI116" s="1957"/>
      <c r="BJ116" s="1957"/>
      <c r="BK116" s="1957"/>
      <c r="BL116" s="1957"/>
      <c r="BM116" s="1957"/>
      <c r="BN116" s="1957"/>
      <c r="BO116" s="1957"/>
      <c r="BP116" s="1546"/>
      <c r="BQ116" s="1546"/>
      <c r="BR116" s="1546"/>
      <c r="BS116" s="1546"/>
      <c r="BT116" s="1549"/>
      <c r="BU116" s="1550"/>
      <c r="BV116" s="1550"/>
      <c r="BW116" s="1550"/>
      <c r="BX116" s="1550"/>
      <c r="BY116" s="1550"/>
      <c r="BZ116" s="1550"/>
      <c r="CA116" s="1550"/>
      <c r="CB116" s="1550"/>
      <c r="CC116" s="1550"/>
      <c r="CD116" s="1550"/>
      <c r="CE116" s="1550"/>
      <c r="CF116" s="1550"/>
      <c r="CG116" s="1581"/>
      <c r="CH116" s="1582"/>
    </row>
    <row r="117" spans="5:86" ht="5.25" customHeight="1">
      <c r="E117" s="1481"/>
      <c r="F117" s="1482"/>
      <c r="G117" s="1483"/>
      <c r="H117" s="1462"/>
      <c r="I117" s="1404"/>
      <c r="J117" s="1405"/>
      <c r="K117" s="1405"/>
      <c r="L117" s="1405"/>
      <c r="M117" s="1405"/>
      <c r="N117" s="1405"/>
      <c r="O117" s="1405"/>
      <c r="P117" s="1405"/>
      <c r="Q117" s="1405"/>
      <c r="R117" s="1405"/>
      <c r="S117" s="1405"/>
      <c r="T117" s="1405"/>
      <c r="U117" s="1405"/>
      <c r="V117" s="1405"/>
      <c r="W117" s="1405"/>
      <c r="X117" s="1405"/>
      <c r="Y117" s="1406"/>
      <c r="Z117" s="1443"/>
      <c r="AA117" s="1444"/>
      <c r="AB117" s="1444"/>
      <c r="AC117" s="1445"/>
      <c r="AD117" s="1472"/>
      <c r="AE117" s="1473"/>
      <c r="AF117" s="1473"/>
      <c r="AG117" s="1473"/>
      <c r="AH117" s="1473"/>
      <c r="AI117" s="1473"/>
      <c r="AJ117" s="1473"/>
      <c r="AK117" s="1473"/>
      <c r="AL117" s="1474"/>
      <c r="AM117" s="1424"/>
      <c r="AN117" s="1425"/>
      <c r="AO117" s="1425"/>
      <c r="AP117" s="1425"/>
      <c r="AQ117" s="1425"/>
      <c r="AR117" s="1426"/>
      <c r="AS117" s="1516"/>
      <c r="AT117" s="1517"/>
      <c r="AU117" s="1517"/>
      <c r="AV117" s="1517"/>
      <c r="AW117" s="1518"/>
      <c r="AY117" s="1966"/>
      <c r="AZ117" s="1966"/>
      <c r="BA117" s="1966"/>
      <c r="BB117" s="1966"/>
      <c r="BC117" s="1957" t="s">
        <v>507</v>
      </c>
      <c r="BD117" s="1957"/>
      <c r="BE117" s="1957"/>
      <c r="BF117" s="1957"/>
      <c r="BG117" s="1957"/>
      <c r="BH117" s="1957"/>
      <c r="BI117" s="1957"/>
      <c r="BJ117" s="1957"/>
      <c r="BK117" s="1957"/>
      <c r="BL117" s="1957"/>
      <c r="BM117" s="1957"/>
      <c r="BN117" s="1957"/>
      <c r="BO117" s="1957"/>
      <c r="BP117" s="1546" t="s">
        <v>517</v>
      </c>
      <c r="BQ117" s="1546"/>
      <c r="BR117" s="1546"/>
      <c r="BS117" s="1546"/>
      <c r="BT117" s="1547"/>
      <c r="BU117" s="1548"/>
      <c r="BV117" s="1548"/>
      <c r="BW117" s="1548"/>
      <c r="BX117" s="1548"/>
      <c r="BY117" s="1548"/>
      <c r="BZ117" s="1548"/>
      <c r="CA117" s="1548"/>
      <c r="CB117" s="1548"/>
      <c r="CC117" s="1548"/>
      <c r="CD117" s="1548"/>
      <c r="CE117" s="1548"/>
      <c r="CF117" s="1548"/>
      <c r="CG117" s="1579"/>
      <c r="CH117" s="1580"/>
    </row>
    <row r="118" spans="5:86" ht="5.25" customHeight="1">
      <c r="E118" s="1481"/>
      <c r="F118" s="1482"/>
      <c r="G118" s="1483"/>
      <c r="H118" s="1462"/>
      <c r="I118" s="1404"/>
      <c r="J118" s="1405"/>
      <c r="K118" s="1405"/>
      <c r="L118" s="1405"/>
      <c r="M118" s="1405"/>
      <c r="N118" s="1405"/>
      <c r="O118" s="1405"/>
      <c r="P118" s="1405"/>
      <c r="Q118" s="1405"/>
      <c r="R118" s="1405"/>
      <c r="S118" s="1405"/>
      <c r="T118" s="1405"/>
      <c r="U118" s="1405"/>
      <c r="V118" s="1405"/>
      <c r="W118" s="1405"/>
      <c r="X118" s="1405"/>
      <c r="Y118" s="1406"/>
      <c r="Z118" s="1443"/>
      <c r="AA118" s="1444"/>
      <c r="AB118" s="1444"/>
      <c r="AC118" s="1445"/>
      <c r="AD118" s="1472"/>
      <c r="AE118" s="1473"/>
      <c r="AF118" s="1473"/>
      <c r="AG118" s="1473"/>
      <c r="AH118" s="1473"/>
      <c r="AI118" s="1473"/>
      <c r="AJ118" s="1473"/>
      <c r="AK118" s="1473"/>
      <c r="AL118" s="1474"/>
      <c r="AM118" s="1424"/>
      <c r="AN118" s="1425"/>
      <c r="AO118" s="1425"/>
      <c r="AP118" s="1425"/>
      <c r="AQ118" s="1425"/>
      <c r="AR118" s="1426"/>
      <c r="AS118" s="1516"/>
      <c r="AT118" s="1517"/>
      <c r="AU118" s="1517"/>
      <c r="AV118" s="1517"/>
      <c r="AW118" s="1518"/>
      <c r="AY118" s="1966"/>
      <c r="AZ118" s="1966"/>
      <c r="BA118" s="1966"/>
      <c r="BB118" s="1966"/>
      <c r="BC118" s="1957"/>
      <c r="BD118" s="1957"/>
      <c r="BE118" s="1957"/>
      <c r="BF118" s="1957"/>
      <c r="BG118" s="1957"/>
      <c r="BH118" s="1957"/>
      <c r="BI118" s="1957"/>
      <c r="BJ118" s="1957"/>
      <c r="BK118" s="1957"/>
      <c r="BL118" s="1957"/>
      <c r="BM118" s="1957"/>
      <c r="BN118" s="1957"/>
      <c r="BO118" s="1957"/>
      <c r="BP118" s="1546"/>
      <c r="BQ118" s="1546"/>
      <c r="BR118" s="1546"/>
      <c r="BS118" s="1546"/>
      <c r="BT118" s="1549"/>
      <c r="BU118" s="1550"/>
      <c r="BV118" s="1550"/>
      <c r="BW118" s="1550"/>
      <c r="BX118" s="1550"/>
      <c r="BY118" s="1550"/>
      <c r="BZ118" s="1550"/>
      <c r="CA118" s="1550"/>
      <c r="CB118" s="1550"/>
      <c r="CC118" s="1550"/>
      <c r="CD118" s="1550"/>
      <c r="CE118" s="1550"/>
      <c r="CF118" s="1550"/>
      <c r="CG118" s="1581"/>
      <c r="CH118" s="1582"/>
    </row>
    <row r="119" spans="5:86" ht="5.25" customHeight="1">
      <c r="E119" s="1481"/>
      <c r="F119" s="1482"/>
      <c r="G119" s="1483"/>
      <c r="H119" s="1462"/>
      <c r="I119" s="1407"/>
      <c r="J119" s="1408"/>
      <c r="K119" s="1408"/>
      <c r="L119" s="1408"/>
      <c r="M119" s="1408"/>
      <c r="N119" s="1408"/>
      <c r="O119" s="1408"/>
      <c r="P119" s="1408"/>
      <c r="Q119" s="1408"/>
      <c r="R119" s="1408"/>
      <c r="S119" s="1408"/>
      <c r="T119" s="1408"/>
      <c r="U119" s="1408"/>
      <c r="V119" s="1408"/>
      <c r="W119" s="1408"/>
      <c r="X119" s="1408"/>
      <c r="Y119" s="1409"/>
      <c r="Z119" s="1443"/>
      <c r="AA119" s="1444"/>
      <c r="AB119" s="1444"/>
      <c r="AC119" s="1445"/>
      <c r="AD119" s="1472"/>
      <c r="AE119" s="1473"/>
      <c r="AF119" s="1473"/>
      <c r="AG119" s="1473"/>
      <c r="AH119" s="1473"/>
      <c r="AI119" s="1473"/>
      <c r="AJ119" s="1473"/>
      <c r="AK119" s="1473"/>
      <c r="AL119" s="1474"/>
      <c r="AM119" s="1424"/>
      <c r="AN119" s="1425"/>
      <c r="AO119" s="1425"/>
      <c r="AP119" s="1425"/>
      <c r="AQ119" s="1425"/>
      <c r="AR119" s="1426"/>
      <c r="AS119" s="1519"/>
      <c r="AT119" s="1520"/>
      <c r="AU119" s="1520"/>
      <c r="AV119" s="1520"/>
      <c r="AW119" s="1521"/>
      <c r="AY119" s="1966"/>
      <c r="AZ119" s="1966"/>
      <c r="BA119" s="1966"/>
      <c r="BB119" s="1966"/>
      <c r="BC119" s="1957"/>
      <c r="BD119" s="1957"/>
      <c r="BE119" s="1957"/>
      <c r="BF119" s="1957"/>
      <c r="BG119" s="1957"/>
      <c r="BH119" s="1957"/>
      <c r="BI119" s="1957"/>
      <c r="BJ119" s="1957"/>
      <c r="BK119" s="1957"/>
      <c r="BL119" s="1957"/>
      <c r="BM119" s="1957"/>
      <c r="BN119" s="1957"/>
      <c r="BO119" s="1957"/>
      <c r="BP119" s="1546"/>
      <c r="BQ119" s="1546"/>
      <c r="BR119" s="1546"/>
      <c r="BS119" s="1546"/>
      <c r="BT119" s="1549"/>
      <c r="BU119" s="1550"/>
      <c r="BV119" s="1550"/>
      <c r="BW119" s="1550"/>
      <c r="BX119" s="1550"/>
      <c r="BY119" s="1550"/>
      <c r="BZ119" s="1550"/>
      <c r="CA119" s="1550"/>
      <c r="CB119" s="1550"/>
      <c r="CC119" s="1550"/>
      <c r="CD119" s="1550"/>
      <c r="CE119" s="1550"/>
      <c r="CF119" s="1550"/>
      <c r="CG119" s="1581"/>
      <c r="CH119" s="1582"/>
    </row>
    <row r="120" spans="5:86" ht="5.25" customHeight="1">
      <c r="E120" s="1481"/>
      <c r="F120" s="1482"/>
      <c r="G120" s="1483"/>
      <c r="H120" s="1404"/>
      <c r="I120" s="1427" t="s">
        <v>438</v>
      </c>
      <c r="J120" s="1427"/>
      <c r="K120" s="1427"/>
      <c r="L120" s="1427"/>
      <c r="M120" s="1427"/>
      <c r="N120" s="1428"/>
      <c r="O120" s="1429"/>
      <c r="P120" s="1429"/>
      <c r="Q120" s="1429"/>
      <c r="R120" s="1429"/>
      <c r="S120" s="1429"/>
      <c r="T120" s="1429"/>
      <c r="U120" s="1429"/>
      <c r="V120" s="1429"/>
      <c r="W120" s="1429"/>
      <c r="X120" s="1429"/>
      <c r="Y120" s="1429"/>
      <c r="Z120" s="1429"/>
      <c r="AA120" s="1429"/>
      <c r="AB120" s="1429"/>
      <c r="AC120" s="1429"/>
      <c r="AD120" s="1429"/>
      <c r="AE120" s="1429"/>
      <c r="AF120" s="1429"/>
      <c r="AG120" s="1429"/>
      <c r="AH120" s="1429"/>
      <c r="AI120" s="1429"/>
      <c r="AJ120" s="1429"/>
      <c r="AK120" s="1429"/>
      <c r="AL120" s="1429"/>
      <c r="AM120" s="1429"/>
      <c r="AN120" s="1430"/>
      <c r="AO120" s="1410" t="s">
        <v>533</v>
      </c>
      <c r="AP120" s="1411"/>
      <c r="AQ120" s="1411"/>
      <c r="AR120" s="1411"/>
      <c r="AS120" s="1411"/>
      <c r="AT120" s="1414" t="s">
        <v>532</v>
      </c>
      <c r="AU120" s="1414"/>
      <c r="AV120" s="1414"/>
      <c r="AW120" s="1415"/>
      <c r="AY120" s="1966"/>
      <c r="AZ120" s="1966"/>
      <c r="BA120" s="1966"/>
      <c r="BB120" s="1966"/>
      <c r="BC120" s="1957"/>
      <c r="BD120" s="1957"/>
      <c r="BE120" s="1957"/>
      <c r="BF120" s="1957"/>
      <c r="BG120" s="1957"/>
      <c r="BH120" s="1957"/>
      <c r="BI120" s="1957"/>
      <c r="BJ120" s="1957"/>
      <c r="BK120" s="1957"/>
      <c r="BL120" s="1957"/>
      <c r="BM120" s="1957"/>
      <c r="BN120" s="1957"/>
      <c r="BO120" s="1957"/>
      <c r="BP120" s="1546"/>
      <c r="BQ120" s="1546"/>
      <c r="BR120" s="1546"/>
      <c r="BS120" s="1546"/>
      <c r="BT120" s="1551"/>
      <c r="BU120" s="1552"/>
      <c r="BV120" s="1552"/>
      <c r="BW120" s="1552"/>
      <c r="BX120" s="1552"/>
      <c r="BY120" s="1552"/>
      <c r="BZ120" s="1552"/>
      <c r="CA120" s="1552"/>
      <c r="CB120" s="1552"/>
      <c r="CC120" s="1552"/>
      <c r="CD120" s="1552"/>
      <c r="CE120" s="1552"/>
      <c r="CF120" s="1552"/>
      <c r="CG120" s="1583"/>
      <c r="CH120" s="1584"/>
    </row>
    <row r="121" spans="5:86" ht="5.25" customHeight="1">
      <c r="E121" s="1481"/>
      <c r="F121" s="1482"/>
      <c r="G121" s="1483"/>
      <c r="H121" s="1404"/>
      <c r="I121" s="1427"/>
      <c r="J121" s="1427"/>
      <c r="K121" s="1427"/>
      <c r="L121" s="1427"/>
      <c r="M121" s="1427"/>
      <c r="N121" s="1431"/>
      <c r="O121" s="1432"/>
      <c r="P121" s="1432"/>
      <c r="Q121" s="1432"/>
      <c r="R121" s="1432"/>
      <c r="S121" s="1432"/>
      <c r="T121" s="1432"/>
      <c r="U121" s="1432"/>
      <c r="V121" s="1432"/>
      <c r="W121" s="1432"/>
      <c r="X121" s="1432"/>
      <c r="Y121" s="1432"/>
      <c r="Z121" s="1432"/>
      <c r="AA121" s="1432"/>
      <c r="AB121" s="1432"/>
      <c r="AC121" s="1432"/>
      <c r="AD121" s="1432"/>
      <c r="AE121" s="1432"/>
      <c r="AF121" s="1432"/>
      <c r="AG121" s="1432"/>
      <c r="AH121" s="1432"/>
      <c r="AI121" s="1432"/>
      <c r="AJ121" s="1432"/>
      <c r="AK121" s="1432"/>
      <c r="AL121" s="1432"/>
      <c r="AM121" s="1432"/>
      <c r="AN121" s="1433"/>
      <c r="AO121" s="1412"/>
      <c r="AP121" s="1413"/>
      <c r="AQ121" s="1413"/>
      <c r="AR121" s="1413"/>
      <c r="AS121" s="1413"/>
      <c r="AT121" s="1416"/>
      <c r="AU121" s="1416"/>
      <c r="AV121" s="1416"/>
      <c r="AW121" s="1417"/>
      <c r="AY121" s="1966"/>
      <c r="AZ121" s="1966"/>
      <c r="BA121" s="1966"/>
      <c r="BB121" s="1966"/>
      <c r="BC121" s="1957" t="s">
        <v>511</v>
      </c>
      <c r="BD121" s="1957"/>
      <c r="BE121" s="1957"/>
      <c r="BF121" s="1957"/>
      <c r="BG121" s="1957"/>
      <c r="BH121" s="1957"/>
      <c r="BI121" s="1957"/>
      <c r="BJ121" s="1957"/>
      <c r="BK121" s="1957"/>
      <c r="BL121" s="1957"/>
      <c r="BM121" s="1957"/>
      <c r="BN121" s="1957"/>
      <c r="BO121" s="1957"/>
      <c r="BP121" s="1546" t="s">
        <v>541</v>
      </c>
      <c r="BQ121" s="1546"/>
      <c r="BR121" s="1546"/>
      <c r="BS121" s="1546"/>
      <c r="BT121" s="1549"/>
      <c r="BU121" s="1550"/>
      <c r="BV121" s="1550"/>
      <c r="BW121" s="1550"/>
      <c r="BX121" s="1550"/>
      <c r="BY121" s="1550"/>
      <c r="BZ121" s="1550"/>
      <c r="CA121" s="1550"/>
      <c r="CB121" s="1550"/>
      <c r="CC121" s="1550"/>
      <c r="CD121" s="1550"/>
      <c r="CE121" s="1550"/>
      <c r="CF121" s="1550"/>
      <c r="CG121" s="1581"/>
      <c r="CH121" s="1582"/>
    </row>
    <row r="122" spans="5:86" ht="5.25" customHeight="1">
      <c r="E122" s="1481"/>
      <c r="F122" s="1482"/>
      <c r="G122" s="1483"/>
      <c r="H122" s="1404"/>
      <c r="I122" s="1427"/>
      <c r="J122" s="1427"/>
      <c r="K122" s="1427"/>
      <c r="L122" s="1427"/>
      <c r="M122" s="1427"/>
      <c r="N122" s="1431"/>
      <c r="O122" s="1432"/>
      <c r="P122" s="1432"/>
      <c r="Q122" s="1432"/>
      <c r="R122" s="1432"/>
      <c r="S122" s="1432"/>
      <c r="T122" s="1432"/>
      <c r="U122" s="1432"/>
      <c r="V122" s="1432"/>
      <c r="W122" s="1432"/>
      <c r="X122" s="1432"/>
      <c r="Y122" s="1432"/>
      <c r="Z122" s="1432"/>
      <c r="AA122" s="1432"/>
      <c r="AB122" s="1432"/>
      <c r="AC122" s="1432"/>
      <c r="AD122" s="1432"/>
      <c r="AE122" s="1432"/>
      <c r="AF122" s="1432"/>
      <c r="AG122" s="1432"/>
      <c r="AH122" s="1432"/>
      <c r="AI122" s="1432"/>
      <c r="AJ122" s="1432"/>
      <c r="AK122" s="1432"/>
      <c r="AL122" s="1432"/>
      <c r="AM122" s="1432"/>
      <c r="AN122" s="1433"/>
      <c r="AO122" s="1418" t="s">
        <v>534</v>
      </c>
      <c r="AP122" s="1419"/>
      <c r="AQ122" s="1419"/>
      <c r="AR122" s="1419"/>
      <c r="AS122" s="1419"/>
      <c r="AT122" s="1416" t="s">
        <v>531</v>
      </c>
      <c r="AU122" s="1416"/>
      <c r="AV122" s="1416"/>
      <c r="AW122" s="1417"/>
      <c r="AY122" s="1966"/>
      <c r="AZ122" s="1966"/>
      <c r="BA122" s="1966"/>
      <c r="BB122" s="1966"/>
      <c r="BC122" s="1957"/>
      <c r="BD122" s="1957"/>
      <c r="BE122" s="1957"/>
      <c r="BF122" s="1957"/>
      <c r="BG122" s="1957"/>
      <c r="BH122" s="1957"/>
      <c r="BI122" s="1957"/>
      <c r="BJ122" s="1957"/>
      <c r="BK122" s="1957"/>
      <c r="BL122" s="1957"/>
      <c r="BM122" s="1957"/>
      <c r="BN122" s="1957"/>
      <c r="BO122" s="1957"/>
      <c r="BP122" s="1546"/>
      <c r="BQ122" s="1546"/>
      <c r="BR122" s="1546"/>
      <c r="BS122" s="1546"/>
      <c r="BT122" s="1549"/>
      <c r="BU122" s="1550"/>
      <c r="BV122" s="1550"/>
      <c r="BW122" s="1550"/>
      <c r="BX122" s="1550"/>
      <c r="BY122" s="1550"/>
      <c r="BZ122" s="1550"/>
      <c r="CA122" s="1550"/>
      <c r="CB122" s="1550"/>
      <c r="CC122" s="1550"/>
      <c r="CD122" s="1550"/>
      <c r="CE122" s="1550"/>
      <c r="CF122" s="1550"/>
      <c r="CG122" s="1581"/>
      <c r="CH122" s="1582"/>
    </row>
    <row r="123" spans="5:86" ht="5.25" customHeight="1">
      <c r="E123" s="1481"/>
      <c r="F123" s="1482"/>
      <c r="G123" s="1483"/>
      <c r="H123" s="1407"/>
      <c r="I123" s="1427"/>
      <c r="J123" s="1427"/>
      <c r="K123" s="1427"/>
      <c r="L123" s="1427"/>
      <c r="M123" s="1427"/>
      <c r="N123" s="1434"/>
      <c r="O123" s="1435"/>
      <c r="P123" s="1435"/>
      <c r="Q123" s="1435"/>
      <c r="R123" s="1435"/>
      <c r="S123" s="1435"/>
      <c r="T123" s="1435"/>
      <c r="U123" s="1435"/>
      <c r="V123" s="1435"/>
      <c r="W123" s="1435"/>
      <c r="X123" s="1435"/>
      <c r="Y123" s="1435"/>
      <c r="Z123" s="1435"/>
      <c r="AA123" s="1435"/>
      <c r="AB123" s="1435"/>
      <c r="AC123" s="1435"/>
      <c r="AD123" s="1435"/>
      <c r="AE123" s="1435"/>
      <c r="AF123" s="1435"/>
      <c r="AG123" s="1435"/>
      <c r="AH123" s="1435"/>
      <c r="AI123" s="1435"/>
      <c r="AJ123" s="1435"/>
      <c r="AK123" s="1435"/>
      <c r="AL123" s="1435"/>
      <c r="AM123" s="1435"/>
      <c r="AN123" s="1436"/>
      <c r="AO123" s="1420"/>
      <c r="AP123" s="1421"/>
      <c r="AQ123" s="1421"/>
      <c r="AR123" s="1421"/>
      <c r="AS123" s="1421"/>
      <c r="AT123" s="1422"/>
      <c r="AU123" s="1422"/>
      <c r="AV123" s="1422"/>
      <c r="AW123" s="1423"/>
      <c r="AY123" s="1966"/>
      <c r="AZ123" s="1966"/>
      <c r="BA123" s="1966"/>
      <c r="BB123" s="1966"/>
      <c r="BC123" s="1957"/>
      <c r="BD123" s="1957"/>
      <c r="BE123" s="1957"/>
      <c r="BF123" s="1957"/>
      <c r="BG123" s="1957"/>
      <c r="BH123" s="1957"/>
      <c r="BI123" s="1957"/>
      <c r="BJ123" s="1957"/>
      <c r="BK123" s="1957"/>
      <c r="BL123" s="1957"/>
      <c r="BM123" s="1957"/>
      <c r="BN123" s="1957"/>
      <c r="BO123" s="1957"/>
      <c r="BP123" s="1546"/>
      <c r="BQ123" s="1546"/>
      <c r="BR123" s="1546"/>
      <c r="BS123" s="1546"/>
      <c r="BT123" s="1549"/>
      <c r="BU123" s="1550"/>
      <c r="BV123" s="1550"/>
      <c r="BW123" s="1550"/>
      <c r="BX123" s="1550"/>
      <c r="BY123" s="1550"/>
      <c r="BZ123" s="1550"/>
      <c r="CA123" s="1550"/>
      <c r="CB123" s="1550"/>
      <c r="CC123" s="1550"/>
      <c r="CD123" s="1550"/>
      <c r="CE123" s="1550"/>
      <c r="CF123" s="1550"/>
      <c r="CG123" s="1581"/>
      <c r="CH123" s="1582"/>
    </row>
    <row r="124" spans="5:86" ht="5.25" customHeight="1">
      <c r="E124" s="1481"/>
      <c r="F124" s="1482"/>
      <c r="G124" s="1483"/>
      <c r="H124" s="1461">
        <v>2</v>
      </c>
      <c r="I124" s="1495"/>
      <c r="J124" s="1496"/>
      <c r="K124" s="1496"/>
      <c r="L124" s="1496"/>
      <c r="M124" s="1496"/>
      <c r="N124" s="1496"/>
      <c r="O124" s="1496"/>
      <c r="P124" s="1496"/>
      <c r="Q124" s="1496"/>
      <c r="R124" s="1496"/>
      <c r="S124" s="1496"/>
      <c r="T124" s="1496"/>
      <c r="U124" s="1496"/>
      <c r="V124" s="1496"/>
      <c r="W124" s="1496"/>
      <c r="X124" s="1496"/>
      <c r="Y124" s="1497"/>
      <c r="Z124" s="1443"/>
      <c r="AA124" s="1444"/>
      <c r="AB124" s="1444"/>
      <c r="AC124" s="1445"/>
      <c r="AD124" s="1507" t="s">
        <v>485</v>
      </c>
      <c r="AE124" s="1508"/>
      <c r="AF124" s="1508"/>
      <c r="AG124" s="1508"/>
      <c r="AH124" s="1508"/>
      <c r="AI124" s="1508"/>
      <c r="AJ124" s="1508"/>
      <c r="AK124" s="1508"/>
      <c r="AL124" s="1509"/>
      <c r="AM124" s="1449" t="s">
        <v>306</v>
      </c>
      <c r="AN124" s="1450"/>
      <c r="AO124" s="1450"/>
      <c r="AP124" s="1450"/>
      <c r="AQ124" s="1450"/>
      <c r="AR124" s="1451"/>
      <c r="AS124" s="1513" t="s">
        <v>312</v>
      </c>
      <c r="AT124" s="1514"/>
      <c r="AU124" s="1514"/>
      <c r="AV124" s="1514"/>
      <c r="AW124" s="1515"/>
      <c r="AY124" s="1966"/>
      <c r="AZ124" s="1966"/>
      <c r="BA124" s="1966"/>
      <c r="BB124" s="1966"/>
      <c r="BC124" s="1957"/>
      <c r="BD124" s="1957"/>
      <c r="BE124" s="1957"/>
      <c r="BF124" s="1957"/>
      <c r="BG124" s="1957"/>
      <c r="BH124" s="1957"/>
      <c r="BI124" s="1957"/>
      <c r="BJ124" s="1957"/>
      <c r="BK124" s="1957"/>
      <c r="BL124" s="1957"/>
      <c r="BM124" s="1957"/>
      <c r="BN124" s="1957"/>
      <c r="BO124" s="1957"/>
      <c r="BP124" s="1546"/>
      <c r="BQ124" s="1546"/>
      <c r="BR124" s="1546"/>
      <c r="BS124" s="1546"/>
      <c r="BT124" s="1549"/>
      <c r="BU124" s="1550"/>
      <c r="BV124" s="1550"/>
      <c r="BW124" s="1550"/>
      <c r="BX124" s="1550"/>
      <c r="BY124" s="1550"/>
      <c r="BZ124" s="1550"/>
      <c r="CA124" s="1550"/>
      <c r="CB124" s="1550"/>
      <c r="CC124" s="1550"/>
      <c r="CD124" s="1550"/>
      <c r="CE124" s="1550"/>
      <c r="CF124" s="1550"/>
      <c r="CG124" s="1581"/>
      <c r="CH124" s="1582"/>
    </row>
    <row r="125" spans="5:86" ht="5.25" customHeight="1">
      <c r="E125" s="1481"/>
      <c r="F125" s="1482"/>
      <c r="G125" s="1483"/>
      <c r="H125" s="1462"/>
      <c r="I125" s="1498"/>
      <c r="J125" s="1499"/>
      <c r="K125" s="1499"/>
      <c r="L125" s="1499"/>
      <c r="M125" s="1499"/>
      <c r="N125" s="1499"/>
      <c r="O125" s="1499"/>
      <c r="P125" s="1499"/>
      <c r="Q125" s="1499"/>
      <c r="R125" s="1499"/>
      <c r="S125" s="1499"/>
      <c r="T125" s="1499"/>
      <c r="U125" s="1499"/>
      <c r="V125" s="1499"/>
      <c r="W125" s="1499"/>
      <c r="X125" s="1499"/>
      <c r="Y125" s="1500"/>
      <c r="Z125" s="1443"/>
      <c r="AA125" s="1444"/>
      <c r="AB125" s="1444"/>
      <c r="AC125" s="1445"/>
      <c r="AD125" s="1507"/>
      <c r="AE125" s="1508"/>
      <c r="AF125" s="1508"/>
      <c r="AG125" s="1508"/>
      <c r="AH125" s="1508"/>
      <c r="AI125" s="1508"/>
      <c r="AJ125" s="1508"/>
      <c r="AK125" s="1508"/>
      <c r="AL125" s="1509"/>
      <c r="AM125" s="1449"/>
      <c r="AN125" s="1450"/>
      <c r="AO125" s="1450"/>
      <c r="AP125" s="1450"/>
      <c r="AQ125" s="1450"/>
      <c r="AR125" s="1451"/>
      <c r="AS125" s="1516"/>
      <c r="AT125" s="1517"/>
      <c r="AU125" s="1517"/>
      <c r="AV125" s="1517"/>
      <c r="AW125" s="1518"/>
      <c r="AY125" s="1966"/>
      <c r="AZ125" s="1966"/>
      <c r="BA125" s="1966"/>
      <c r="BB125" s="1966"/>
      <c r="BC125" s="1957" t="s">
        <v>512</v>
      </c>
      <c r="BD125" s="1957"/>
      <c r="BE125" s="1957"/>
      <c r="BF125" s="1957"/>
      <c r="BG125" s="1957"/>
      <c r="BH125" s="1957"/>
      <c r="BI125" s="1957"/>
      <c r="BJ125" s="1957"/>
      <c r="BK125" s="1957"/>
      <c r="BL125" s="1957"/>
      <c r="BM125" s="1957"/>
      <c r="BN125" s="1957"/>
      <c r="BO125" s="1957"/>
      <c r="BP125" s="1546" t="s">
        <v>542</v>
      </c>
      <c r="BQ125" s="1546"/>
      <c r="BR125" s="1546"/>
      <c r="BS125" s="1546"/>
      <c r="BT125" s="1994"/>
      <c r="BU125" s="1995"/>
      <c r="BV125" s="1995"/>
      <c r="BW125" s="1995"/>
      <c r="BX125" s="1995"/>
      <c r="BY125" s="1995"/>
      <c r="BZ125" s="1995"/>
      <c r="CA125" s="1995"/>
      <c r="CB125" s="1995"/>
      <c r="CC125" s="1995"/>
      <c r="CD125" s="1995"/>
      <c r="CE125" s="1995"/>
      <c r="CF125" s="1995"/>
      <c r="CG125" s="1579"/>
      <c r="CH125" s="1580"/>
    </row>
    <row r="126" spans="5:86" ht="5.25" customHeight="1">
      <c r="E126" s="1481"/>
      <c r="F126" s="1482"/>
      <c r="G126" s="1483"/>
      <c r="H126" s="1462"/>
      <c r="I126" s="1455"/>
      <c r="J126" s="1456"/>
      <c r="K126" s="1456"/>
      <c r="L126" s="1456"/>
      <c r="M126" s="1456"/>
      <c r="N126" s="1456"/>
      <c r="O126" s="1456"/>
      <c r="P126" s="1456"/>
      <c r="Q126" s="1456"/>
      <c r="R126" s="1456"/>
      <c r="S126" s="1456"/>
      <c r="T126" s="1456"/>
      <c r="U126" s="1456"/>
      <c r="V126" s="1456"/>
      <c r="W126" s="1456"/>
      <c r="X126" s="1456"/>
      <c r="Y126" s="1457"/>
      <c r="Z126" s="1443"/>
      <c r="AA126" s="1444"/>
      <c r="AB126" s="1444"/>
      <c r="AC126" s="1445"/>
      <c r="AD126" s="1472" t="s">
        <v>389</v>
      </c>
      <c r="AE126" s="1473"/>
      <c r="AF126" s="1473"/>
      <c r="AG126" s="1473"/>
      <c r="AH126" s="1473"/>
      <c r="AI126" s="1473"/>
      <c r="AJ126" s="1473"/>
      <c r="AK126" s="1473"/>
      <c r="AL126" s="1474"/>
      <c r="AM126" s="1424" t="s">
        <v>292</v>
      </c>
      <c r="AN126" s="1425"/>
      <c r="AO126" s="1425"/>
      <c r="AP126" s="1425"/>
      <c r="AQ126" s="1425"/>
      <c r="AR126" s="1426"/>
      <c r="AS126" s="1516"/>
      <c r="AT126" s="1517"/>
      <c r="AU126" s="1517"/>
      <c r="AV126" s="1517"/>
      <c r="AW126" s="1518"/>
      <c r="AY126" s="1966"/>
      <c r="AZ126" s="1966"/>
      <c r="BA126" s="1966"/>
      <c r="BB126" s="1966"/>
      <c r="BC126" s="1957"/>
      <c r="BD126" s="1957"/>
      <c r="BE126" s="1957"/>
      <c r="BF126" s="1957"/>
      <c r="BG126" s="1957"/>
      <c r="BH126" s="1957"/>
      <c r="BI126" s="1957"/>
      <c r="BJ126" s="1957"/>
      <c r="BK126" s="1957"/>
      <c r="BL126" s="1957"/>
      <c r="BM126" s="1957"/>
      <c r="BN126" s="1957"/>
      <c r="BO126" s="1957"/>
      <c r="BP126" s="1546"/>
      <c r="BQ126" s="1546"/>
      <c r="BR126" s="1546"/>
      <c r="BS126" s="1546"/>
      <c r="BT126" s="1996"/>
      <c r="BU126" s="1997"/>
      <c r="BV126" s="1997"/>
      <c r="BW126" s="1997"/>
      <c r="BX126" s="1997"/>
      <c r="BY126" s="1997"/>
      <c r="BZ126" s="1997"/>
      <c r="CA126" s="1997"/>
      <c r="CB126" s="1997"/>
      <c r="CC126" s="1997"/>
      <c r="CD126" s="1997"/>
      <c r="CE126" s="1997"/>
      <c r="CF126" s="1997"/>
      <c r="CG126" s="1581"/>
      <c r="CH126" s="1582"/>
    </row>
    <row r="127" spans="5:86" ht="5.25" customHeight="1">
      <c r="E127" s="1481"/>
      <c r="F127" s="1482"/>
      <c r="G127" s="1483"/>
      <c r="H127" s="1462"/>
      <c r="I127" s="1455"/>
      <c r="J127" s="1456"/>
      <c r="K127" s="1456"/>
      <c r="L127" s="1456"/>
      <c r="M127" s="1456"/>
      <c r="N127" s="1456"/>
      <c r="O127" s="1456"/>
      <c r="P127" s="1456"/>
      <c r="Q127" s="1456"/>
      <c r="R127" s="1456"/>
      <c r="S127" s="1456"/>
      <c r="T127" s="1456"/>
      <c r="U127" s="1456"/>
      <c r="V127" s="1456"/>
      <c r="W127" s="1456"/>
      <c r="X127" s="1456"/>
      <c r="Y127" s="1457"/>
      <c r="Z127" s="1443"/>
      <c r="AA127" s="1444"/>
      <c r="AB127" s="1444"/>
      <c r="AC127" s="1445"/>
      <c r="AD127" s="1472"/>
      <c r="AE127" s="1473"/>
      <c r="AF127" s="1473"/>
      <c r="AG127" s="1473"/>
      <c r="AH127" s="1473"/>
      <c r="AI127" s="1473"/>
      <c r="AJ127" s="1473"/>
      <c r="AK127" s="1473"/>
      <c r="AL127" s="1474"/>
      <c r="AM127" s="1424"/>
      <c r="AN127" s="1425"/>
      <c r="AO127" s="1425"/>
      <c r="AP127" s="1425"/>
      <c r="AQ127" s="1425"/>
      <c r="AR127" s="1426"/>
      <c r="AS127" s="1516"/>
      <c r="AT127" s="1517"/>
      <c r="AU127" s="1517"/>
      <c r="AV127" s="1517"/>
      <c r="AW127" s="1518"/>
      <c r="AY127" s="1966"/>
      <c r="AZ127" s="1966"/>
      <c r="BA127" s="1966"/>
      <c r="BB127" s="1966"/>
      <c r="BC127" s="1957"/>
      <c r="BD127" s="1957"/>
      <c r="BE127" s="1957"/>
      <c r="BF127" s="1957"/>
      <c r="BG127" s="1957"/>
      <c r="BH127" s="1957"/>
      <c r="BI127" s="1957"/>
      <c r="BJ127" s="1957"/>
      <c r="BK127" s="1957"/>
      <c r="BL127" s="1957"/>
      <c r="BM127" s="1957"/>
      <c r="BN127" s="1957"/>
      <c r="BO127" s="1957"/>
      <c r="BP127" s="1546"/>
      <c r="BQ127" s="1546"/>
      <c r="BR127" s="1546"/>
      <c r="BS127" s="1546"/>
      <c r="BT127" s="1996"/>
      <c r="BU127" s="1997"/>
      <c r="BV127" s="1997"/>
      <c r="BW127" s="1997"/>
      <c r="BX127" s="1997"/>
      <c r="BY127" s="1997"/>
      <c r="BZ127" s="1997"/>
      <c r="CA127" s="1997"/>
      <c r="CB127" s="1997"/>
      <c r="CC127" s="1997"/>
      <c r="CD127" s="1997"/>
      <c r="CE127" s="1997"/>
      <c r="CF127" s="1997"/>
      <c r="CG127" s="1581"/>
      <c r="CH127" s="1582"/>
    </row>
    <row r="128" spans="5:86" ht="5.25" customHeight="1">
      <c r="E128" s="1481"/>
      <c r="F128" s="1482"/>
      <c r="G128" s="1483"/>
      <c r="H128" s="1462"/>
      <c r="I128" s="1455"/>
      <c r="J128" s="1456"/>
      <c r="K128" s="1456"/>
      <c r="L128" s="1456"/>
      <c r="M128" s="1456"/>
      <c r="N128" s="1456"/>
      <c r="O128" s="1456"/>
      <c r="P128" s="1456"/>
      <c r="Q128" s="1456"/>
      <c r="R128" s="1456"/>
      <c r="S128" s="1456"/>
      <c r="T128" s="1456"/>
      <c r="U128" s="1456"/>
      <c r="V128" s="1456"/>
      <c r="W128" s="1456"/>
      <c r="X128" s="1456"/>
      <c r="Y128" s="1457"/>
      <c r="Z128" s="1443"/>
      <c r="AA128" s="1444"/>
      <c r="AB128" s="1444"/>
      <c r="AC128" s="1445"/>
      <c r="AD128" s="1472"/>
      <c r="AE128" s="1473"/>
      <c r="AF128" s="1473"/>
      <c r="AG128" s="1473"/>
      <c r="AH128" s="1473"/>
      <c r="AI128" s="1473"/>
      <c r="AJ128" s="1473"/>
      <c r="AK128" s="1473"/>
      <c r="AL128" s="1474"/>
      <c r="AM128" s="1424"/>
      <c r="AN128" s="1425"/>
      <c r="AO128" s="1425"/>
      <c r="AP128" s="1425"/>
      <c r="AQ128" s="1425"/>
      <c r="AR128" s="1426"/>
      <c r="AS128" s="1516"/>
      <c r="AT128" s="1517"/>
      <c r="AU128" s="1517"/>
      <c r="AV128" s="1517"/>
      <c r="AW128" s="1518"/>
      <c r="AY128" s="1966"/>
      <c r="AZ128" s="1966"/>
      <c r="BA128" s="1966"/>
      <c r="BB128" s="1966"/>
      <c r="BC128" s="1957"/>
      <c r="BD128" s="1957"/>
      <c r="BE128" s="1957"/>
      <c r="BF128" s="1957"/>
      <c r="BG128" s="1957"/>
      <c r="BH128" s="1957"/>
      <c r="BI128" s="1957"/>
      <c r="BJ128" s="1957"/>
      <c r="BK128" s="1957"/>
      <c r="BL128" s="1957"/>
      <c r="BM128" s="1957"/>
      <c r="BN128" s="1957"/>
      <c r="BO128" s="1957"/>
      <c r="BP128" s="1546"/>
      <c r="BQ128" s="1546"/>
      <c r="BR128" s="1546"/>
      <c r="BS128" s="1546"/>
      <c r="BT128" s="1998"/>
      <c r="BU128" s="1999"/>
      <c r="BV128" s="1999"/>
      <c r="BW128" s="1999"/>
      <c r="BX128" s="1999"/>
      <c r="BY128" s="1999"/>
      <c r="BZ128" s="1999"/>
      <c r="CA128" s="1999"/>
      <c r="CB128" s="1999"/>
      <c r="CC128" s="1999"/>
      <c r="CD128" s="1999"/>
      <c r="CE128" s="1999"/>
      <c r="CF128" s="1999"/>
      <c r="CG128" s="1583"/>
      <c r="CH128" s="1584"/>
    </row>
    <row r="129" spans="5:86" ht="5.25" customHeight="1">
      <c r="E129" s="1481"/>
      <c r="F129" s="1482"/>
      <c r="G129" s="1483"/>
      <c r="H129" s="1462"/>
      <c r="I129" s="1455"/>
      <c r="J129" s="1456"/>
      <c r="K129" s="1456"/>
      <c r="L129" s="1456"/>
      <c r="M129" s="1456"/>
      <c r="N129" s="1456"/>
      <c r="O129" s="1456"/>
      <c r="P129" s="1456"/>
      <c r="Q129" s="1456"/>
      <c r="R129" s="1456"/>
      <c r="S129" s="1456"/>
      <c r="T129" s="1456"/>
      <c r="U129" s="1456"/>
      <c r="V129" s="1456"/>
      <c r="W129" s="1456"/>
      <c r="X129" s="1456"/>
      <c r="Y129" s="1457"/>
      <c r="Z129" s="1443"/>
      <c r="AA129" s="1444"/>
      <c r="AB129" s="1444"/>
      <c r="AC129" s="1445"/>
      <c r="AD129" s="1472"/>
      <c r="AE129" s="1473"/>
      <c r="AF129" s="1473"/>
      <c r="AG129" s="1473"/>
      <c r="AH129" s="1473"/>
      <c r="AI129" s="1473"/>
      <c r="AJ129" s="1473"/>
      <c r="AK129" s="1473"/>
      <c r="AL129" s="1474"/>
      <c r="AM129" s="1424"/>
      <c r="AN129" s="1425"/>
      <c r="AO129" s="1425"/>
      <c r="AP129" s="1425"/>
      <c r="AQ129" s="1425"/>
      <c r="AR129" s="1426"/>
      <c r="AS129" s="1519"/>
      <c r="AT129" s="1520"/>
      <c r="AU129" s="1520"/>
      <c r="AV129" s="1520"/>
      <c r="AW129" s="1521"/>
      <c r="AY129" s="1966"/>
      <c r="AZ129" s="1966"/>
      <c r="BA129" s="1966"/>
      <c r="BB129" s="1966"/>
      <c r="BC129" s="1721" t="s">
        <v>513</v>
      </c>
      <c r="BD129" s="1721"/>
      <c r="BE129" s="1721"/>
      <c r="BF129" s="1721"/>
      <c r="BG129" s="1721"/>
      <c r="BH129" s="1721"/>
      <c r="BI129" s="1721"/>
      <c r="BJ129" s="1721"/>
      <c r="BK129" s="1721"/>
      <c r="BL129" s="1721"/>
      <c r="BM129" s="1721"/>
      <c r="BN129" s="1721"/>
      <c r="BO129" s="1721"/>
      <c r="BP129" s="1546" t="s">
        <v>518</v>
      </c>
      <c r="BQ129" s="1546"/>
      <c r="BR129" s="1546"/>
      <c r="BS129" s="1546"/>
      <c r="BT129" s="1549"/>
      <c r="BU129" s="1550"/>
      <c r="BV129" s="1550"/>
      <c r="BW129" s="1550"/>
      <c r="BX129" s="1550"/>
      <c r="BY129" s="1550"/>
      <c r="BZ129" s="1550"/>
      <c r="CA129" s="1550"/>
      <c r="CB129" s="1550"/>
      <c r="CC129" s="1550"/>
      <c r="CD129" s="1550"/>
      <c r="CE129" s="1550"/>
      <c r="CF129" s="1550"/>
      <c r="CG129" s="1581"/>
      <c r="CH129" s="1582"/>
    </row>
    <row r="130" spans="5:86" ht="5.25" customHeight="1">
      <c r="E130" s="1481"/>
      <c r="F130" s="1482"/>
      <c r="G130" s="1483"/>
      <c r="H130" s="1404"/>
      <c r="I130" s="1427" t="s">
        <v>438</v>
      </c>
      <c r="J130" s="1427"/>
      <c r="K130" s="1427"/>
      <c r="L130" s="1427"/>
      <c r="M130" s="1427"/>
      <c r="N130" s="1428"/>
      <c r="O130" s="1429"/>
      <c r="P130" s="1429"/>
      <c r="Q130" s="1429"/>
      <c r="R130" s="1429"/>
      <c r="S130" s="1429"/>
      <c r="T130" s="1429"/>
      <c r="U130" s="1429"/>
      <c r="V130" s="1429"/>
      <c r="W130" s="1429"/>
      <c r="X130" s="1429"/>
      <c r="Y130" s="1429"/>
      <c r="Z130" s="1429"/>
      <c r="AA130" s="1429"/>
      <c r="AB130" s="1429"/>
      <c r="AC130" s="1429"/>
      <c r="AD130" s="1429"/>
      <c r="AE130" s="1429"/>
      <c r="AF130" s="1429"/>
      <c r="AG130" s="1429"/>
      <c r="AH130" s="1429"/>
      <c r="AI130" s="1429"/>
      <c r="AJ130" s="1429"/>
      <c r="AK130" s="1429"/>
      <c r="AL130" s="1429"/>
      <c r="AM130" s="1429"/>
      <c r="AN130" s="1430"/>
      <c r="AO130" s="1410" t="s">
        <v>533</v>
      </c>
      <c r="AP130" s="1411"/>
      <c r="AQ130" s="1411"/>
      <c r="AR130" s="1411"/>
      <c r="AS130" s="1411"/>
      <c r="AT130" s="1414" t="s">
        <v>532</v>
      </c>
      <c r="AU130" s="1414"/>
      <c r="AV130" s="1414"/>
      <c r="AW130" s="1415"/>
      <c r="AY130" s="1966"/>
      <c r="AZ130" s="1966"/>
      <c r="BA130" s="1966"/>
      <c r="BB130" s="1966"/>
      <c r="BC130" s="1721"/>
      <c r="BD130" s="1721"/>
      <c r="BE130" s="1721"/>
      <c r="BF130" s="1721"/>
      <c r="BG130" s="1721"/>
      <c r="BH130" s="1721"/>
      <c r="BI130" s="1721"/>
      <c r="BJ130" s="1721"/>
      <c r="BK130" s="1721"/>
      <c r="BL130" s="1721"/>
      <c r="BM130" s="1721"/>
      <c r="BN130" s="1721"/>
      <c r="BO130" s="1721"/>
      <c r="BP130" s="1546"/>
      <c r="BQ130" s="1546"/>
      <c r="BR130" s="1546"/>
      <c r="BS130" s="1546"/>
      <c r="BT130" s="1549"/>
      <c r="BU130" s="1550"/>
      <c r="BV130" s="1550"/>
      <c r="BW130" s="1550"/>
      <c r="BX130" s="1550"/>
      <c r="BY130" s="1550"/>
      <c r="BZ130" s="1550"/>
      <c r="CA130" s="1550"/>
      <c r="CB130" s="1550"/>
      <c r="CC130" s="1550"/>
      <c r="CD130" s="1550"/>
      <c r="CE130" s="1550"/>
      <c r="CF130" s="1550"/>
      <c r="CG130" s="1581"/>
      <c r="CH130" s="1582"/>
    </row>
    <row r="131" spans="5:86" ht="5.25" customHeight="1">
      <c r="E131" s="1481"/>
      <c r="F131" s="1482"/>
      <c r="G131" s="1483"/>
      <c r="H131" s="1404"/>
      <c r="I131" s="1427"/>
      <c r="J131" s="1427"/>
      <c r="K131" s="1427"/>
      <c r="L131" s="1427"/>
      <c r="M131" s="1427"/>
      <c r="N131" s="1431"/>
      <c r="O131" s="1432"/>
      <c r="P131" s="1432"/>
      <c r="Q131" s="1432"/>
      <c r="R131" s="1432"/>
      <c r="S131" s="1432"/>
      <c r="T131" s="1432"/>
      <c r="U131" s="1432"/>
      <c r="V131" s="1432"/>
      <c r="W131" s="1432"/>
      <c r="X131" s="1432"/>
      <c r="Y131" s="1432"/>
      <c r="Z131" s="1432"/>
      <c r="AA131" s="1432"/>
      <c r="AB131" s="1432"/>
      <c r="AC131" s="1432"/>
      <c r="AD131" s="1432"/>
      <c r="AE131" s="1432"/>
      <c r="AF131" s="1432"/>
      <c r="AG131" s="1432"/>
      <c r="AH131" s="1432"/>
      <c r="AI131" s="1432"/>
      <c r="AJ131" s="1432"/>
      <c r="AK131" s="1432"/>
      <c r="AL131" s="1432"/>
      <c r="AM131" s="1432"/>
      <c r="AN131" s="1433"/>
      <c r="AO131" s="1412"/>
      <c r="AP131" s="1413"/>
      <c r="AQ131" s="1413"/>
      <c r="AR131" s="1413"/>
      <c r="AS131" s="1413"/>
      <c r="AT131" s="1416"/>
      <c r="AU131" s="1416"/>
      <c r="AV131" s="1416"/>
      <c r="AW131" s="1417"/>
      <c r="AY131" s="1966"/>
      <c r="AZ131" s="1966"/>
      <c r="BA131" s="1966"/>
      <c r="BB131" s="1966"/>
      <c r="BC131" s="1721"/>
      <c r="BD131" s="1721"/>
      <c r="BE131" s="1721"/>
      <c r="BF131" s="1721"/>
      <c r="BG131" s="1721"/>
      <c r="BH131" s="1721"/>
      <c r="BI131" s="1721"/>
      <c r="BJ131" s="1721"/>
      <c r="BK131" s="1721"/>
      <c r="BL131" s="1721"/>
      <c r="BM131" s="1721"/>
      <c r="BN131" s="1721"/>
      <c r="BO131" s="1721"/>
      <c r="BP131" s="1546"/>
      <c r="BQ131" s="1546"/>
      <c r="BR131" s="1546"/>
      <c r="BS131" s="1546"/>
      <c r="BT131" s="1549"/>
      <c r="BU131" s="1550"/>
      <c r="BV131" s="1550"/>
      <c r="BW131" s="1550"/>
      <c r="BX131" s="1550"/>
      <c r="BY131" s="1550"/>
      <c r="BZ131" s="1550"/>
      <c r="CA131" s="1550"/>
      <c r="CB131" s="1550"/>
      <c r="CC131" s="1550"/>
      <c r="CD131" s="1550"/>
      <c r="CE131" s="1550"/>
      <c r="CF131" s="1550"/>
      <c r="CG131" s="1581"/>
      <c r="CH131" s="1582"/>
    </row>
    <row r="132" spans="5:86" ht="5.25" customHeight="1">
      <c r="E132" s="1481"/>
      <c r="F132" s="1482"/>
      <c r="G132" s="1483"/>
      <c r="H132" s="1404"/>
      <c r="I132" s="1427"/>
      <c r="J132" s="1427"/>
      <c r="K132" s="1427"/>
      <c r="L132" s="1427"/>
      <c r="M132" s="1427"/>
      <c r="N132" s="1431"/>
      <c r="O132" s="1432"/>
      <c r="P132" s="1432"/>
      <c r="Q132" s="1432"/>
      <c r="R132" s="1432"/>
      <c r="S132" s="1432"/>
      <c r="T132" s="1432"/>
      <c r="U132" s="1432"/>
      <c r="V132" s="1432"/>
      <c r="W132" s="1432"/>
      <c r="X132" s="1432"/>
      <c r="Y132" s="1432"/>
      <c r="Z132" s="1432"/>
      <c r="AA132" s="1432"/>
      <c r="AB132" s="1432"/>
      <c r="AC132" s="1432"/>
      <c r="AD132" s="1432"/>
      <c r="AE132" s="1432"/>
      <c r="AF132" s="1432"/>
      <c r="AG132" s="1432"/>
      <c r="AH132" s="1432"/>
      <c r="AI132" s="1432"/>
      <c r="AJ132" s="1432"/>
      <c r="AK132" s="1432"/>
      <c r="AL132" s="1432"/>
      <c r="AM132" s="1432"/>
      <c r="AN132" s="1433"/>
      <c r="AO132" s="1418" t="s">
        <v>534</v>
      </c>
      <c r="AP132" s="1419"/>
      <c r="AQ132" s="1419"/>
      <c r="AR132" s="1419"/>
      <c r="AS132" s="1419"/>
      <c r="AT132" s="1416" t="s">
        <v>531</v>
      </c>
      <c r="AU132" s="1416"/>
      <c r="AV132" s="1416"/>
      <c r="AW132" s="1417"/>
      <c r="AY132" s="1966"/>
      <c r="AZ132" s="1966"/>
      <c r="BA132" s="1966"/>
      <c r="BB132" s="1966"/>
      <c r="BC132" s="1721"/>
      <c r="BD132" s="1721"/>
      <c r="BE132" s="1721"/>
      <c r="BF132" s="1721"/>
      <c r="BG132" s="1721"/>
      <c r="BH132" s="1721"/>
      <c r="BI132" s="1721"/>
      <c r="BJ132" s="1721"/>
      <c r="BK132" s="1721"/>
      <c r="BL132" s="1721"/>
      <c r="BM132" s="1721"/>
      <c r="BN132" s="1721"/>
      <c r="BO132" s="1721"/>
      <c r="BP132" s="1546"/>
      <c r="BQ132" s="1546"/>
      <c r="BR132" s="1546"/>
      <c r="BS132" s="1546"/>
      <c r="BT132" s="1549"/>
      <c r="BU132" s="1550"/>
      <c r="BV132" s="1550"/>
      <c r="BW132" s="1550"/>
      <c r="BX132" s="1550"/>
      <c r="BY132" s="1550"/>
      <c r="BZ132" s="1550"/>
      <c r="CA132" s="1550"/>
      <c r="CB132" s="1550"/>
      <c r="CC132" s="1550"/>
      <c r="CD132" s="1550"/>
      <c r="CE132" s="1550"/>
      <c r="CF132" s="1550"/>
      <c r="CG132" s="1581"/>
      <c r="CH132" s="1582"/>
    </row>
    <row r="133" spans="5:86" ht="5.25" customHeight="1">
      <c r="E133" s="1481"/>
      <c r="F133" s="1482"/>
      <c r="G133" s="1483"/>
      <c r="H133" s="1407"/>
      <c r="I133" s="1427"/>
      <c r="J133" s="1427"/>
      <c r="K133" s="1427"/>
      <c r="L133" s="1427"/>
      <c r="M133" s="1427"/>
      <c r="N133" s="1434"/>
      <c r="O133" s="1435"/>
      <c r="P133" s="1435"/>
      <c r="Q133" s="1435"/>
      <c r="R133" s="1435"/>
      <c r="S133" s="1435"/>
      <c r="T133" s="1435"/>
      <c r="U133" s="1435"/>
      <c r="V133" s="1435"/>
      <c r="W133" s="1435"/>
      <c r="X133" s="1435"/>
      <c r="Y133" s="1435"/>
      <c r="Z133" s="1435"/>
      <c r="AA133" s="1435"/>
      <c r="AB133" s="1435"/>
      <c r="AC133" s="1435"/>
      <c r="AD133" s="1435"/>
      <c r="AE133" s="1435"/>
      <c r="AF133" s="1435"/>
      <c r="AG133" s="1435"/>
      <c r="AH133" s="1435"/>
      <c r="AI133" s="1435"/>
      <c r="AJ133" s="1435"/>
      <c r="AK133" s="1435"/>
      <c r="AL133" s="1435"/>
      <c r="AM133" s="1435"/>
      <c r="AN133" s="1436"/>
      <c r="AO133" s="1420"/>
      <c r="AP133" s="1421"/>
      <c r="AQ133" s="1421"/>
      <c r="AR133" s="1421"/>
      <c r="AS133" s="1421"/>
      <c r="AT133" s="1422"/>
      <c r="AU133" s="1422"/>
      <c r="AV133" s="1422"/>
      <c r="AW133" s="1423"/>
      <c r="AY133" s="1966"/>
      <c r="AZ133" s="1966"/>
      <c r="BA133" s="1966"/>
      <c r="BB133" s="1966"/>
      <c r="BC133" s="1957" t="s">
        <v>514</v>
      </c>
      <c r="BD133" s="1957"/>
      <c r="BE133" s="1957"/>
      <c r="BF133" s="1957"/>
      <c r="BG133" s="1957"/>
      <c r="BH133" s="1957"/>
      <c r="BI133" s="1957"/>
      <c r="BJ133" s="1957"/>
      <c r="BK133" s="1957"/>
      <c r="BL133" s="1957"/>
      <c r="BM133" s="1957"/>
      <c r="BN133" s="1957"/>
      <c r="BO133" s="1957"/>
      <c r="BP133" s="1546" t="s">
        <v>520</v>
      </c>
      <c r="BQ133" s="1546"/>
      <c r="BR133" s="1546"/>
      <c r="BS133" s="1546"/>
      <c r="BT133" s="1547"/>
      <c r="BU133" s="1548"/>
      <c r="BV133" s="1548"/>
      <c r="BW133" s="1548"/>
      <c r="BX133" s="1548"/>
      <c r="BY133" s="1548"/>
      <c r="BZ133" s="1548"/>
      <c r="CA133" s="1548"/>
      <c r="CB133" s="1548"/>
      <c r="CC133" s="1548"/>
      <c r="CD133" s="1548"/>
      <c r="CE133" s="1548"/>
      <c r="CF133" s="1548"/>
      <c r="CG133" s="1579"/>
      <c r="CH133" s="1580"/>
    </row>
    <row r="134" spans="5:86" ht="5.25" customHeight="1">
      <c r="E134" s="1481"/>
      <c r="F134" s="1482"/>
      <c r="G134" s="1483"/>
      <c r="H134" s="1461">
        <v>3</v>
      </c>
      <c r="I134" s="1495"/>
      <c r="J134" s="1496"/>
      <c r="K134" s="1496"/>
      <c r="L134" s="1496"/>
      <c r="M134" s="1496"/>
      <c r="N134" s="1496"/>
      <c r="O134" s="1496"/>
      <c r="P134" s="1496"/>
      <c r="Q134" s="1496"/>
      <c r="R134" s="1496"/>
      <c r="S134" s="1496"/>
      <c r="T134" s="1496"/>
      <c r="U134" s="1496"/>
      <c r="V134" s="1496"/>
      <c r="W134" s="1496"/>
      <c r="X134" s="1496"/>
      <c r="Y134" s="1497"/>
      <c r="Z134" s="1443"/>
      <c r="AA134" s="1444"/>
      <c r="AB134" s="1444"/>
      <c r="AC134" s="1445"/>
      <c r="AD134" s="1507" t="s">
        <v>485</v>
      </c>
      <c r="AE134" s="1508"/>
      <c r="AF134" s="1508"/>
      <c r="AG134" s="1508"/>
      <c r="AH134" s="1508"/>
      <c r="AI134" s="1508"/>
      <c r="AJ134" s="1508"/>
      <c r="AK134" s="1508"/>
      <c r="AL134" s="1509"/>
      <c r="AM134" s="1449" t="s">
        <v>306</v>
      </c>
      <c r="AN134" s="1450"/>
      <c r="AO134" s="1450"/>
      <c r="AP134" s="1450"/>
      <c r="AQ134" s="1450"/>
      <c r="AR134" s="1451"/>
      <c r="AS134" s="1513" t="s">
        <v>312</v>
      </c>
      <c r="AT134" s="1514"/>
      <c r="AU134" s="1514"/>
      <c r="AV134" s="1514"/>
      <c r="AW134" s="1515"/>
      <c r="AY134" s="1966"/>
      <c r="AZ134" s="1966"/>
      <c r="BA134" s="1966"/>
      <c r="BB134" s="1966"/>
      <c r="BC134" s="1957"/>
      <c r="BD134" s="1957"/>
      <c r="BE134" s="1957"/>
      <c r="BF134" s="1957"/>
      <c r="BG134" s="1957"/>
      <c r="BH134" s="1957"/>
      <c r="BI134" s="1957"/>
      <c r="BJ134" s="1957"/>
      <c r="BK134" s="1957"/>
      <c r="BL134" s="1957"/>
      <c r="BM134" s="1957"/>
      <c r="BN134" s="1957"/>
      <c r="BO134" s="1957"/>
      <c r="BP134" s="1546"/>
      <c r="BQ134" s="1546"/>
      <c r="BR134" s="1546"/>
      <c r="BS134" s="1546"/>
      <c r="BT134" s="1549"/>
      <c r="BU134" s="1550"/>
      <c r="BV134" s="1550"/>
      <c r="BW134" s="1550"/>
      <c r="BX134" s="1550"/>
      <c r="BY134" s="1550"/>
      <c r="BZ134" s="1550"/>
      <c r="CA134" s="1550"/>
      <c r="CB134" s="1550"/>
      <c r="CC134" s="1550"/>
      <c r="CD134" s="1550"/>
      <c r="CE134" s="1550"/>
      <c r="CF134" s="1550"/>
      <c r="CG134" s="1581"/>
      <c r="CH134" s="1582"/>
    </row>
    <row r="135" spans="5:86" ht="5.25" customHeight="1">
      <c r="E135" s="1481"/>
      <c r="F135" s="1482"/>
      <c r="G135" s="1483"/>
      <c r="H135" s="1462"/>
      <c r="I135" s="1498"/>
      <c r="J135" s="1499"/>
      <c r="K135" s="1499"/>
      <c r="L135" s="1499"/>
      <c r="M135" s="1499"/>
      <c r="N135" s="1499"/>
      <c r="O135" s="1499"/>
      <c r="P135" s="1499"/>
      <c r="Q135" s="1499"/>
      <c r="R135" s="1499"/>
      <c r="S135" s="1499"/>
      <c r="T135" s="1499"/>
      <c r="U135" s="1499"/>
      <c r="V135" s="1499"/>
      <c r="W135" s="1499"/>
      <c r="X135" s="1499"/>
      <c r="Y135" s="1500"/>
      <c r="Z135" s="1443"/>
      <c r="AA135" s="1444"/>
      <c r="AB135" s="1444"/>
      <c r="AC135" s="1445"/>
      <c r="AD135" s="1507"/>
      <c r="AE135" s="1508"/>
      <c r="AF135" s="1508"/>
      <c r="AG135" s="1508"/>
      <c r="AH135" s="1508"/>
      <c r="AI135" s="1508"/>
      <c r="AJ135" s="1508"/>
      <c r="AK135" s="1508"/>
      <c r="AL135" s="1509"/>
      <c r="AM135" s="1449"/>
      <c r="AN135" s="1450"/>
      <c r="AO135" s="1450"/>
      <c r="AP135" s="1450"/>
      <c r="AQ135" s="1450"/>
      <c r="AR135" s="1451"/>
      <c r="AS135" s="1516"/>
      <c r="AT135" s="1517"/>
      <c r="AU135" s="1517"/>
      <c r="AV135" s="1517"/>
      <c r="AW135" s="1518"/>
      <c r="AY135" s="1966"/>
      <c r="AZ135" s="1966"/>
      <c r="BA135" s="1966"/>
      <c r="BB135" s="1966"/>
      <c r="BC135" s="1957"/>
      <c r="BD135" s="1957"/>
      <c r="BE135" s="1957"/>
      <c r="BF135" s="1957"/>
      <c r="BG135" s="1957"/>
      <c r="BH135" s="1957"/>
      <c r="BI135" s="1957"/>
      <c r="BJ135" s="1957"/>
      <c r="BK135" s="1957"/>
      <c r="BL135" s="1957"/>
      <c r="BM135" s="1957"/>
      <c r="BN135" s="1957"/>
      <c r="BO135" s="1957"/>
      <c r="BP135" s="1546"/>
      <c r="BQ135" s="1546"/>
      <c r="BR135" s="1546"/>
      <c r="BS135" s="1546"/>
      <c r="BT135" s="1549"/>
      <c r="BU135" s="1550"/>
      <c r="BV135" s="1550"/>
      <c r="BW135" s="1550"/>
      <c r="BX135" s="1550"/>
      <c r="BY135" s="1550"/>
      <c r="BZ135" s="1550"/>
      <c r="CA135" s="1550"/>
      <c r="CB135" s="1550"/>
      <c r="CC135" s="1550"/>
      <c r="CD135" s="1550"/>
      <c r="CE135" s="1550"/>
      <c r="CF135" s="1550"/>
      <c r="CG135" s="1581"/>
      <c r="CH135" s="1582"/>
    </row>
    <row r="136" spans="5:86" ht="5.25" customHeight="1">
      <c r="E136" s="1481"/>
      <c r="F136" s="1482"/>
      <c r="G136" s="1483"/>
      <c r="H136" s="1462"/>
      <c r="I136" s="1401"/>
      <c r="J136" s="1402"/>
      <c r="K136" s="1402"/>
      <c r="L136" s="1402"/>
      <c r="M136" s="1402"/>
      <c r="N136" s="1402"/>
      <c r="O136" s="1402"/>
      <c r="P136" s="1402"/>
      <c r="Q136" s="1402"/>
      <c r="R136" s="1402"/>
      <c r="S136" s="1402"/>
      <c r="T136" s="1402"/>
      <c r="U136" s="1402"/>
      <c r="V136" s="1402"/>
      <c r="W136" s="1402"/>
      <c r="X136" s="1402"/>
      <c r="Y136" s="1403"/>
      <c r="Z136" s="1443"/>
      <c r="AA136" s="1444"/>
      <c r="AB136" s="1444"/>
      <c r="AC136" s="1445"/>
      <c r="AD136" s="1472" t="s">
        <v>389</v>
      </c>
      <c r="AE136" s="1473"/>
      <c r="AF136" s="1473"/>
      <c r="AG136" s="1473"/>
      <c r="AH136" s="1473"/>
      <c r="AI136" s="1473"/>
      <c r="AJ136" s="1473"/>
      <c r="AK136" s="1473"/>
      <c r="AL136" s="1474"/>
      <c r="AM136" s="1424" t="s">
        <v>292</v>
      </c>
      <c r="AN136" s="1425"/>
      <c r="AO136" s="1425"/>
      <c r="AP136" s="1425"/>
      <c r="AQ136" s="1425"/>
      <c r="AR136" s="1426"/>
      <c r="AS136" s="1516"/>
      <c r="AT136" s="1517"/>
      <c r="AU136" s="1517"/>
      <c r="AV136" s="1517"/>
      <c r="AW136" s="1518"/>
      <c r="AY136" s="1966"/>
      <c r="AZ136" s="1966"/>
      <c r="BA136" s="1966"/>
      <c r="BB136" s="1966"/>
      <c r="BC136" s="1957"/>
      <c r="BD136" s="1957"/>
      <c r="BE136" s="1957"/>
      <c r="BF136" s="1957"/>
      <c r="BG136" s="1957"/>
      <c r="BH136" s="1957"/>
      <c r="BI136" s="1957"/>
      <c r="BJ136" s="1957"/>
      <c r="BK136" s="1957"/>
      <c r="BL136" s="1957"/>
      <c r="BM136" s="1957"/>
      <c r="BN136" s="1957"/>
      <c r="BO136" s="1957"/>
      <c r="BP136" s="1546"/>
      <c r="BQ136" s="1546"/>
      <c r="BR136" s="1546"/>
      <c r="BS136" s="1546"/>
      <c r="BT136" s="1551"/>
      <c r="BU136" s="1552"/>
      <c r="BV136" s="1552"/>
      <c r="BW136" s="1552"/>
      <c r="BX136" s="1552"/>
      <c r="BY136" s="1552"/>
      <c r="BZ136" s="1552"/>
      <c r="CA136" s="1552"/>
      <c r="CB136" s="1552"/>
      <c r="CC136" s="1552"/>
      <c r="CD136" s="1552"/>
      <c r="CE136" s="1552"/>
      <c r="CF136" s="1552"/>
      <c r="CG136" s="1583"/>
      <c r="CH136" s="1584"/>
    </row>
    <row r="137" spans="5:86" ht="5.25" customHeight="1">
      <c r="E137" s="1481"/>
      <c r="F137" s="1482"/>
      <c r="G137" s="1483"/>
      <c r="H137" s="1462"/>
      <c r="I137" s="1404"/>
      <c r="J137" s="1405"/>
      <c r="K137" s="1405"/>
      <c r="L137" s="1405"/>
      <c r="M137" s="1405"/>
      <c r="N137" s="1405"/>
      <c r="O137" s="1405"/>
      <c r="P137" s="1405"/>
      <c r="Q137" s="1405"/>
      <c r="R137" s="1405"/>
      <c r="S137" s="1405"/>
      <c r="T137" s="1405"/>
      <c r="U137" s="1405"/>
      <c r="V137" s="1405"/>
      <c r="W137" s="1405"/>
      <c r="X137" s="1405"/>
      <c r="Y137" s="1406"/>
      <c r="Z137" s="1443"/>
      <c r="AA137" s="1444"/>
      <c r="AB137" s="1444"/>
      <c r="AC137" s="1445"/>
      <c r="AD137" s="1472"/>
      <c r="AE137" s="1473"/>
      <c r="AF137" s="1473"/>
      <c r="AG137" s="1473"/>
      <c r="AH137" s="1473"/>
      <c r="AI137" s="1473"/>
      <c r="AJ137" s="1473"/>
      <c r="AK137" s="1473"/>
      <c r="AL137" s="1474"/>
      <c r="AM137" s="1424"/>
      <c r="AN137" s="1425"/>
      <c r="AO137" s="1425"/>
      <c r="AP137" s="1425"/>
      <c r="AQ137" s="1425"/>
      <c r="AR137" s="1426"/>
      <c r="AS137" s="1516"/>
      <c r="AT137" s="1517"/>
      <c r="AU137" s="1517"/>
      <c r="AV137" s="1517"/>
      <c r="AW137" s="1518"/>
      <c r="AY137" s="1966"/>
      <c r="AZ137" s="1966"/>
      <c r="BA137" s="1966"/>
      <c r="BB137" s="1966"/>
      <c r="BC137" s="1985" t="s">
        <v>508</v>
      </c>
      <c r="BD137" s="1986"/>
      <c r="BE137" s="1986"/>
      <c r="BF137" s="1986"/>
      <c r="BG137" s="1986"/>
      <c r="BH137" s="1986"/>
      <c r="BI137" s="1986"/>
      <c r="BJ137" s="1987"/>
      <c r="BK137" s="1487" t="s">
        <v>509</v>
      </c>
      <c r="BL137" s="1489"/>
      <c r="BM137" s="1985"/>
      <c r="BN137" s="1986"/>
      <c r="BO137" s="1987"/>
      <c r="BP137" s="1546" t="s">
        <v>521</v>
      </c>
      <c r="BQ137" s="1546"/>
      <c r="BR137" s="1546"/>
      <c r="BS137" s="1546"/>
      <c r="BT137" s="1547"/>
      <c r="BU137" s="1548"/>
      <c r="BV137" s="1548"/>
      <c r="BW137" s="1548"/>
      <c r="BX137" s="1548"/>
      <c r="BY137" s="1548"/>
      <c r="BZ137" s="1548"/>
      <c r="CA137" s="1548"/>
      <c r="CB137" s="1548"/>
      <c r="CC137" s="1548"/>
      <c r="CD137" s="1548"/>
      <c r="CE137" s="1548"/>
      <c r="CF137" s="1548"/>
      <c r="CG137" s="1579"/>
      <c r="CH137" s="1580"/>
    </row>
    <row r="138" spans="5:86" ht="5.25" customHeight="1">
      <c r="E138" s="1481"/>
      <c r="F138" s="1482"/>
      <c r="G138" s="1483"/>
      <c r="H138" s="1462"/>
      <c r="I138" s="1404"/>
      <c r="J138" s="1405"/>
      <c r="K138" s="1405"/>
      <c r="L138" s="1405"/>
      <c r="M138" s="1405"/>
      <c r="N138" s="1405"/>
      <c r="O138" s="1405"/>
      <c r="P138" s="1405"/>
      <c r="Q138" s="1405"/>
      <c r="R138" s="1405"/>
      <c r="S138" s="1405"/>
      <c r="T138" s="1405"/>
      <c r="U138" s="1405"/>
      <c r="V138" s="1405"/>
      <c r="W138" s="1405"/>
      <c r="X138" s="1405"/>
      <c r="Y138" s="1406"/>
      <c r="Z138" s="1443"/>
      <c r="AA138" s="1444"/>
      <c r="AB138" s="1444"/>
      <c r="AC138" s="1445"/>
      <c r="AD138" s="1472"/>
      <c r="AE138" s="1473"/>
      <c r="AF138" s="1473"/>
      <c r="AG138" s="1473"/>
      <c r="AH138" s="1473"/>
      <c r="AI138" s="1473"/>
      <c r="AJ138" s="1473"/>
      <c r="AK138" s="1473"/>
      <c r="AL138" s="1474"/>
      <c r="AM138" s="1424"/>
      <c r="AN138" s="1425"/>
      <c r="AO138" s="1425"/>
      <c r="AP138" s="1425"/>
      <c r="AQ138" s="1425"/>
      <c r="AR138" s="1426"/>
      <c r="AS138" s="1516"/>
      <c r="AT138" s="1517"/>
      <c r="AU138" s="1517"/>
      <c r="AV138" s="1517"/>
      <c r="AW138" s="1518"/>
      <c r="AY138" s="1966"/>
      <c r="AZ138" s="1966"/>
      <c r="BA138" s="1966"/>
      <c r="BB138" s="1966"/>
      <c r="BC138" s="1988"/>
      <c r="BD138" s="1989"/>
      <c r="BE138" s="1989"/>
      <c r="BF138" s="1989"/>
      <c r="BG138" s="1989"/>
      <c r="BH138" s="1989"/>
      <c r="BI138" s="1989"/>
      <c r="BJ138" s="1990"/>
      <c r="BK138" s="1404"/>
      <c r="BL138" s="1406"/>
      <c r="BM138" s="1988"/>
      <c r="BN138" s="1989"/>
      <c r="BO138" s="1990"/>
      <c r="BP138" s="1546"/>
      <c r="BQ138" s="1546"/>
      <c r="BR138" s="1546"/>
      <c r="BS138" s="1546"/>
      <c r="BT138" s="1549"/>
      <c r="BU138" s="1550"/>
      <c r="BV138" s="1550"/>
      <c r="BW138" s="1550"/>
      <c r="BX138" s="1550"/>
      <c r="BY138" s="1550"/>
      <c r="BZ138" s="1550"/>
      <c r="CA138" s="1550"/>
      <c r="CB138" s="1550"/>
      <c r="CC138" s="1550"/>
      <c r="CD138" s="1550"/>
      <c r="CE138" s="1550"/>
      <c r="CF138" s="1550"/>
      <c r="CG138" s="1581"/>
      <c r="CH138" s="1582"/>
    </row>
    <row r="139" spans="5:86" ht="5.25" customHeight="1">
      <c r="E139" s="1481"/>
      <c r="F139" s="1482"/>
      <c r="G139" s="1483"/>
      <c r="H139" s="1462"/>
      <c r="I139" s="1407"/>
      <c r="J139" s="1408"/>
      <c r="K139" s="1408"/>
      <c r="L139" s="1408"/>
      <c r="M139" s="1408"/>
      <c r="N139" s="1408"/>
      <c r="O139" s="1408"/>
      <c r="P139" s="1408"/>
      <c r="Q139" s="1408"/>
      <c r="R139" s="1408"/>
      <c r="S139" s="1408"/>
      <c r="T139" s="1408"/>
      <c r="U139" s="1408"/>
      <c r="V139" s="1408"/>
      <c r="W139" s="1408"/>
      <c r="X139" s="1408"/>
      <c r="Y139" s="1409"/>
      <c r="Z139" s="1443"/>
      <c r="AA139" s="1444"/>
      <c r="AB139" s="1444"/>
      <c r="AC139" s="1445"/>
      <c r="AD139" s="1472"/>
      <c r="AE139" s="1473"/>
      <c r="AF139" s="1473"/>
      <c r="AG139" s="1473"/>
      <c r="AH139" s="1473"/>
      <c r="AI139" s="1473"/>
      <c r="AJ139" s="1473"/>
      <c r="AK139" s="1473"/>
      <c r="AL139" s="1474"/>
      <c r="AM139" s="1424"/>
      <c r="AN139" s="1425"/>
      <c r="AO139" s="1425"/>
      <c r="AP139" s="1425"/>
      <c r="AQ139" s="1425"/>
      <c r="AR139" s="1426"/>
      <c r="AS139" s="1519"/>
      <c r="AT139" s="1520"/>
      <c r="AU139" s="1520"/>
      <c r="AV139" s="1520"/>
      <c r="AW139" s="1521"/>
      <c r="AY139" s="1966"/>
      <c r="AZ139" s="1966"/>
      <c r="BA139" s="1966"/>
      <c r="BB139" s="1966"/>
      <c r="BC139" s="1988"/>
      <c r="BD139" s="1989"/>
      <c r="BE139" s="1989"/>
      <c r="BF139" s="1989"/>
      <c r="BG139" s="1989"/>
      <c r="BH139" s="1989"/>
      <c r="BI139" s="1989"/>
      <c r="BJ139" s="1990"/>
      <c r="BK139" s="1404"/>
      <c r="BL139" s="1406"/>
      <c r="BM139" s="1988"/>
      <c r="BN139" s="1989"/>
      <c r="BO139" s="1990"/>
      <c r="BP139" s="1546"/>
      <c r="BQ139" s="1546"/>
      <c r="BR139" s="1546"/>
      <c r="BS139" s="1546"/>
      <c r="BT139" s="1549"/>
      <c r="BU139" s="1550"/>
      <c r="BV139" s="1550"/>
      <c r="BW139" s="1550"/>
      <c r="BX139" s="1550"/>
      <c r="BY139" s="1550"/>
      <c r="BZ139" s="1550"/>
      <c r="CA139" s="1550"/>
      <c r="CB139" s="1550"/>
      <c r="CC139" s="1550"/>
      <c r="CD139" s="1550"/>
      <c r="CE139" s="1550"/>
      <c r="CF139" s="1550"/>
      <c r="CG139" s="1581"/>
      <c r="CH139" s="1582"/>
    </row>
    <row r="140" spans="5:86" ht="5.25" customHeight="1">
      <c r="E140" s="1481"/>
      <c r="F140" s="1482"/>
      <c r="G140" s="1483"/>
      <c r="H140" s="1404"/>
      <c r="I140" s="1427" t="s">
        <v>438</v>
      </c>
      <c r="J140" s="1427"/>
      <c r="K140" s="1427"/>
      <c r="L140" s="1427"/>
      <c r="M140" s="1427"/>
      <c r="N140" s="1428"/>
      <c r="O140" s="1429"/>
      <c r="P140" s="1429"/>
      <c r="Q140" s="1429"/>
      <c r="R140" s="1429"/>
      <c r="S140" s="1429"/>
      <c r="T140" s="1429"/>
      <c r="U140" s="1429"/>
      <c r="V140" s="1429"/>
      <c r="W140" s="1429"/>
      <c r="X140" s="1429"/>
      <c r="Y140" s="1429"/>
      <c r="Z140" s="1429"/>
      <c r="AA140" s="1429"/>
      <c r="AB140" s="1429"/>
      <c r="AC140" s="1429"/>
      <c r="AD140" s="1429"/>
      <c r="AE140" s="1429"/>
      <c r="AF140" s="1429"/>
      <c r="AG140" s="1429"/>
      <c r="AH140" s="1429"/>
      <c r="AI140" s="1429"/>
      <c r="AJ140" s="1429"/>
      <c r="AK140" s="1429"/>
      <c r="AL140" s="1429"/>
      <c r="AM140" s="1429"/>
      <c r="AN140" s="1430"/>
      <c r="AO140" s="1410" t="s">
        <v>533</v>
      </c>
      <c r="AP140" s="1411"/>
      <c r="AQ140" s="1411"/>
      <c r="AR140" s="1411"/>
      <c r="AS140" s="1411"/>
      <c r="AT140" s="1414" t="s">
        <v>532</v>
      </c>
      <c r="AU140" s="1414"/>
      <c r="AV140" s="1414"/>
      <c r="AW140" s="1415"/>
      <c r="AY140" s="1966"/>
      <c r="AZ140" s="1966"/>
      <c r="BA140" s="1966"/>
      <c r="BB140" s="1966"/>
      <c r="BC140" s="1991"/>
      <c r="BD140" s="1992"/>
      <c r="BE140" s="1992"/>
      <c r="BF140" s="1992"/>
      <c r="BG140" s="1992"/>
      <c r="BH140" s="1992"/>
      <c r="BI140" s="1992"/>
      <c r="BJ140" s="1993"/>
      <c r="BK140" s="1407"/>
      <c r="BL140" s="1409"/>
      <c r="BM140" s="1991"/>
      <c r="BN140" s="1992"/>
      <c r="BO140" s="1993"/>
      <c r="BP140" s="1546"/>
      <c r="BQ140" s="1546"/>
      <c r="BR140" s="1546"/>
      <c r="BS140" s="1546"/>
      <c r="BT140" s="1551"/>
      <c r="BU140" s="1552"/>
      <c r="BV140" s="1552"/>
      <c r="BW140" s="1552"/>
      <c r="BX140" s="1552"/>
      <c r="BY140" s="1552"/>
      <c r="BZ140" s="1552"/>
      <c r="CA140" s="1552"/>
      <c r="CB140" s="1552"/>
      <c r="CC140" s="1552"/>
      <c r="CD140" s="1552"/>
      <c r="CE140" s="1552"/>
      <c r="CF140" s="1552"/>
      <c r="CG140" s="1583"/>
      <c r="CH140" s="1584"/>
    </row>
    <row r="141" spans="5:86" ht="5.25" customHeight="1">
      <c r="E141" s="1481"/>
      <c r="F141" s="1482"/>
      <c r="G141" s="1483"/>
      <c r="H141" s="1404"/>
      <c r="I141" s="1427"/>
      <c r="J141" s="1427"/>
      <c r="K141" s="1427"/>
      <c r="L141" s="1427"/>
      <c r="M141" s="1427"/>
      <c r="N141" s="1431"/>
      <c r="O141" s="1432"/>
      <c r="P141" s="1432"/>
      <c r="Q141" s="1432"/>
      <c r="R141" s="1432"/>
      <c r="S141" s="1432"/>
      <c r="T141" s="1432"/>
      <c r="U141" s="1432"/>
      <c r="V141" s="1432"/>
      <c r="W141" s="1432"/>
      <c r="X141" s="1432"/>
      <c r="Y141" s="1432"/>
      <c r="Z141" s="1432"/>
      <c r="AA141" s="1432"/>
      <c r="AB141" s="1432"/>
      <c r="AC141" s="1432"/>
      <c r="AD141" s="1432"/>
      <c r="AE141" s="1432"/>
      <c r="AF141" s="1432"/>
      <c r="AG141" s="1432"/>
      <c r="AH141" s="1432"/>
      <c r="AI141" s="1432"/>
      <c r="AJ141" s="1432"/>
      <c r="AK141" s="1432"/>
      <c r="AL141" s="1432"/>
      <c r="AM141" s="1432"/>
      <c r="AN141" s="1433"/>
      <c r="AO141" s="1412"/>
      <c r="AP141" s="1413"/>
      <c r="AQ141" s="1413"/>
      <c r="AR141" s="1413"/>
      <c r="AS141" s="1413"/>
      <c r="AT141" s="1416"/>
      <c r="AU141" s="1416"/>
      <c r="AV141" s="1416"/>
      <c r="AW141" s="1417"/>
      <c r="AX141" s="380"/>
      <c r="AY141" s="1966"/>
      <c r="AZ141" s="1966"/>
      <c r="BA141" s="1966"/>
      <c r="BB141" s="1966"/>
      <c r="BC141" s="1721" t="s">
        <v>515</v>
      </c>
      <c r="BD141" s="1721"/>
      <c r="BE141" s="1721"/>
      <c r="BF141" s="1721"/>
      <c r="BG141" s="1721"/>
      <c r="BH141" s="1721"/>
      <c r="BI141" s="1721"/>
      <c r="BJ141" s="1721"/>
      <c r="BK141" s="1721"/>
      <c r="BL141" s="1721"/>
      <c r="BM141" s="1721"/>
      <c r="BN141" s="1721"/>
      <c r="BO141" s="1721"/>
      <c r="BP141" s="1546" t="s">
        <v>522</v>
      </c>
      <c r="BQ141" s="1546"/>
      <c r="BR141" s="1546"/>
      <c r="BS141" s="1546"/>
      <c r="BT141" s="1549"/>
      <c r="BU141" s="1550"/>
      <c r="BV141" s="1550"/>
      <c r="BW141" s="1550"/>
      <c r="BX141" s="1550"/>
      <c r="BY141" s="1550"/>
      <c r="BZ141" s="1550"/>
      <c r="CA141" s="1550"/>
      <c r="CB141" s="1550"/>
      <c r="CC141" s="1550"/>
      <c r="CD141" s="1550"/>
      <c r="CE141" s="1550"/>
      <c r="CF141" s="1550"/>
      <c r="CG141" s="1581"/>
      <c r="CH141" s="1582"/>
    </row>
    <row r="142" spans="5:86" ht="5.25" customHeight="1">
      <c r="E142" s="1481"/>
      <c r="F142" s="1482"/>
      <c r="G142" s="1483"/>
      <c r="H142" s="1404"/>
      <c r="I142" s="1427"/>
      <c r="J142" s="1427"/>
      <c r="K142" s="1427"/>
      <c r="L142" s="1427"/>
      <c r="M142" s="1427"/>
      <c r="N142" s="1431"/>
      <c r="O142" s="1432"/>
      <c r="P142" s="1432"/>
      <c r="Q142" s="1432"/>
      <c r="R142" s="1432"/>
      <c r="S142" s="1432"/>
      <c r="T142" s="1432"/>
      <c r="U142" s="1432"/>
      <c r="V142" s="1432"/>
      <c r="W142" s="1432"/>
      <c r="X142" s="1432"/>
      <c r="Y142" s="1432"/>
      <c r="Z142" s="1432"/>
      <c r="AA142" s="1432"/>
      <c r="AB142" s="1432"/>
      <c r="AC142" s="1432"/>
      <c r="AD142" s="1432"/>
      <c r="AE142" s="1432"/>
      <c r="AF142" s="1432"/>
      <c r="AG142" s="1432"/>
      <c r="AH142" s="1432"/>
      <c r="AI142" s="1432"/>
      <c r="AJ142" s="1432"/>
      <c r="AK142" s="1432"/>
      <c r="AL142" s="1432"/>
      <c r="AM142" s="1432"/>
      <c r="AN142" s="1433"/>
      <c r="AO142" s="1418" t="s">
        <v>534</v>
      </c>
      <c r="AP142" s="1419"/>
      <c r="AQ142" s="1419"/>
      <c r="AR142" s="1419"/>
      <c r="AS142" s="1419"/>
      <c r="AT142" s="1416" t="s">
        <v>531</v>
      </c>
      <c r="AU142" s="1416"/>
      <c r="AV142" s="1416"/>
      <c r="AW142" s="1417"/>
      <c r="AX142" s="380"/>
      <c r="AY142" s="1966"/>
      <c r="AZ142" s="1966"/>
      <c r="BA142" s="1966"/>
      <c r="BB142" s="1966"/>
      <c r="BC142" s="1721"/>
      <c r="BD142" s="1721"/>
      <c r="BE142" s="1721"/>
      <c r="BF142" s="1721"/>
      <c r="BG142" s="1721"/>
      <c r="BH142" s="1721"/>
      <c r="BI142" s="1721"/>
      <c r="BJ142" s="1721"/>
      <c r="BK142" s="1721"/>
      <c r="BL142" s="1721"/>
      <c r="BM142" s="1721"/>
      <c r="BN142" s="1721"/>
      <c r="BO142" s="1721"/>
      <c r="BP142" s="1546"/>
      <c r="BQ142" s="1546"/>
      <c r="BR142" s="1546"/>
      <c r="BS142" s="1546"/>
      <c r="BT142" s="1549"/>
      <c r="BU142" s="1550"/>
      <c r="BV142" s="1550"/>
      <c r="BW142" s="1550"/>
      <c r="BX142" s="1550"/>
      <c r="BY142" s="1550"/>
      <c r="BZ142" s="1550"/>
      <c r="CA142" s="1550"/>
      <c r="CB142" s="1550"/>
      <c r="CC142" s="1550"/>
      <c r="CD142" s="1550"/>
      <c r="CE142" s="1550"/>
      <c r="CF142" s="1550"/>
      <c r="CG142" s="1581"/>
      <c r="CH142" s="1582"/>
    </row>
    <row r="143" spans="5:86" ht="5.25" customHeight="1">
      <c r="E143" s="1484"/>
      <c r="F143" s="1485"/>
      <c r="G143" s="1486"/>
      <c r="H143" s="1407"/>
      <c r="I143" s="1427"/>
      <c r="J143" s="1427"/>
      <c r="K143" s="1427"/>
      <c r="L143" s="1427"/>
      <c r="M143" s="1427"/>
      <c r="N143" s="1434"/>
      <c r="O143" s="1435"/>
      <c r="P143" s="1435"/>
      <c r="Q143" s="1435"/>
      <c r="R143" s="1435"/>
      <c r="S143" s="1435"/>
      <c r="T143" s="1435"/>
      <c r="U143" s="1435"/>
      <c r="V143" s="1435"/>
      <c r="W143" s="1435"/>
      <c r="X143" s="1435"/>
      <c r="Y143" s="1435"/>
      <c r="Z143" s="1435"/>
      <c r="AA143" s="1435"/>
      <c r="AB143" s="1435"/>
      <c r="AC143" s="1435"/>
      <c r="AD143" s="1435"/>
      <c r="AE143" s="1435"/>
      <c r="AF143" s="1435"/>
      <c r="AG143" s="1435"/>
      <c r="AH143" s="1435"/>
      <c r="AI143" s="1435"/>
      <c r="AJ143" s="1435"/>
      <c r="AK143" s="1435"/>
      <c r="AL143" s="1435"/>
      <c r="AM143" s="1435"/>
      <c r="AN143" s="1436"/>
      <c r="AO143" s="1420"/>
      <c r="AP143" s="1421"/>
      <c r="AQ143" s="1421"/>
      <c r="AR143" s="1421"/>
      <c r="AS143" s="1421"/>
      <c r="AT143" s="1422"/>
      <c r="AU143" s="1422"/>
      <c r="AV143" s="1422"/>
      <c r="AW143" s="1423"/>
      <c r="AX143" s="380"/>
      <c r="AY143" s="1966"/>
      <c r="AZ143" s="1966"/>
      <c r="BA143" s="1966"/>
      <c r="BB143" s="1966"/>
      <c r="BC143" s="1721"/>
      <c r="BD143" s="1721"/>
      <c r="BE143" s="1721"/>
      <c r="BF143" s="1721"/>
      <c r="BG143" s="1721"/>
      <c r="BH143" s="1721"/>
      <c r="BI143" s="1721"/>
      <c r="BJ143" s="1721"/>
      <c r="BK143" s="1721"/>
      <c r="BL143" s="1721"/>
      <c r="BM143" s="1721"/>
      <c r="BN143" s="1721"/>
      <c r="BO143" s="1721"/>
      <c r="BP143" s="1546"/>
      <c r="BQ143" s="1546"/>
      <c r="BR143" s="1546"/>
      <c r="BS143" s="1546"/>
      <c r="BT143" s="1549"/>
      <c r="BU143" s="1550"/>
      <c r="BV143" s="1550"/>
      <c r="BW143" s="1550"/>
      <c r="BX143" s="1550"/>
      <c r="BY143" s="1550"/>
      <c r="BZ143" s="1550"/>
      <c r="CA143" s="1550"/>
      <c r="CB143" s="1550"/>
      <c r="CC143" s="1550"/>
      <c r="CD143" s="1550"/>
      <c r="CE143" s="1550"/>
      <c r="CF143" s="1550"/>
      <c r="CG143" s="1581"/>
      <c r="CH143" s="1582"/>
    </row>
    <row r="144" spans="5:86" ht="5.25" customHeight="1">
      <c r="E144" s="1452" t="s">
        <v>274</v>
      </c>
      <c r="F144" s="1453"/>
      <c r="G144" s="1454"/>
      <c r="H144" s="1461">
        <v>1</v>
      </c>
      <c r="I144" s="1437"/>
      <c r="J144" s="1438"/>
      <c r="K144" s="1438"/>
      <c r="L144" s="1438"/>
      <c r="M144" s="1438"/>
      <c r="N144" s="1438"/>
      <c r="O144" s="1438"/>
      <c r="P144" s="1438"/>
      <c r="Q144" s="1438"/>
      <c r="R144" s="1438"/>
      <c r="S144" s="1438"/>
      <c r="T144" s="1438"/>
      <c r="U144" s="1438"/>
      <c r="V144" s="1438"/>
      <c r="W144" s="1438"/>
      <c r="X144" s="1438"/>
      <c r="Y144" s="1439"/>
      <c r="Z144" s="1443"/>
      <c r="AA144" s="1444"/>
      <c r="AB144" s="1444"/>
      <c r="AC144" s="1445"/>
      <c r="AD144" s="1446" t="s">
        <v>487</v>
      </c>
      <c r="AE144" s="1447"/>
      <c r="AF144" s="1447"/>
      <c r="AG144" s="1447"/>
      <c r="AH144" s="1447"/>
      <c r="AI144" s="1447"/>
      <c r="AJ144" s="1447"/>
      <c r="AK144" s="1447"/>
      <c r="AL144" s="1448"/>
      <c r="AM144" s="1449" t="s">
        <v>306</v>
      </c>
      <c r="AN144" s="1450"/>
      <c r="AO144" s="1450"/>
      <c r="AP144" s="1450"/>
      <c r="AQ144" s="1450"/>
      <c r="AR144" s="1451"/>
      <c r="AS144" s="1463"/>
      <c r="AT144" s="1464"/>
      <c r="AU144" s="1464"/>
      <c r="AV144" s="1464"/>
      <c r="AW144" s="1465"/>
      <c r="AX144" s="380"/>
      <c r="AY144" s="1966"/>
      <c r="AZ144" s="1966"/>
      <c r="BA144" s="1966"/>
      <c r="BB144" s="1966"/>
      <c r="BC144" s="1721"/>
      <c r="BD144" s="1721"/>
      <c r="BE144" s="1721"/>
      <c r="BF144" s="1721"/>
      <c r="BG144" s="1721"/>
      <c r="BH144" s="1721"/>
      <c r="BI144" s="1721"/>
      <c r="BJ144" s="1721"/>
      <c r="BK144" s="1721"/>
      <c r="BL144" s="1721"/>
      <c r="BM144" s="1721"/>
      <c r="BN144" s="1721"/>
      <c r="BO144" s="1721"/>
      <c r="BP144" s="1546"/>
      <c r="BQ144" s="1546"/>
      <c r="BR144" s="1546"/>
      <c r="BS144" s="1546"/>
      <c r="BT144" s="1551"/>
      <c r="BU144" s="1552"/>
      <c r="BV144" s="1552"/>
      <c r="BW144" s="1552"/>
      <c r="BX144" s="1552"/>
      <c r="BY144" s="1552"/>
      <c r="BZ144" s="1552"/>
      <c r="CA144" s="1552"/>
      <c r="CB144" s="1552"/>
      <c r="CC144" s="1552"/>
      <c r="CD144" s="1552"/>
      <c r="CE144" s="1552"/>
      <c r="CF144" s="1552"/>
      <c r="CG144" s="1583"/>
      <c r="CH144" s="1584"/>
    </row>
    <row r="145" spans="5:86" ht="5.25" customHeight="1">
      <c r="E145" s="1455"/>
      <c r="F145" s="1456"/>
      <c r="G145" s="1457"/>
      <c r="H145" s="1462"/>
      <c r="I145" s="1440"/>
      <c r="J145" s="1441"/>
      <c r="K145" s="1441"/>
      <c r="L145" s="1441"/>
      <c r="M145" s="1441"/>
      <c r="N145" s="1441"/>
      <c r="O145" s="1441"/>
      <c r="P145" s="1441"/>
      <c r="Q145" s="1441"/>
      <c r="R145" s="1441"/>
      <c r="S145" s="1441"/>
      <c r="T145" s="1441"/>
      <c r="U145" s="1441"/>
      <c r="V145" s="1441"/>
      <c r="W145" s="1441"/>
      <c r="X145" s="1441"/>
      <c r="Y145" s="1442"/>
      <c r="Z145" s="1443"/>
      <c r="AA145" s="1444"/>
      <c r="AB145" s="1444"/>
      <c r="AC145" s="1445"/>
      <c r="AD145" s="1446"/>
      <c r="AE145" s="1447"/>
      <c r="AF145" s="1447"/>
      <c r="AG145" s="1447"/>
      <c r="AH145" s="1447"/>
      <c r="AI145" s="1447"/>
      <c r="AJ145" s="1447"/>
      <c r="AK145" s="1447"/>
      <c r="AL145" s="1448"/>
      <c r="AM145" s="1449"/>
      <c r="AN145" s="1450"/>
      <c r="AO145" s="1450"/>
      <c r="AP145" s="1450"/>
      <c r="AQ145" s="1450"/>
      <c r="AR145" s="1451"/>
      <c r="AS145" s="1466"/>
      <c r="AT145" s="1467"/>
      <c r="AU145" s="1467"/>
      <c r="AV145" s="1467"/>
      <c r="AW145" s="1468"/>
      <c r="AX145" s="380"/>
      <c r="AY145" s="1979" t="s">
        <v>488</v>
      </c>
      <c r="AZ145" s="1980"/>
      <c r="BA145" s="1980"/>
      <c r="BB145" s="1980"/>
      <c r="BC145" s="1980"/>
      <c r="BD145" s="1980"/>
      <c r="BE145" s="1980"/>
      <c r="BF145" s="1980"/>
      <c r="BG145" s="1980"/>
      <c r="BH145" s="1980"/>
      <c r="BI145" s="1980"/>
      <c r="BJ145" s="1980"/>
      <c r="BK145" s="1980"/>
      <c r="BL145" s="1980"/>
      <c r="BM145" s="1980"/>
      <c r="BN145" s="1980"/>
      <c r="BO145" s="1980"/>
      <c r="BP145" s="1980"/>
      <c r="BQ145" s="1980"/>
      <c r="BR145" s="1980"/>
      <c r="BS145" s="1980"/>
      <c r="BT145" s="1980"/>
      <c r="BU145" s="1980"/>
      <c r="BV145" s="1980"/>
      <c r="BW145" s="1980"/>
      <c r="BX145" s="1980"/>
      <c r="BY145" s="1980"/>
      <c r="BZ145" s="1980"/>
      <c r="CA145" s="1980"/>
      <c r="CB145" s="1980"/>
      <c r="CC145" s="1980"/>
      <c r="CD145" s="1980"/>
      <c r="CE145" s="1980"/>
      <c r="CF145" s="1980"/>
      <c r="CG145" s="1980"/>
      <c r="CH145" s="1980"/>
    </row>
    <row r="146" spans="5:86" ht="5.25" customHeight="1">
      <c r="E146" s="1455"/>
      <c r="F146" s="1456"/>
      <c r="G146" s="1457"/>
      <c r="H146" s="1462"/>
      <c r="I146" s="1404"/>
      <c r="J146" s="1405"/>
      <c r="K146" s="1405"/>
      <c r="L146" s="1405"/>
      <c r="M146" s="1405"/>
      <c r="N146" s="1405"/>
      <c r="O146" s="1405"/>
      <c r="P146" s="1405"/>
      <c r="Q146" s="1405"/>
      <c r="R146" s="1405"/>
      <c r="S146" s="1405"/>
      <c r="T146" s="1405"/>
      <c r="U146" s="1405"/>
      <c r="V146" s="1405"/>
      <c r="W146" s="1405"/>
      <c r="X146" s="1405"/>
      <c r="Y146" s="1406"/>
      <c r="Z146" s="1443"/>
      <c r="AA146" s="1444"/>
      <c r="AB146" s="1444"/>
      <c r="AC146" s="1445"/>
      <c r="AD146" s="1472" t="s">
        <v>389</v>
      </c>
      <c r="AE146" s="1473"/>
      <c r="AF146" s="1473"/>
      <c r="AG146" s="1473"/>
      <c r="AH146" s="1473"/>
      <c r="AI146" s="1473"/>
      <c r="AJ146" s="1473"/>
      <c r="AK146" s="1473"/>
      <c r="AL146" s="1474"/>
      <c r="AM146" s="1424" t="s">
        <v>292</v>
      </c>
      <c r="AN146" s="1425"/>
      <c r="AO146" s="1425"/>
      <c r="AP146" s="1425"/>
      <c r="AQ146" s="1425"/>
      <c r="AR146" s="1426"/>
      <c r="AS146" s="1466"/>
      <c r="AT146" s="1467"/>
      <c r="AU146" s="1467"/>
      <c r="AV146" s="1467"/>
      <c r="AW146" s="1468"/>
      <c r="AX146" s="380"/>
      <c r="AY146" s="1980"/>
      <c r="AZ146" s="1980"/>
      <c r="BA146" s="1980"/>
      <c r="BB146" s="1980"/>
      <c r="BC146" s="1980"/>
      <c r="BD146" s="1980"/>
      <c r="BE146" s="1980"/>
      <c r="BF146" s="1980"/>
      <c r="BG146" s="1980"/>
      <c r="BH146" s="1980"/>
      <c r="BI146" s="1980"/>
      <c r="BJ146" s="1980"/>
      <c r="BK146" s="1980"/>
      <c r="BL146" s="1980"/>
      <c r="BM146" s="1980"/>
      <c r="BN146" s="1980"/>
      <c r="BO146" s="1980"/>
      <c r="BP146" s="1980"/>
      <c r="BQ146" s="1980"/>
      <c r="BR146" s="1980"/>
      <c r="BS146" s="1980"/>
      <c r="BT146" s="1980"/>
      <c r="BU146" s="1980"/>
      <c r="BV146" s="1980"/>
      <c r="BW146" s="1980"/>
      <c r="BX146" s="1980"/>
      <c r="BY146" s="1980"/>
      <c r="BZ146" s="1980"/>
      <c r="CA146" s="1980"/>
      <c r="CB146" s="1980"/>
      <c r="CC146" s="1980"/>
      <c r="CD146" s="1980"/>
      <c r="CE146" s="1980"/>
      <c r="CF146" s="1980"/>
      <c r="CG146" s="1980"/>
      <c r="CH146" s="1980"/>
    </row>
    <row r="147" spans="5:86" ht="5.25" customHeight="1">
      <c r="E147" s="1455"/>
      <c r="F147" s="1456"/>
      <c r="G147" s="1457"/>
      <c r="H147" s="1462"/>
      <c r="I147" s="1404"/>
      <c r="J147" s="1405"/>
      <c r="K147" s="1405"/>
      <c r="L147" s="1405"/>
      <c r="M147" s="1405"/>
      <c r="N147" s="1405"/>
      <c r="O147" s="1405"/>
      <c r="P147" s="1405"/>
      <c r="Q147" s="1405"/>
      <c r="R147" s="1405"/>
      <c r="S147" s="1405"/>
      <c r="T147" s="1405"/>
      <c r="U147" s="1405"/>
      <c r="V147" s="1405"/>
      <c r="W147" s="1405"/>
      <c r="X147" s="1405"/>
      <c r="Y147" s="1406"/>
      <c r="Z147" s="1443"/>
      <c r="AA147" s="1444"/>
      <c r="AB147" s="1444"/>
      <c r="AC147" s="1445"/>
      <c r="AD147" s="1472"/>
      <c r="AE147" s="1473"/>
      <c r="AF147" s="1473"/>
      <c r="AG147" s="1473"/>
      <c r="AH147" s="1473"/>
      <c r="AI147" s="1473"/>
      <c r="AJ147" s="1473"/>
      <c r="AK147" s="1473"/>
      <c r="AL147" s="1474"/>
      <c r="AM147" s="1424"/>
      <c r="AN147" s="1425"/>
      <c r="AO147" s="1425"/>
      <c r="AP147" s="1425"/>
      <c r="AQ147" s="1425"/>
      <c r="AR147" s="1426"/>
      <c r="AS147" s="1466"/>
      <c r="AT147" s="1467"/>
      <c r="AU147" s="1467"/>
      <c r="AV147" s="1467"/>
      <c r="AW147" s="1468"/>
      <c r="AX147" s="380"/>
      <c r="AY147" s="1980"/>
      <c r="AZ147" s="1980"/>
      <c r="BA147" s="1980"/>
      <c r="BB147" s="1980"/>
      <c r="BC147" s="1980"/>
      <c r="BD147" s="1980"/>
      <c r="BE147" s="1980"/>
      <c r="BF147" s="1980"/>
      <c r="BG147" s="1980"/>
      <c r="BH147" s="1980"/>
      <c r="BI147" s="1980"/>
      <c r="BJ147" s="1980"/>
      <c r="BK147" s="1980"/>
      <c r="BL147" s="1980"/>
      <c r="BM147" s="1980"/>
      <c r="BN147" s="1980"/>
      <c r="BO147" s="1980"/>
      <c r="BP147" s="1980"/>
      <c r="BQ147" s="1980"/>
      <c r="BR147" s="1980"/>
      <c r="BS147" s="1980"/>
      <c r="BT147" s="1980"/>
      <c r="BU147" s="1980"/>
      <c r="BV147" s="1980"/>
      <c r="BW147" s="1980"/>
      <c r="BX147" s="1980"/>
      <c r="BY147" s="1980"/>
      <c r="BZ147" s="1980"/>
      <c r="CA147" s="1980"/>
      <c r="CB147" s="1980"/>
      <c r="CC147" s="1980"/>
      <c r="CD147" s="1980"/>
      <c r="CE147" s="1980"/>
      <c r="CF147" s="1980"/>
      <c r="CG147" s="1980"/>
      <c r="CH147" s="1980"/>
    </row>
    <row r="148" spans="5:86" ht="5.25" customHeight="1">
      <c r="E148" s="1455"/>
      <c r="F148" s="1456"/>
      <c r="G148" s="1457"/>
      <c r="H148" s="1462"/>
      <c r="I148" s="1407"/>
      <c r="J148" s="1408"/>
      <c r="K148" s="1408"/>
      <c r="L148" s="1408"/>
      <c r="M148" s="1408"/>
      <c r="N148" s="1408"/>
      <c r="O148" s="1408"/>
      <c r="P148" s="1408"/>
      <c r="Q148" s="1408"/>
      <c r="R148" s="1408"/>
      <c r="S148" s="1408"/>
      <c r="T148" s="1408"/>
      <c r="U148" s="1408"/>
      <c r="V148" s="1408"/>
      <c r="W148" s="1408"/>
      <c r="X148" s="1408"/>
      <c r="Y148" s="1409"/>
      <c r="Z148" s="1443"/>
      <c r="AA148" s="1444"/>
      <c r="AB148" s="1444"/>
      <c r="AC148" s="1445"/>
      <c r="AD148" s="1472"/>
      <c r="AE148" s="1473"/>
      <c r="AF148" s="1473"/>
      <c r="AG148" s="1473"/>
      <c r="AH148" s="1473"/>
      <c r="AI148" s="1473"/>
      <c r="AJ148" s="1473"/>
      <c r="AK148" s="1473"/>
      <c r="AL148" s="1474"/>
      <c r="AM148" s="1424"/>
      <c r="AN148" s="1425"/>
      <c r="AO148" s="1425"/>
      <c r="AP148" s="1425"/>
      <c r="AQ148" s="1425"/>
      <c r="AR148" s="1426"/>
      <c r="AS148" s="1469"/>
      <c r="AT148" s="1470"/>
      <c r="AU148" s="1470"/>
      <c r="AV148" s="1470"/>
      <c r="AW148" s="1471"/>
      <c r="AX148" s="380"/>
      <c r="AY148" s="1980"/>
      <c r="AZ148" s="1980"/>
      <c r="BA148" s="1980"/>
      <c r="BB148" s="1980"/>
      <c r="BC148" s="1980"/>
      <c r="BD148" s="1980"/>
      <c r="BE148" s="1980"/>
      <c r="BF148" s="1980"/>
      <c r="BG148" s="1980"/>
      <c r="BH148" s="1980"/>
      <c r="BI148" s="1980"/>
      <c r="BJ148" s="1980"/>
      <c r="BK148" s="1980"/>
      <c r="BL148" s="1980"/>
      <c r="BM148" s="1980"/>
      <c r="BN148" s="1980"/>
      <c r="BO148" s="1980"/>
      <c r="BP148" s="1980"/>
      <c r="BQ148" s="1980"/>
      <c r="BR148" s="1980"/>
      <c r="BS148" s="1980"/>
      <c r="BT148" s="1980"/>
      <c r="BU148" s="1980"/>
      <c r="BV148" s="1980"/>
      <c r="BW148" s="1980"/>
      <c r="BX148" s="1980"/>
      <c r="BY148" s="1980"/>
      <c r="BZ148" s="1980"/>
      <c r="CA148" s="1980"/>
      <c r="CB148" s="1980"/>
      <c r="CC148" s="1980"/>
      <c r="CD148" s="1980"/>
      <c r="CE148" s="1980"/>
      <c r="CF148" s="1980"/>
      <c r="CG148" s="1980"/>
      <c r="CH148" s="1980"/>
    </row>
    <row r="149" spans="5:86" ht="5.25" customHeight="1">
      <c r="E149" s="1455"/>
      <c r="F149" s="1456"/>
      <c r="G149" s="1457"/>
      <c r="H149" s="1404"/>
      <c r="I149" s="1427" t="s">
        <v>438</v>
      </c>
      <c r="J149" s="1427"/>
      <c r="K149" s="1427"/>
      <c r="L149" s="1427"/>
      <c r="M149" s="1427"/>
      <c r="N149" s="1428"/>
      <c r="O149" s="1429"/>
      <c r="P149" s="1429"/>
      <c r="Q149" s="1429"/>
      <c r="R149" s="1429"/>
      <c r="S149" s="1429"/>
      <c r="T149" s="1429"/>
      <c r="U149" s="1429"/>
      <c r="V149" s="1429"/>
      <c r="W149" s="1429"/>
      <c r="X149" s="1429"/>
      <c r="Y149" s="1429"/>
      <c r="Z149" s="1429"/>
      <c r="AA149" s="1429"/>
      <c r="AB149" s="1429"/>
      <c r="AC149" s="1429"/>
      <c r="AD149" s="1429"/>
      <c r="AE149" s="1429"/>
      <c r="AF149" s="1429"/>
      <c r="AG149" s="1429"/>
      <c r="AH149" s="1429"/>
      <c r="AI149" s="1429"/>
      <c r="AJ149" s="1429"/>
      <c r="AK149" s="1429"/>
      <c r="AL149" s="1429"/>
      <c r="AM149" s="1429"/>
      <c r="AN149" s="1430"/>
      <c r="AO149" s="1410" t="s">
        <v>533</v>
      </c>
      <c r="AP149" s="1411"/>
      <c r="AQ149" s="1411"/>
      <c r="AR149" s="1411"/>
      <c r="AS149" s="1411"/>
      <c r="AT149" s="1414" t="s">
        <v>532</v>
      </c>
      <c r="AU149" s="1414"/>
      <c r="AV149" s="1414"/>
      <c r="AW149" s="1415"/>
      <c r="AX149" s="380"/>
      <c r="AY149" s="355"/>
      <c r="AZ149" s="355"/>
      <c r="BA149" s="355"/>
      <c r="BD149" s="355"/>
      <c r="BE149" s="433"/>
      <c r="BF149" s="433"/>
      <c r="BG149" s="434"/>
      <c r="BH149" s="434"/>
      <c r="BI149" s="434"/>
      <c r="BJ149" s="434"/>
      <c r="BK149" s="434"/>
      <c r="BL149" s="434"/>
      <c r="BM149" s="434"/>
      <c r="BN149" s="434"/>
      <c r="BO149" s="434"/>
      <c r="BP149" s="434"/>
      <c r="BQ149" s="434"/>
      <c r="BR149" s="435"/>
      <c r="BS149" s="435"/>
      <c r="BT149" s="435"/>
      <c r="BU149" s="436"/>
      <c r="BV149" s="436"/>
      <c r="BW149" s="436"/>
      <c r="BX149" s="436"/>
      <c r="BY149" s="436"/>
      <c r="BZ149" s="436"/>
      <c r="CA149" s="436"/>
      <c r="CB149" s="436"/>
      <c r="CC149" s="436"/>
      <c r="CD149" s="436"/>
      <c r="CE149" s="436"/>
      <c r="CF149" s="436"/>
      <c r="CG149" s="436"/>
      <c r="CH149" s="436"/>
    </row>
    <row r="150" spans="5:86" ht="5.25" customHeight="1" thickBot="1">
      <c r="E150" s="1455"/>
      <c r="F150" s="1456"/>
      <c r="G150" s="1457"/>
      <c r="H150" s="1404"/>
      <c r="I150" s="1427"/>
      <c r="J150" s="1427"/>
      <c r="K150" s="1427"/>
      <c r="L150" s="1427"/>
      <c r="M150" s="1427"/>
      <c r="N150" s="1431"/>
      <c r="O150" s="1432"/>
      <c r="P150" s="1432"/>
      <c r="Q150" s="1432"/>
      <c r="R150" s="1432"/>
      <c r="S150" s="1432"/>
      <c r="T150" s="1432"/>
      <c r="U150" s="1432"/>
      <c r="V150" s="1432"/>
      <c r="W150" s="1432"/>
      <c r="X150" s="1432"/>
      <c r="Y150" s="1432"/>
      <c r="Z150" s="1432"/>
      <c r="AA150" s="1432"/>
      <c r="AB150" s="1432"/>
      <c r="AC150" s="1432"/>
      <c r="AD150" s="1432"/>
      <c r="AE150" s="1432"/>
      <c r="AF150" s="1432"/>
      <c r="AG150" s="1432"/>
      <c r="AH150" s="1432"/>
      <c r="AI150" s="1432"/>
      <c r="AJ150" s="1432"/>
      <c r="AK150" s="1432"/>
      <c r="AL150" s="1432"/>
      <c r="AM150" s="1432"/>
      <c r="AN150" s="1433"/>
      <c r="AO150" s="1412"/>
      <c r="AP150" s="1413"/>
      <c r="AQ150" s="1413"/>
      <c r="AR150" s="1413"/>
      <c r="AS150" s="1413"/>
      <c r="AT150" s="1416"/>
      <c r="AU150" s="1416"/>
      <c r="AV150" s="1416"/>
      <c r="AW150" s="1417"/>
      <c r="AX150" s="380"/>
      <c r="AY150" s="355"/>
      <c r="AZ150" s="355"/>
      <c r="BA150" s="355"/>
      <c r="BC150" s="355"/>
      <c r="BD150" s="404"/>
      <c r="BG150" s="410"/>
      <c r="BH150" s="441"/>
      <c r="BI150" s="441"/>
      <c r="BJ150" s="441"/>
      <c r="BK150" s="441"/>
      <c r="BL150" s="441"/>
      <c r="BM150" s="441"/>
      <c r="BN150" s="441"/>
      <c r="BO150" s="441"/>
      <c r="BP150" s="438"/>
      <c r="BQ150" s="438"/>
      <c r="BR150" s="439"/>
      <c r="BS150" s="439"/>
      <c r="BT150" s="439"/>
      <c r="BU150" s="440"/>
      <c r="BV150" s="440"/>
      <c r="BW150" s="440"/>
      <c r="BX150" s="440"/>
      <c r="BY150" s="440"/>
      <c r="BZ150" s="440"/>
      <c r="CA150" s="440"/>
      <c r="CB150" s="440"/>
      <c r="CC150" s="440"/>
      <c r="CD150" s="440"/>
      <c r="CE150" s="440"/>
      <c r="CF150" s="440"/>
      <c r="CG150" s="440"/>
      <c r="CH150" s="440"/>
    </row>
    <row r="151" spans="5:86" ht="5.25" customHeight="1">
      <c r="E151" s="1455"/>
      <c r="F151" s="1456"/>
      <c r="G151" s="1457"/>
      <c r="H151" s="1404"/>
      <c r="I151" s="1427"/>
      <c r="J151" s="1427"/>
      <c r="K151" s="1427"/>
      <c r="L151" s="1427"/>
      <c r="M151" s="1427"/>
      <c r="N151" s="1431"/>
      <c r="O151" s="1432"/>
      <c r="P151" s="1432"/>
      <c r="Q151" s="1432"/>
      <c r="R151" s="1432"/>
      <c r="S151" s="1432"/>
      <c r="T151" s="1432"/>
      <c r="U151" s="1432"/>
      <c r="V151" s="1432"/>
      <c r="W151" s="1432"/>
      <c r="X151" s="1432"/>
      <c r="Y151" s="1432"/>
      <c r="Z151" s="1432"/>
      <c r="AA151" s="1432"/>
      <c r="AB151" s="1432"/>
      <c r="AC151" s="1432"/>
      <c r="AD151" s="1432"/>
      <c r="AE151" s="1432"/>
      <c r="AF151" s="1432"/>
      <c r="AG151" s="1432"/>
      <c r="AH151" s="1432"/>
      <c r="AI151" s="1432"/>
      <c r="AJ151" s="1432"/>
      <c r="AK151" s="1432"/>
      <c r="AL151" s="1432"/>
      <c r="AM151" s="1432"/>
      <c r="AN151" s="1433"/>
      <c r="AO151" s="1418" t="s">
        <v>534</v>
      </c>
      <c r="AP151" s="1419"/>
      <c r="AQ151" s="1419"/>
      <c r="AR151" s="1419"/>
      <c r="AS151" s="1419"/>
      <c r="AT151" s="1416" t="s">
        <v>531</v>
      </c>
      <c r="AU151" s="1416"/>
      <c r="AV151" s="1416"/>
      <c r="AW151" s="1417"/>
      <c r="AX151" s="380"/>
      <c r="AY151" s="355"/>
      <c r="AZ151" s="355"/>
      <c r="BA151" s="355"/>
      <c r="BD151" s="404"/>
      <c r="BE151" s="442"/>
      <c r="BF151" s="2027" t="s">
        <v>489</v>
      </c>
      <c r="BG151" s="2028"/>
      <c r="BH151" s="2028"/>
      <c r="BI151" s="2028"/>
      <c r="BJ151" s="2028"/>
      <c r="BK151" s="2028"/>
      <c r="BL151" s="2028"/>
      <c r="BM151" s="2028"/>
      <c r="BN151" s="2028"/>
      <c r="BO151" s="2028"/>
      <c r="BP151" s="1981" t="s">
        <v>496</v>
      </c>
      <c r="BQ151" s="1981"/>
      <c r="BR151" s="1981"/>
      <c r="BS151" s="1981"/>
      <c r="BT151" s="1756"/>
      <c r="BU151" s="1574"/>
      <c r="BV151" s="1574"/>
      <c r="BW151" s="1574"/>
      <c r="BX151" s="1574"/>
      <c r="BY151" s="1574"/>
      <c r="BZ151" s="1574"/>
      <c r="CA151" s="1574"/>
      <c r="CB151" s="1574"/>
      <c r="CC151" s="1574"/>
      <c r="CD151" s="1574"/>
      <c r="CE151" s="1574"/>
      <c r="CF151" s="1574"/>
      <c r="CG151" s="2019"/>
      <c r="CH151" s="2020"/>
    </row>
    <row r="152" spans="5:86" ht="5.25" customHeight="1">
      <c r="E152" s="1455"/>
      <c r="F152" s="1456"/>
      <c r="G152" s="1457"/>
      <c r="H152" s="1407"/>
      <c r="I152" s="1427"/>
      <c r="J152" s="1427"/>
      <c r="K152" s="1427"/>
      <c r="L152" s="1427"/>
      <c r="M152" s="1427"/>
      <c r="N152" s="1434"/>
      <c r="O152" s="1435"/>
      <c r="P152" s="1435"/>
      <c r="Q152" s="1435"/>
      <c r="R152" s="1435"/>
      <c r="S152" s="1435"/>
      <c r="T152" s="1435"/>
      <c r="U152" s="1435"/>
      <c r="V152" s="1435"/>
      <c r="W152" s="1435"/>
      <c r="X152" s="1435"/>
      <c r="Y152" s="1435"/>
      <c r="Z152" s="1435"/>
      <c r="AA152" s="1435"/>
      <c r="AB152" s="1435"/>
      <c r="AC152" s="1435"/>
      <c r="AD152" s="1435"/>
      <c r="AE152" s="1435"/>
      <c r="AF152" s="1435"/>
      <c r="AG152" s="1435"/>
      <c r="AH152" s="1435"/>
      <c r="AI152" s="1435"/>
      <c r="AJ152" s="1435"/>
      <c r="AK152" s="1435"/>
      <c r="AL152" s="1435"/>
      <c r="AM152" s="1435"/>
      <c r="AN152" s="1436"/>
      <c r="AO152" s="1420"/>
      <c r="AP152" s="1421"/>
      <c r="AQ152" s="1421"/>
      <c r="AR152" s="1421"/>
      <c r="AS152" s="1421"/>
      <c r="AT152" s="1422"/>
      <c r="AU152" s="1422"/>
      <c r="AV152" s="1422"/>
      <c r="AW152" s="1423"/>
      <c r="AX152" s="380"/>
      <c r="AY152" s="355"/>
      <c r="AZ152" s="355"/>
      <c r="BA152" s="355"/>
      <c r="BD152" s="404"/>
      <c r="BE152" s="442"/>
      <c r="BF152" s="2006"/>
      <c r="BG152" s="1977"/>
      <c r="BH152" s="1977"/>
      <c r="BI152" s="1977"/>
      <c r="BJ152" s="1977"/>
      <c r="BK152" s="1977"/>
      <c r="BL152" s="1977"/>
      <c r="BM152" s="1977"/>
      <c r="BN152" s="1977"/>
      <c r="BO152" s="1977"/>
      <c r="BP152" s="1982"/>
      <c r="BQ152" s="1982"/>
      <c r="BR152" s="1982"/>
      <c r="BS152" s="1982"/>
      <c r="BT152" s="1756"/>
      <c r="BU152" s="1574"/>
      <c r="BV152" s="1574"/>
      <c r="BW152" s="1574"/>
      <c r="BX152" s="1574"/>
      <c r="BY152" s="1574"/>
      <c r="BZ152" s="1574"/>
      <c r="CA152" s="1574"/>
      <c r="CB152" s="1574"/>
      <c r="CC152" s="1574"/>
      <c r="CD152" s="1574"/>
      <c r="CE152" s="1574"/>
      <c r="CF152" s="1574"/>
      <c r="CG152" s="2002"/>
      <c r="CH152" s="2003"/>
    </row>
    <row r="153" spans="5:86" ht="5.25" customHeight="1">
      <c r="E153" s="1455"/>
      <c r="F153" s="1456"/>
      <c r="G153" s="1457"/>
      <c r="H153" s="1461">
        <v>2</v>
      </c>
      <c r="I153" s="1437"/>
      <c r="J153" s="1438"/>
      <c r="K153" s="1438"/>
      <c r="L153" s="1438"/>
      <c r="M153" s="1438"/>
      <c r="N153" s="1438"/>
      <c r="O153" s="1438"/>
      <c r="P153" s="1438"/>
      <c r="Q153" s="1438"/>
      <c r="R153" s="1438"/>
      <c r="S153" s="1438"/>
      <c r="T153" s="1438"/>
      <c r="U153" s="1438"/>
      <c r="V153" s="1438"/>
      <c r="W153" s="1438"/>
      <c r="X153" s="1438"/>
      <c r="Y153" s="1439"/>
      <c r="Z153" s="1443"/>
      <c r="AA153" s="1444"/>
      <c r="AB153" s="1444"/>
      <c r="AC153" s="1445"/>
      <c r="AD153" s="1446" t="s">
        <v>487</v>
      </c>
      <c r="AE153" s="1447"/>
      <c r="AF153" s="1447"/>
      <c r="AG153" s="1447"/>
      <c r="AH153" s="1447"/>
      <c r="AI153" s="1447"/>
      <c r="AJ153" s="1447"/>
      <c r="AK153" s="1447"/>
      <c r="AL153" s="1448"/>
      <c r="AM153" s="1449" t="s">
        <v>306</v>
      </c>
      <c r="AN153" s="1450"/>
      <c r="AO153" s="1450"/>
      <c r="AP153" s="1450"/>
      <c r="AQ153" s="1450"/>
      <c r="AR153" s="1451"/>
      <c r="AS153" s="1463"/>
      <c r="AT153" s="1464"/>
      <c r="AU153" s="1464"/>
      <c r="AV153" s="1464"/>
      <c r="AW153" s="1465"/>
      <c r="AX153" s="380"/>
      <c r="AY153" s="355"/>
      <c r="AZ153" s="355"/>
      <c r="BA153" s="355"/>
      <c r="BD153" s="404"/>
      <c r="BE153" s="442"/>
      <c r="BF153" s="2006"/>
      <c r="BG153" s="1977"/>
      <c r="BH153" s="1977"/>
      <c r="BI153" s="1977"/>
      <c r="BJ153" s="1977"/>
      <c r="BK153" s="1977"/>
      <c r="BL153" s="1977"/>
      <c r="BM153" s="1977"/>
      <c r="BN153" s="1977"/>
      <c r="BO153" s="1977"/>
      <c r="BP153" s="1982"/>
      <c r="BQ153" s="1982"/>
      <c r="BR153" s="1982"/>
      <c r="BS153" s="1982"/>
      <c r="BT153" s="1756"/>
      <c r="BU153" s="1574"/>
      <c r="BV153" s="1574"/>
      <c r="BW153" s="1574"/>
      <c r="BX153" s="1574"/>
      <c r="BY153" s="1574"/>
      <c r="BZ153" s="1574"/>
      <c r="CA153" s="1574"/>
      <c r="CB153" s="1574"/>
      <c r="CC153" s="1574"/>
      <c r="CD153" s="1574"/>
      <c r="CE153" s="1574"/>
      <c r="CF153" s="1574"/>
      <c r="CG153" s="2002"/>
      <c r="CH153" s="2003"/>
    </row>
    <row r="154" spans="5:86" ht="5.25" customHeight="1">
      <c r="E154" s="1455"/>
      <c r="F154" s="1456"/>
      <c r="G154" s="1457"/>
      <c r="H154" s="1462"/>
      <c r="I154" s="1440"/>
      <c r="J154" s="1441"/>
      <c r="K154" s="1441"/>
      <c r="L154" s="1441"/>
      <c r="M154" s="1441"/>
      <c r="N154" s="1441"/>
      <c r="O154" s="1441"/>
      <c r="P154" s="1441"/>
      <c r="Q154" s="1441"/>
      <c r="R154" s="1441"/>
      <c r="S154" s="1441"/>
      <c r="T154" s="1441"/>
      <c r="U154" s="1441"/>
      <c r="V154" s="1441"/>
      <c r="W154" s="1441"/>
      <c r="X154" s="1441"/>
      <c r="Y154" s="1442"/>
      <c r="Z154" s="1443"/>
      <c r="AA154" s="1444"/>
      <c r="AB154" s="1444"/>
      <c r="AC154" s="1445"/>
      <c r="AD154" s="1446"/>
      <c r="AE154" s="1447"/>
      <c r="AF154" s="1447"/>
      <c r="AG154" s="1447"/>
      <c r="AH154" s="1447"/>
      <c r="AI154" s="1447"/>
      <c r="AJ154" s="1447"/>
      <c r="AK154" s="1447"/>
      <c r="AL154" s="1448"/>
      <c r="AM154" s="1449"/>
      <c r="AN154" s="1450"/>
      <c r="AO154" s="1450"/>
      <c r="AP154" s="1450"/>
      <c r="AQ154" s="1450"/>
      <c r="AR154" s="1451"/>
      <c r="AS154" s="1466"/>
      <c r="AT154" s="1467"/>
      <c r="AU154" s="1467"/>
      <c r="AV154" s="1467"/>
      <c r="AW154" s="1468"/>
      <c r="AX154" s="380"/>
      <c r="AY154" s="355"/>
      <c r="BD154" s="404"/>
      <c r="BE154" s="442"/>
      <c r="BF154" s="2006"/>
      <c r="BG154" s="1977"/>
      <c r="BH154" s="1977"/>
      <c r="BI154" s="1977"/>
      <c r="BJ154" s="1977"/>
      <c r="BK154" s="1977"/>
      <c r="BL154" s="1977"/>
      <c r="BM154" s="1977"/>
      <c r="BN154" s="1977"/>
      <c r="BO154" s="1977"/>
      <c r="BP154" s="1982"/>
      <c r="BQ154" s="1982"/>
      <c r="BR154" s="1982"/>
      <c r="BS154" s="1982"/>
      <c r="BT154" s="1757"/>
      <c r="BU154" s="1758"/>
      <c r="BV154" s="1758"/>
      <c r="BW154" s="1758"/>
      <c r="BX154" s="1758"/>
      <c r="BY154" s="1758"/>
      <c r="BZ154" s="1758"/>
      <c r="CA154" s="1758"/>
      <c r="CB154" s="1758"/>
      <c r="CC154" s="1758"/>
      <c r="CD154" s="1758"/>
      <c r="CE154" s="1758"/>
      <c r="CF154" s="1758"/>
      <c r="CG154" s="2021"/>
      <c r="CH154" s="2022"/>
    </row>
    <row r="155" spans="5:86" ht="5.25" customHeight="1">
      <c r="E155" s="1455"/>
      <c r="F155" s="1456"/>
      <c r="G155" s="1457"/>
      <c r="H155" s="1462"/>
      <c r="I155" s="1404"/>
      <c r="J155" s="1405"/>
      <c r="K155" s="1405"/>
      <c r="L155" s="1405"/>
      <c r="M155" s="1405"/>
      <c r="N155" s="1405"/>
      <c r="O155" s="1405"/>
      <c r="P155" s="1405"/>
      <c r="Q155" s="1405"/>
      <c r="R155" s="1405"/>
      <c r="S155" s="1405"/>
      <c r="T155" s="1405"/>
      <c r="U155" s="1405"/>
      <c r="V155" s="1405"/>
      <c r="W155" s="1405"/>
      <c r="X155" s="1405"/>
      <c r="Y155" s="1406"/>
      <c r="Z155" s="1443"/>
      <c r="AA155" s="1444"/>
      <c r="AB155" s="1444"/>
      <c r="AC155" s="1445"/>
      <c r="AD155" s="1472" t="s">
        <v>389</v>
      </c>
      <c r="AE155" s="1473"/>
      <c r="AF155" s="1473"/>
      <c r="AG155" s="1473"/>
      <c r="AH155" s="1473"/>
      <c r="AI155" s="1473"/>
      <c r="AJ155" s="1473"/>
      <c r="AK155" s="1473"/>
      <c r="AL155" s="1474"/>
      <c r="AM155" s="1424" t="s">
        <v>292</v>
      </c>
      <c r="AN155" s="1425"/>
      <c r="AO155" s="1425"/>
      <c r="AP155" s="1425"/>
      <c r="AQ155" s="1425"/>
      <c r="AR155" s="1426"/>
      <c r="AS155" s="1466"/>
      <c r="AT155" s="1467"/>
      <c r="AU155" s="1467"/>
      <c r="AV155" s="1467"/>
      <c r="AW155" s="1468"/>
      <c r="AX155" s="380"/>
      <c r="AY155" s="376"/>
      <c r="BD155" s="404"/>
      <c r="BE155" s="442"/>
      <c r="BF155" s="2006" t="s">
        <v>490</v>
      </c>
      <c r="BG155" s="1977"/>
      <c r="BH155" s="1977"/>
      <c r="BI155" s="1977"/>
      <c r="BJ155" s="1977"/>
      <c r="BK155" s="1977"/>
      <c r="BL155" s="1977"/>
      <c r="BM155" s="1977"/>
      <c r="BN155" s="1977"/>
      <c r="BO155" s="1977"/>
      <c r="BP155" s="1982" t="s">
        <v>497</v>
      </c>
      <c r="BQ155" s="1982"/>
      <c r="BR155" s="1982"/>
      <c r="BS155" s="1982"/>
      <c r="BT155" s="1983"/>
      <c r="BU155" s="1984"/>
      <c r="BV155" s="1984"/>
      <c r="BW155" s="1984"/>
      <c r="BX155" s="1984"/>
      <c r="BY155" s="1984"/>
      <c r="BZ155" s="1984"/>
      <c r="CA155" s="1984"/>
      <c r="CB155" s="1984"/>
      <c r="CC155" s="1984"/>
      <c r="CD155" s="1984"/>
      <c r="CE155" s="1984"/>
      <c r="CF155" s="1984"/>
      <c r="CG155" s="2000"/>
      <c r="CH155" s="2001"/>
    </row>
    <row r="156" spans="5:86" ht="5.25" customHeight="1">
      <c r="E156" s="1455"/>
      <c r="F156" s="1456"/>
      <c r="G156" s="1457"/>
      <c r="H156" s="1462"/>
      <c r="I156" s="1404"/>
      <c r="J156" s="1405"/>
      <c r="K156" s="1405"/>
      <c r="L156" s="1405"/>
      <c r="M156" s="1405"/>
      <c r="N156" s="1405"/>
      <c r="O156" s="1405"/>
      <c r="P156" s="1405"/>
      <c r="Q156" s="1405"/>
      <c r="R156" s="1405"/>
      <c r="S156" s="1405"/>
      <c r="T156" s="1405"/>
      <c r="U156" s="1405"/>
      <c r="V156" s="1405"/>
      <c r="W156" s="1405"/>
      <c r="X156" s="1405"/>
      <c r="Y156" s="1406"/>
      <c r="Z156" s="1443"/>
      <c r="AA156" s="1444"/>
      <c r="AB156" s="1444"/>
      <c r="AC156" s="1445"/>
      <c r="AD156" s="1472"/>
      <c r="AE156" s="1473"/>
      <c r="AF156" s="1473"/>
      <c r="AG156" s="1473"/>
      <c r="AH156" s="1473"/>
      <c r="AI156" s="1473"/>
      <c r="AJ156" s="1473"/>
      <c r="AK156" s="1473"/>
      <c r="AL156" s="1474"/>
      <c r="AM156" s="1424"/>
      <c r="AN156" s="1425"/>
      <c r="AO156" s="1425"/>
      <c r="AP156" s="1425"/>
      <c r="AQ156" s="1425"/>
      <c r="AR156" s="1426"/>
      <c r="AS156" s="1466"/>
      <c r="AT156" s="1467"/>
      <c r="AU156" s="1467"/>
      <c r="AV156" s="1467"/>
      <c r="AW156" s="1468"/>
      <c r="AX156" s="380"/>
      <c r="AY156" s="376"/>
      <c r="BD156" s="404"/>
      <c r="BE156" s="442"/>
      <c r="BF156" s="2006"/>
      <c r="BG156" s="1977"/>
      <c r="BH156" s="1977"/>
      <c r="BI156" s="1977"/>
      <c r="BJ156" s="1977"/>
      <c r="BK156" s="1977"/>
      <c r="BL156" s="1977"/>
      <c r="BM156" s="1977"/>
      <c r="BN156" s="1977"/>
      <c r="BO156" s="1977"/>
      <c r="BP156" s="1982"/>
      <c r="BQ156" s="1982"/>
      <c r="BR156" s="1982"/>
      <c r="BS156" s="1982"/>
      <c r="BT156" s="1756"/>
      <c r="BU156" s="1574"/>
      <c r="BV156" s="1574"/>
      <c r="BW156" s="1574"/>
      <c r="BX156" s="1574"/>
      <c r="BY156" s="1574"/>
      <c r="BZ156" s="1574"/>
      <c r="CA156" s="1574"/>
      <c r="CB156" s="1574"/>
      <c r="CC156" s="1574"/>
      <c r="CD156" s="1574"/>
      <c r="CE156" s="1574"/>
      <c r="CF156" s="1574"/>
      <c r="CG156" s="2002"/>
      <c r="CH156" s="2003"/>
    </row>
    <row r="157" spans="5:86" ht="5.25" customHeight="1">
      <c r="E157" s="1455"/>
      <c r="F157" s="1456"/>
      <c r="G157" s="1457"/>
      <c r="H157" s="1462"/>
      <c r="I157" s="1407"/>
      <c r="J157" s="1408"/>
      <c r="K157" s="1408"/>
      <c r="L157" s="1408"/>
      <c r="M157" s="1408"/>
      <c r="N157" s="1408"/>
      <c r="O157" s="1408"/>
      <c r="P157" s="1408"/>
      <c r="Q157" s="1408"/>
      <c r="R157" s="1408"/>
      <c r="S157" s="1408"/>
      <c r="T157" s="1408"/>
      <c r="U157" s="1408"/>
      <c r="V157" s="1408"/>
      <c r="W157" s="1408"/>
      <c r="X157" s="1408"/>
      <c r="Y157" s="1409"/>
      <c r="Z157" s="1443"/>
      <c r="AA157" s="1444"/>
      <c r="AB157" s="1444"/>
      <c r="AC157" s="1445"/>
      <c r="AD157" s="1472"/>
      <c r="AE157" s="1473"/>
      <c r="AF157" s="1473"/>
      <c r="AG157" s="1473"/>
      <c r="AH157" s="1473"/>
      <c r="AI157" s="1473"/>
      <c r="AJ157" s="1473"/>
      <c r="AK157" s="1473"/>
      <c r="AL157" s="1474"/>
      <c r="AM157" s="1424"/>
      <c r="AN157" s="1425"/>
      <c r="AO157" s="1425"/>
      <c r="AP157" s="1425"/>
      <c r="AQ157" s="1425"/>
      <c r="AR157" s="1426"/>
      <c r="AS157" s="1469"/>
      <c r="AT157" s="1470"/>
      <c r="AU157" s="1470"/>
      <c r="AV157" s="1470"/>
      <c r="AW157" s="1471"/>
      <c r="AX157" s="380"/>
      <c r="AY157" s="376"/>
      <c r="BD157" s="404"/>
      <c r="BE157" s="442"/>
      <c r="BF157" s="2006"/>
      <c r="BG157" s="1977"/>
      <c r="BH157" s="1977"/>
      <c r="BI157" s="1977"/>
      <c r="BJ157" s="1977"/>
      <c r="BK157" s="1977"/>
      <c r="BL157" s="1977"/>
      <c r="BM157" s="1977"/>
      <c r="BN157" s="1977"/>
      <c r="BO157" s="1977"/>
      <c r="BP157" s="1982"/>
      <c r="BQ157" s="1982"/>
      <c r="BR157" s="1982"/>
      <c r="BS157" s="1982"/>
      <c r="BT157" s="1756"/>
      <c r="BU157" s="1574"/>
      <c r="BV157" s="1574"/>
      <c r="BW157" s="1574"/>
      <c r="BX157" s="1574"/>
      <c r="BY157" s="1574"/>
      <c r="BZ157" s="1574"/>
      <c r="CA157" s="1574"/>
      <c r="CB157" s="1574"/>
      <c r="CC157" s="1574"/>
      <c r="CD157" s="1574"/>
      <c r="CE157" s="1574"/>
      <c r="CF157" s="1574"/>
      <c r="CG157" s="2002"/>
      <c r="CH157" s="2003"/>
    </row>
    <row r="158" spans="5:86" ht="5.25" customHeight="1">
      <c r="E158" s="1455"/>
      <c r="F158" s="1456"/>
      <c r="G158" s="1457"/>
      <c r="H158" s="1404"/>
      <c r="I158" s="1427" t="s">
        <v>438</v>
      </c>
      <c r="J158" s="1427"/>
      <c r="K158" s="1427"/>
      <c r="L158" s="1427"/>
      <c r="M158" s="1427"/>
      <c r="N158" s="1428"/>
      <c r="O158" s="1429"/>
      <c r="P158" s="1429"/>
      <c r="Q158" s="1429"/>
      <c r="R158" s="1429"/>
      <c r="S158" s="1429"/>
      <c r="T158" s="1429"/>
      <c r="U158" s="1429"/>
      <c r="V158" s="1429"/>
      <c r="W158" s="1429"/>
      <c r="X158" s="1429"/>
      <c r="Y158" s="1429"/>
      <c r="Z158" s="1429"/>
      <c r="AA158" s="1429"/>
      <c r="AB158" s="1429"/>
      <c r="AC158" s="1429"/>
      <c r="AD158" s="1429"/>
      <c r="AE158" s="1429"/>
      <c r="AF158" s="1429"/>
      <c r="AG158" s="1429"/>
      <c r="AH158" s="1429"/>
      <c r="AI158" s="1429"/>
      <c r="AJ158" s="1429"/>
      <c r="AK158" s="1429"/>
      <c r="AL158" s="1429"/>
      <c r="AM158" s="1429"/>
      <c r="AN158" s="1430"/>
      <c r="AO158" s="1410" t="s">
        <v>533</v>
      </c>
      <c r="AP158" s="1411"/>
      <c r="AQ158" s="1411"/>
      <c r="AR158" s="1411"/>
      <c r="AS158" s="1411"/>
      <c r="AT158" s="1414" t="s">
        <v>532</v>
      </c>
      <c r="AU158" s="1414"/>
      <c r="AV158" s="1414"/>
      <c r="AW158" s="1415"/>
      <c r="AX158" s="380"/>
      <c r="AY158" s="376"/>
      <c r="AZ158" s="355"/>
      <c r="BA158" s="355"/>
      <c r="BB158" s="355"/>
      <c r="BC158" s="355"/>
      <c r="BD158" s="404"/>
      <c r="BE158" s="442"/>
      <c r="BF158" s="2006"/>
      <c r="BG158" s="1977"/>
      <c r="BH158" s="1977"/>
      <c r="BI158" s="1977"/>
      <c r="BJ158" s="1977"/>
      <c r="BK158" s="1977"/>
      <c r="BL158" s="1977"/>
      <c r="BM158" s="1977"/>
      <c r="BN158" s="1977"/>
      <c r="BO158" s="1977"/>
      <c r="BP158" s="1982"/>
      <c r="BQ158" s="1982"/>
      <c r="BR158" s="1982"/>
      <c r="BS158" s="1982"/>
      <c r="BT158" s="1757"/>
      <c r="BU158" s="1758"/>
      <c r="BV158" s="1758"/>
      <c r="BW158" s="1758"/>
      <c r="BX158" s="1758"/>
      <c r="BY158" s="1758"/>
      <c r="BZ158" s="1758"/>
      <c r="CA158" s="1758"/>
      <c r="CB158" s="1758"/>
      <c r="CC158" s="1758"/>
      <c r="CD158" s="1758"/>
      <c r="CE158" s="1758"/>
      <c r="CF158" s="1758"/>
      <c r="CG158" s="2021"/>
      <c r="CH158" s="2022"/>
    </row>
    <row r="159" spans="5:86" ht="5.25" customHeight="1">
      <c r="E159" s="1455"/>
      <c r="F159" s="1456"/>
      <c r="G159" s="1457"/>
      <c r="H159" s="1404"/>
      <c r="I159" s="1427"/>
      <c r="J159" s="1427"/>
      <c r="K159" s="1427"/>
      <c r="L159" s="1427"/>
      <c r="M159" s="1427"/>
      <c r="N159" s="1431"/>
      <c r="O159" s="1432"/>
      <c r="P159" s="1432"/>
      <c r="Q159" s="1432"/>
      <c r="R159" s="1432"/>
      <c r="S159" s="1432"/>
      <c r="T159" s="1432"/>
      <c r="U159" s="1432"/>
      <c r="V159" s="1432"/>
      <c r="W159" s="1432"/>
      <c r="X159" s="1432"/>
      <c r="Y159" s="1432"/>
      <c r="Z159" s="1432"/>
      <c r="AA159" s="1432"/>
      <c r="AB159" s="1432"/>
      <c r="AC159" s="1432"/>
      <c r="AD159" s="1432"/>
      <c r="AE159" s="1432"/>
      <c r="AF159" s="1432"/>
      <c r="AG159" s="1432"/>
      <c r="AH159" s="1432"/>
      <c r="AI159" s="1432"/>
      <c r="AJ159" s="1432"/>
      <c r="AK159" s="1432"/>
      <c r="AL159" s="1432"/>
      <c r="AM159" s="1432"/>
      <c r="AN159" s="1433"/>
      <c r="AO159" s="1412"/>
      <c r="AP159" s="1413"/>
      <c r="AQ159" s="1413"/>
      <c r="AR159" s="1413"/>
      <c r="AS159" s="1413"/>
      <c r="AT159" s="1416"/>
      <c r="AU159" s="1416"/>
      <c r="AV159" s="1416"/>
      <c r="AW159" s="1417"/>
      <c r="AX159" s="380"/>
      <c r="AY159" s="357"/>
      <c r="AZ159" s="355"/>
      <c r="BA159" s="355"/>
      <c r="BB159" s="355"/>
      <c r="BC159" s="355"/>
      <c r="BD159" s="404"/>
      <c r="BE159" s="442"/>
      <c r="BF159" s="2006" t="s">
        <v>491</v>
      </c>
      <c r="BG159" s="1977"/>
      <c r="BH159" s="1977"/>
      <c r="BI159" s="1977"/>
      <c r="BJ159" s="1977"/>
      <c r="BK159" s="1977"/>
      <c r="BL159" s="1977"/>
      <c r="BM159" s="1977"/>
      <c r="BN159" s="1977"/>
      <c r="BO159" s="1977"/>
      <c r="BP159" s="1982" t="s">
        <v>498</v>
      </c>
      <c r="BQ159" s="1982"/>
      <c r="BR159" s="1982"/>
      <c r="BS159" s="1982"/>
      <c r="BT159" s="1574"/>
      <c r="BU159" s="1574"/>
      <c r="BV159" s="1574"/>
      <c r="BW159" s="1574"/>
      <c r="BX159" s="1574"/>
      <c r="BY159" s="1574"/>
      <c r="BZ159" s="1574"/>
      <c r="CA159" s="1574"/>
      <c r="CB159" s="1574"/>
      <c r="CC159" s="1574"/>
      <c r="CD159" s="1574"/>
      <c r="CE159" s="1574"/>
      <c r="CF159" s="1574"/>
      <c r="CG159" s="2002"/>
      <c r="CH159" s="2003"/>
    </row>
    <row r="160" spans="5:86" ht="5.25" customHeight="1">
      <c r="E160" s="1455"/>
      <c r="F160" s="1456"/>
      <c r="G160" s="1457"/>
      <c r="H160" s="1404"/>
      <c r="I160" s="1427"/>
      <c r="J160" s="1427"/>
      <c r="K160" s="1427"/>
      <c r="L160" s="1427"/>
      <c r="M160" s="1427"/>
      <c r="N160" s="1431"/>
      <c r="O160" s="1432"/>
      <c r="P160" s="1432"/>
      <c r="Q160" s="1432"/>
      <c r="R160" s="1432"/>
      <c r="S160" s="1432"/>
      <c r="T160" s="1432"/>
      <c r="U160" s="1432"/>
      <c r="V160" s="1432"/>
      <c r="W160" s="1432"/>
      <c r="X160" s="1432"/>
      <c r="Y160" s="1432"/>
      <c r="Z160" s="1432"/>
      <c r="AA160" s="1432"/>
      <c r="AB160" s="1432"/>
      <c r="AC160" s="1432"/>
      <c r="AD160" s="1432"/>
      <c r="AE160" s="1432"/>
      <c r="AF160" s="1432"/>
      <c r="AG160" s="1432"/>
      <c r="AH160" s="1432"/>
      <c r="AI160" s="1432"/>
      <c r="AJ160" s="1432"/>
      <c r="AK160" s="1432"/>
      <c r="AL160" s="1432"/>
      <c r="AM160" s="1432"/>
      <c r="AN160" s="1433"/>
      <c r="AO160" s="1418" t="s">
        <v>534</v>
      </c>
      <c r="AP160" s="1419"/>
      <c r="AQ160" s="1419"/>
      <c r="AR160" s="1419"/>
      <c r="AS160" s="1419"/>
      <c r="AT160" s="1416" t="s">
        <v>531</v>
      </c>
      <c r="AU160" s="1416"/>
      <c r="AV160" s="1416"/>
      <c r="AW160" s="1417"/>
      <c r="AX160" s="380"/>
      <c r="AY160" s="357"/>
      <c r="AZ160" s="355"/>
      <c r="BA160" s="355"/>
      <c r="BB160" s="355"/>
      <c r="BC160" s="355"/>
      <c r="BD160" s="404"/>
      <c r="BE160" s="442"/>
      <c r="BF160" s="2006"/>
      <c r="BG160" s="1977"/>
      <c r="BH160" s="1977"/>
      <c r="BI160" s="1977"/>
      <c r="BJ160" s="1977"/>
      <c r="BK160" s="1977"/>
      <c r="BL160" s="1977"/>
      <c r="BM160" s="1977"/>
      <c r="BN160" s="1977"/>
      <c r="BO160" s="1977"/>
      <c r="BP160" s="1982"/>
      <c r="BQ160" s="1982"/>
      <c r="BR160" s="1982"/>
      <c r="BS160" s="1982"/>
      <c r="BT160" s="1574"/>
      <c r="BU160" s="1574"/>
      <c r="BV160" s="1574"/>
      <c r="BW160" s="1574"/>
      <c r="BX160" s="1574"/>
      <c r="BY160" s="1574"/>
      <c r="BZ160" s="1574"/>
      <c r="CA160" s="1574"/>
      <c r="CB160" s="1574"/>
      <c r="CC160" s="1574"/>
      <c r="CD160" s="1574"/>
      <c r="CE160" s="1574"/>
      <c r="CF160" s="1574"/>
      <c r="CG160" s="2002"/>
      <c r="CH160" s="2003"/>
    </row>
    <row r="161" spans="1:86" ht="5.25" customHeight="1">
      <c r="E161" s="1455"/>
      <c r="F161" s="1456"/>
      <c r="G161" s="1457"/>
      <c r="H161" s="1407"/>
      <c r="I161" s="1427"/>
      <c r="J161" s="1427"/>
      <c r="K161" s="1427"/>
      <c r="L161" s="1427"/>
      <c r="M161" s="1427"/>
      <c r="N161" s="1434"/>
      <c r="O161" s="1435"/>
      <c r="P161" s="1435"/>
      <c r="Q161" s="1435"/>
      <c r="R161" s="1435"/>
      <c r="S161" s="1435"/>
      <c r="T161" s="1435"/>
      <c r="U161" s="1435"/>
      <c r="V161" s="1435"/>
      <c r="W161" s="1435"/>
      <c r="X161" s="1435"/>
      <c r="Y161" s="1435"/>
      <c r="Z161" s="1435"/>
      <c r="AA161" s="1435"/>
      <c r="AB161" s="1435"/>
      <c r="AC161" s="1435"/>
      <c r="AD161" s="1435"/>
      <c r="AE161" s="1435"/>
      <c r="AF161" s="1435"/>
      <c r="AG161" s="1435"/>
      <c r="AH161" s="1435"/>
      <c r="AI161" s="1435"/>
      <c r="AJ161" s="1435"/>
      <c r="AK161" s="1435"/>
      <c r="AL161" s="1435"/>
      <c r="AM161" s="1435"/>
      <c r="AN161" s="1436"/>
      <c r="AO161" s="1420"/>
      <c r="AP161" s="1421"/>
      <c r="AQ161" s="1421"/>
      <c r="AR161" s="1421"/>
      <c r="AS161" s="1421"/>
      <c r="AT161" s="1422"/>
      <c r="AU161" s="1422"/>
      <c r="AV161" s="1422"/>
      <c r="AW161" s="1423"/>
      <c r="AX161" s="380"/>
      <c r="AY161" s="357"/>
      <c r="AZ161" s="355"/>
      <c r="BA161" s="355"/>
      <c r="BB161" s="355"/>
      <c r="BC161" s="355"/>
      <c r="BD161" s="404"/>
      <c r="BE161" s="442"/>
      <c r="BF161" s="2006"/>
      <c r="BG161" s="1977"/>
      <c r="BH161" s="1977"/>
      <c r="BI161" s="1977"/>
      <c r="BJ161" s="1977"/>
      <c r="BK161" s="1977"/>
      <c r="BL161" s="1977"/>
      <c r="BM161" s="1977"/>
      <c r="BN161" s="1977"/>
      <c r="BO161" s="1977"/>
      <c r="BP161" s="1982"/>
      <c r="BQ161" s="1982"/>
      <c r="BR161" s="1982"/>
      <c r="BS161" s="1982"/>
      <c r="BT161" s="1574"/>
      <c r="BU161" s="1574"/>
      <c r="BV161" s="1574"/>
      <c r="BW161" s="1574"/>
      <c r="BX161" s="1574"/>
      <c r="BY161" s="1574"/>
      <c r="BZ161" s="1574"/>
      <c r="CA161" s="1574"/>
      <c r="CB161" s="1574"/>
      <c r="CC161" s="1574"/>
      <c r="CD161" s="1574"/>
      <c r="CE161" s="1574"/>
      <c r="CF161" s="1574"/>
      <c r="CG161" s="2002"/>
      <c r="CH161" s="2003"/>
    </row>
    <row r="162" spans="1:86" ht="5.25" customHeight="1">
      <c r="E162" s="1455"/>
      <c r="F162" s="1456"/>
      <c r="G162" s="1457"/>
      <c r="H162" s="1461">
        <v>3</v>
      </c>
      <c r="I162" s="1437"/>
      <c r="J162" s="1438"/>
      <c r="K162" s="1438"/>
      <c r="L162" s="1438"/>
      <c r="M162" s="1438"/>
      <c r="N162" s="1438"/>
      <c r="O162" s="1438"/>
      <c r="P162" s="1438"/>
      <c r="Q162" s="1438"/>
      <c r="R162" s="1438"/>
      <c r="S162" s="1438"/>
      <c r="T162" s="1438"/>
      <c r="U162" s="1438"/>
      <c r="V162" s="1438"/>
      <c r="W162" s="1438"/>
      <c r="X162" s="1438"/>
      <c r="Y162" s="1439"/>
      <c r="Z162" s="1443"/>
      <c r="AA162" s="1444"/>
      <c r="AB162" s="1444"/>
      <c r="AC162" s="1445"/>
      <c r="AD162" s="1446" t="s">
        <v>487</v>
      </c>
      <c r="AE162" s="1447"/>
      <c r="AF162" s="1447"/>
      <c r="AG162" s="1447"/>
      <c r="AH162" s="1447"/>
      <c r="AI162" s="1447"/>
      <c r="AJ162" s="1447"/>
      <c r="AK162" s="1447"/>
      <c r="AL162" s="1448"/>
      <c r="AM162" s="1449" t="s">
        <v>306</v>
      </c>
      <c r="AN162" s="1450"/>
      <c r="AO162" s="1450"/>
      <c r="AP162" s="1450"/>
      <c r="AQ162" s="1450"/>
      <c r="AR162" s="1451"/>
      <c r="AS162" s="1463"/>
      <c r="AT162" s="1464"/>
      <c r="AU162" s="1464"/>
      <c r="AV162" s="1464"/>
      <c r="AW162" s="1465"/>
      <c r="AX162" s="380"/>
      <c r="AY162" s="357"/>
      <c r="AZ162" s="355"/>
      <c r="BA162" s="355"/>
      <c r="BB162" s="355"/>
      <c r="BC162" s="355"/>
      <c r="BD162" s="404"/>
      <c r="BE162" s="442"/>
      <c r="BF162" s="2006"/>
      <c r="BG162" s="1977"/>
      <c r="BH162" s="1977"/>
      <c r="BI162" s="1977"/>
      <c r="BJ162" s="1977"/>
      <c r="BK162" s="1977"/>
      <c r="BL162" s="1977"/>
      <c r="BM162" s="1977"/>
      <c r="BN162" s="1977"/>
      <c r="BO162" s="1977"/>
      <c r="BP162" s="1982"/>
      <c r="BQ162" s="1982"/>
      <c r="BR162" s="1982"/>
      <c r="BS162" s="1982"/>
      <c r="BT162" s="1574"/>
      <c r="BU162" s="1574"/>
      <c r="BV162" s="1574"/>
      <c r="BW162" s="1574"/>
      <c r="BX162" s="1574"/>
      <c r="BY162" s="1574"/>
      <c r="BZ162" s="1574"/>
      <c r="CA162" s="1574"/>
      <c r="CB162" s="1574"/>
      <c r="CC162" s="1574"/>
      <c r="CD162" s="1574"/>
      <c r="CE162" s="1574"/>
      <c r="CF162" s="1574"/>
      <c r="CG162" s="2002"/>
      <c r="CH162" s="2003"/>
    </row>
    <row r="163" spans="1:86" ht="5.25" customHeight="1">
      <c r="E163" s="1455"/>
      <c r="F163" s="1456"/>
      <c r="G163" s="1457"/>
      <c r="H163" s="1462"/>
      <c r="I163" s="1475"/>
      <c r="J163" s="1476"/>
      <c r="K163" s="1476"/>
      <c r="L163" s="1476"/>
      <c r="M163" s="1476"/>
      <c r="N163" s="1476"/>
      <c r="O163" s="1476"/>
      <c r="P163" s="1476"/>
      <c r="Q163" s="1476"/>
      <c r="R163" s="1476"/>
      <c r="S163" s="1476"/>
      <c r="T163" s="1476"/>
      <c r="U163" s="1476"/>
      <c r="V163" s="1476"/>
      <c r="W163" s="1476"/>
      <c r="X163" s="1476"/>
      <c r="Y163" s="1477"/>
      <c r="Z163" s="1443"/>
      <c r="AA163" s="1444"/>
      <c r="AB163" s="1444"/>
      <c r="AC163" s="1445"/>
      <c r="AD163" s="1446"/>
      <c r="AE163" s="1447"/>
      <c r="AF163" s="1447"/>
      <c r="AG163" s="1447"/>
      <c r="AH163" s="1447"/>
      <c r="AI163" s="1447"/>
      <c r="AJ163" s="1447"/>
      <c r="AK163" s="1447"/>
      <c r="AL163" s="1448"/>
      <c r="AM163" s="1449"/>
      <c r="AN163" s="1450"/>
      <c r="AO163" s="1450"/>
      <c r="AP163" s="1450"/>
      <c r="AQ163" s="1450"/>
      <c r="AR163" s="1451"/>
      <c r="AS163" s="1466"/>
      <c r="AT163" s="1467"/>
      <c r="AU163" s="1467"/>
      <c r="AV163" s="1467"/>
      <c r="AW163" s="1468"/>
      <c r="AX163" s="355"/>
      <c r="AY163" s="357"/>
      <c r="AZ163" s="355"/>
      <c r="BA163" s="355"/>
      <c r="BB163" s="355"/>
      <c r="BC163" s="355"/>
      <c r="BD163" s="404"/>
      <c r="BE163" s="442"/>
      <c r="BF163" s="2006" t="s">
        <v>492</v>
      </c>
      <c r="BG163" s="1977"/>
      <c r="BH163" s="1977"/>
      <c r="BI163" s="1977"/>
      <c r="BJ163" s="1977"/>
      <c r="BK163" s="1977"/>
      <c r="BL163" s="1977"/>
      <c r="BM163" s="1977"/>
      <c r="BN163" s="1977"/>
      <c r="BO163" s="1977"/>
      <c r="BP163" s="1982" t="s">
        <v>499</v>
      </c>
      <c r="BQ163" s="1982"/>
      <c r="BR163" s="1982"/>
      <c r="BS163" s="1982"/>
      <c r="BT163" s="1983"/>
      <c r="BU163" s="1984"/>
      <c r="BV163" s="1984"/>
      <c r="BW163" s="1984"/>
      <c r="BX163" s="1984"/>
      <c r="BY163" s="1984"/>
      <c r="BZ163" s="1984"/>
      <c r="CA163" s="1984"/>
      <c r="CB163" s="1984"/>
      <c r="CC163" s="1984"/>
      <c r="CD163" s="1984"/>
      <c r="CE163" s="1984"/>
      <c r="CF163" s="1984"/>
      <c r="CG163" s="2000"/>
      <c r="CH163" s="2001"/>
    </row>
    <row r="164" spans="1:86" ht="5.25" customHeight="1">
      <c r="E164" s="1455"/>
      <c r="F164" s="1456"/>
      <c r="G164" s="1457"/>
      <c r="H164" s="1462"/>
      <c r="I164" s="1401"/>
      <c r="J164" s="1402"/>
      <c r="K164" s="1402"/>
      <c r="L164" s="1402"/>
      <c r="M164" s="1402"/>
      <c r="N164" s="1402"/>
      <c r="O164" s="1402"/>
      <c r="P164" s="1402"/>
      <c r="Q164" s="1402"/>
      <c r="R164" s="1402"/>
      <c r="S164" s="1402"/>
      <c r="T164" s="1402"/>
      <c r="U164" s="1402"/>
      <c r="V164" s="1402"/>
      <c r="W164" s="1402"/>
      <c r="X164" s="1402"/>
      <c r="Y164" s="1403"/>
      <c r="Z164" s="1443"/>
      <c r="AA164" s="1444"/>
      <c r="AB164" s="1444"/>
      <c r="AC164" s="1445"/>
      <c r="AD164" s="1472" t="s">
        <v>389</v>
      </c>
      <c r="AE164" s="1473"/>
      <c r="AF164" s="1473"/>
      <c r="AG164" s="1473"/>
      <c r="AH164" s="1473"/>
      <c r="AI164" s="1473"/>
      <c r="AJ164" s="1473"/>
      <c r="AK164" s="1473"/>
      <c r="AL164" s="1474"/>
      <c r="AM164" s="1424" t="s">
        <v>292</v>
      </c>
      <c r="AN164" s="1425"/>
      <c r="AO164" s="1425"/>
      <c r="AP164" s="1425"/>
      <c r="AQ164" s="1425"/>
      <c r="AR164" s="1426"/>
      <c r="AS164" s="1466"/>
      <c r="AT164" s="1467"/>
      <c r="AU164" s="1467"/>
      <c r="AV164" s="1467"/>
      <c r="AW164" s="1468"/>
      <c r="AX164" s="376"/>
      <c r="AY164" s="357"/>
      <c r="AZ164" s="355"/>
      <c r="BA164" s="355"/>
      <c r="BB164" s="355"/>
      <c r="BC164" s="355"/>
      <c r="BD164" s="404"/>
      <c r="BE164" s="442"/>
      <c r="BF164" s="2006"/>
      <c r="BG164" s="1977"/>
      <c r="BH164" s="1977"/>
      <c r="BI164" s="1977"/>
      <c r="BJ164" s="1977"/>
      <c r="BK164" s="1977"/>
      <c r="BL164" s="1977"/>
      <c r="BM164" s="1977"/>
      <c r="BN164" s="1977"/>
      <c r="BO164" s="1977"/>
      <c r="BP164" s="1982"/>
      <c r="BQ164" s="1982"/>
      <c r="BR164" s="1982"/>
      <c r="BS164" s="1982"/>
      <c r="BT164" s="1756"/>
      <c r="BU164" s="1574"/>
      <c r="BV164" s="1574"/>
      <c r="BW164" s="1574"/>
      <c r="BX164" s="1574"/>
      <c r="BY164" s="1574"/>
      <c r="BZ164" s="1574"/>
      <c r="CA164" s="1574"/>
      <c r="CB164" s="1574"/>
      <c r="CC164" s="1574"/>
      <c r="CD164" s="1574"/>
      <c r="CE164" s="1574"/>
      <c r="CF164" s="1574"/>
      <c r="CG164" s="2002"/>
      <c r="CH164" s="2003"/>
    </row>
    <row r="165" spans="1:86" ht="5.25" customHeight="1">
      <c r="A165" s="355"/>
      <c r="B165" s="355"/>
      <c r="C165" s="355"/>
      <c r="D165" s="355"/>
      <c r="E165" s="1455"/>
      <c r="F165" s="1456"/>
      <c r="G165" s="1457"/>
      <c r="H165" s="1462"/>
      <c r="I165" s="1404"/>
      <c r="J165" s="1405"/>
      <c r="K165" s="1405"/>
      <c r="L165" s="1405"/>
      <c r="M165" s="1405"/>
      <c r="N165" s="1405"/>
      <c r="O165" s="1405"/>
      <c r="P165" s="1405"/>
      <c r="Q165" s="1405"/>
      <c r="R165" s="1405"/>
      <c r="S165" s="1405"/>
      <c r="T165" s="1405"/>
      <c r="U165" s="1405"/>
      <c r="V165" s="1405"/>
      <c r="W165" s="1405"/>
      <c r="X165" s="1405"/>
      <c r="Y165" s="1406"/>
      <c r="Z165" s="1443"/>
      <c r="AA165" s="1444"/>
      <c r="AB165" s="1444"/>
      <c r="AC165" s="1445"/>
      <c r="AD165" s="1472"/>
      <c r="AE165" s="1473"/>
      <c r="AF165" s="1473"/>
      <c r="AG165" s="1473"/>
      <c r="AH165" s="1473"/>
      <c r="AI165" s="1473"/>
      <c r="AJ165" s="1473"/>
      <c r="AK165" s="1473"/>
      <c r="AL165" s="1474"/>
      <c r="AM165" s="1424"/>
      <c r="AN165" s="1425"/>
      <c r="AO165" s="1425"/>
      <c r="AP165" s="1425"/>
      <c r="AQ165" s="1425"/>
      <c r="AR165" s="1426"/>
      <c r="AS165" s="1466"/>
      <c r="AT165" s="1467"/>
      <c r="AU165" s="1467"/>
      <c r="AV165" s="1467"/>
      <c r="AW165" s="1468"/>
      <c r="AX165" s="376"/>
      <c r="AY165" s="357"/>
      <c r="AZ165" s="355"/>
      <c r="BA165" s="355"/>
      <c r="BB165" s="355"/>
      <c r="BC165" s="355"/>
      <c r="BD165" s="404"/>
      <c r="BE165" s="442"/>
      <c r="BF165" s="2006"/>
      <c r="BG165" s="1977"/>
      <c r="BH165" s="1977"/>
      <c r="BI165" s="1977"/>
      <c r="BJ165" s="1977"/>
      <c r="BK165" s="1977"/>
      <c r="BL165" s="1977"/>
      <c r="BM165" s="1977"/>
      <c r="BN165" s="1977"/>
      <c r="BO165" s="1977"/>
      <c r="BP165" s="1982"/>
      <c r="BQ165" s="1982"/>
      <c r="BR165" s="1982"/>
      <c r="BS165" s="1982"/>
      <c r="BT165" s="1756"/>
      <c r="BU165" s="1574"/>
      <c r="BV165" s="1574"/>
      <c r="BW165" s="1574"/>
      <c r="BX165" s="1574"/>
      <c r="BY165" s="1574"/>
      <c r="BZ165" s="1574"/>
      <c r="CA165" s="1574"/>
      <c r="CB165" s="1574"/>
      <c r="CC165" s="1574"/>
      <c r="CD165" s="1574"/>
      <c r="CE165" s="1574"/>
      <c r="CF165" s="1574"/>
      <c r="CG165" s="2002"/>
      <c r="CH165" s="2003"/>
    </row>
    <row r="166" spans="1:86" ht="5.25" customHeight="1">
      <c r="A166" s="355"/>
      <c r="B166" s="355"/>
      <c r="C166" s="355"/>
      <c r="D166" s="355"/>
      <c r="E166" s="1455"/>
      <c r="F166" s="1456"/>
      <c r="G166" s="1457"/>
      <c r="H166" s="1462"/>
      <c r="I166" s="1407"/>
      <c r="J166" s="1408"/>
      <c r="K166" s="1408"/>
      <c r="L166" s="1408"/>
      <c r="M166" s="1408"/>
      <c r="N166" s="1408"/>
      <c r="O166" s="1408"/>
      <c r="P166" s="1408"/>
      <c r="Q166" s="1408"/>
      <c r="R166" s="1408"/>
      <c r="S166" s="1408"/>
      <c r="T166" s="1408"/>
      <c r="U166" s="1408"/>
      <c r="V166" s="1408"/>
      <c r="W166" s="1408"/>
      <c r="X166" s="1408"/>
      <c r="Y166" s="1409"/>
      <c r="Z166" s="1443"/>
      <c r="AA166" s="1444"/>
      <c r="AB166" s="1444"/>
      <c r="AC166" s="1445"/>
      <c r="AD166" s="1472"/>
      <c r="AE166" s="1473"/>
      <c r="AF166" s="1473"/>
      <c r="AG166" s="1473"/>
      <c r="AH166" s="1473"/>
      <c r="AI166" s="1473"/>
      <c r="AJ166" s="1473"/>
      <c r="AK166" s="1473"/>
      <c r="AL166" s="1474"/>
      <c r="AM166" s="1424"/>
      <c r="AN166" s="1425"/>
      <c r="AO166" s="1425"/>
      <c r="AP166" s="1425"/>
      <c r="AQ166" s="1425"/>
      <c r="AR166" s="1426"/>
      <c r="AS166" s="1469"/>
      <c r="AT166" s="1470"/>
      <c r="AU166" s="1470"/>
      <c r="AV166" s="1470"/>
      <c r="AW166" s="1471"/>
      <c r="AX166" s="376"/>
      <c r="AY166" s="357"/>
      <c r="AZ166" s="355"/>
      <c r="BA166" s="355"/>
      <c r="BB166" s="355"/>
      <c r="BC166" s="355"/>
      <c r="BD166" s="404"/>
      <c r="BE166" s="442"/>
      <c r="BF166" s="2006"/>
      <c r="BG166" s="1977"/>
      <c r="BH166" s="1977"/>
      <c r="BI166" s="1977"/>
      <c r="BJ166" s="1977"/>
      <c r="BK166" s="1977"/>
      <c r="BL166" s="1977"/>
      <c r="BM166" s="1977"/>
      <c r="BN166" s="1977"/>
      <c r="BO166" s="1977"/>
      <c r="BP166" s="1982"/>
      <c r="BQ166" s="1982"/>
      <c r="BR166" s="1982"/>
      <c r="BS166" s="1982"/>
      <c r="BT166" s="1757"/>
      <c r="BU166" s="1758"/>
      <c r="BV166" s="1758"/>
      <c r="BW166" s="1758"/>
      <c r="BX166" s="1758"/>
      <c r="BY166" s="1758"/>
      <c r="BZ166" s="1758"/>
      <c r="CA166" s="1758"/>
      <c r="CB166" s="1758"/>
      <c r="CC166" s="1758"/>
      <c r="CD166" s="1758"/>
      <c r="CE166" s="1758"/>
      <c r="CF166" s="1758"/>
      <c r="CG166" s="2021"/>
      <c r="CH166" s="2022"/>
    </row>
    <row r="167" spans="1:86" ht="5.25" customHeight="1">
      <c r="A167" s="355"/>
      <c r="B167" s="355"/>
      <c r="C167" s="355"/>
      <c r="D167" s="355"/>
      <c r="E167" s="1455"/>
      <c r="F167" s="1456"/>
      <c r="G167" s="1457"/>
      <c r="H167" s="1404"/>
      <c r="I167" s="1427" t="s">
        <v>438</v>
      </c>
      <c r="J167" s="1427"/>
      <c r="K167" s="1427"/>
      <c r="L167" s="1427"/>
      <c r="M167" s="1427"/>
      <c r="N167" s="1428"/>
      <c r="O167" s="1429"/>
      <c r="P167" s="1429"/>
      <c r="Q167" s="1429"/>
      <c r="R167" s="1429"/>
      <c r="S167" s="1429"/>
      <c r="T167" s="1429"/>
      <c r="U167" s="1429"/>
      <c r="V167" s="1429"/>
      <c r="W167" s="1429"/>
      <c r="X167" s="1429"/>
      <c r="Y167" s="1429"/>
      <c r="Z167" s="1429"/>
      <c r="AA167" s="1429"/>
      <c r="AB167" s="1429"/>
      <c r="AC167" s="1429"/>
      <c r="AD167" s="1429"/>
      <c r="AE167" s="1429"/>
      <c r="AF167" s="1429"/>
      <c r="AG167" s="1429"/>
      <c r="AH167" s="1429"/>
      <c r="AI167" s="1429"/>
      <c r="AJ167" s="1429"/>
      <c r="AK167" s="1429"/>
      <c r="AL167" s="1429"/>
      <c r="AM167" s="1429"/>
      <c r="AN167" s="1430"/>
      <c r="AO167" s="1410" t="s">
        <v>533</v>
      </c>
      <c r="AP167" s="1411"/>
      <c r="AQ167" s="1411"/>
      <c r="AR167" s="1411"/>
      <c r="AS167" s="1411"/>
      <c r="AT167" s="1414" t="s">
        <v>532</v>
      </c>
      <c r="AU167" s="1414"/>
      <c r="AV167" s="1414"/>
      <c r="AW167" s="1415"/>
      <c r="AX167" s="376"/>
      <c r="AY167" s="376"/>
      <c r="AZ167" s="376"/>
      <c r="BA167" s="376"/>
      <c r="BB167" s="355"/>
      <c r="BC167" s="355"/>
      <c r="BD167" s="404"/>
      <c r="BE167" s="442"/>
      <c r="BF167" s="2006" t="s">
        <v>493</v>
      </c>
      <c r="BG167" s="1977"/>
      <c r="BH167" s="1977"/>
      <c r="BI167" s="1977"/>
      <c r="BJ167" s="1977"/>
      <c r="BK167" s="1977"/>
      <c r="BL167" s="1977"/>
      <c r="BM167" s="1977"/>
      <c r="BN167" s="1977"/>
      <c r="BO167" s="1977"/>
      <c r="BP167" s="1982" t="s">
        <v>500</v>
      </c>
      <c r="BQ167" s="1982"/>
      <c r="BR167" s="1982"/>
      <c r="BS167" s="1982"/>
      <c r="BT167" s="1574"/>
      <c r="BU167" s="1574"/>
      <c r="BV167" s="1574"/>
      <c r="BW167" s="1574"/>
      <c r="BX167" s="1574"/>
      <c r="BY167" s="1574"/>
      <c r="BZ167" s="1574"/>
      <c r="CA167" s="1574"/>
      <c r="CB167" s="1574"/>
      <c r="CC167" s="1574"/>
      <c r="CD167" s="1574"/>
      <c r="CE167" s="1574"/>
      <c r="CF167" s="1574"/>
      <c r="CG167" s="2002"/>
      <c r="CH167" s="2003"/>
    </row>
    <row r="168" spans="1:86" ht="5.25" customHeight="1">
      <c r="A168" s="355"/>
      <c r="B168" s="355"/>
      <c r="C168" s="355"/>
      <c r="D168" s="355"/>
      <c r="E168" s="1455"/>
      <c r="F168" s="1456"/>
      <c r="G168" s="1457"/>
      <c r="H168" s="1404"/>
      <c r="I168" s="1427"/>
      <c r="J168" s="1427"/>
      <c r="K168" s="1427"/>
      <c r="L168" s="1427"/>
      <c r="M168" s="1427"/>
      <c r="N168" s="1431"/>
      <c r="O168" s="1432"/>
      <c r="P168" s="1432"/>
      <c r="Q168" s="1432"/>
      <c r="R168" s="1432"/>
      <c r="S168" s="1432"/>
      <c r="T168" s="1432"/>
      <c r="U168" s="1432"/>
      <c r="V168" s="1432"/>
      <c r="W168" s="1432"/>
      <c r="X168" s="1432"/>
      <c r="Y168" s="1432"/>
      <c r="Z168" s="1432"/>
      <c r="AA168" s="1432"/>
      <c r="AB168" s="1432"/>
      <c r="AC168" s="1432"/>
      <c r="AD168" s="1432"/>
      <c r="AE168" s="1432"/>
      <c r="AF168" s="1432"/>
      <c r="AG168" s="1432"/>
      <c r="AH168" s="1432"/>
      <c r="AI168" s="1432"/>
      <c r="AJ168" s="1432"/>
      <c r="AK168" s="1432"/>
      <c r="AL168" s="1432"/>
      <c r="AM168" s="1432"/>
      <c r="AN168" s="1433"/>
      <c r="AO168" s="1412"/>
      <c r="AP168" s="1413"/>
      <c r="AQ168" s="1413"/>
      <c r="AR168" s="1413"/>
      <c r="AS168" s="1413"/>
      <c r="AT168" s="1416"/>
      <c r="AU168" s="1416"/>
      <c r="AV168" s="1416"/>
      <c r="AW168" s="1417"/>
      <c r="AX168" s="376"/>
      <c r="AY168" s="355"/>
      <c r="AZ168" s="355"/>
      <c r="BA168" s="355"/>
      <c r="BB168" s="355"/>
      <c r="BC168" s="355"/>
      <c r="BD168" s="404"/>
      <c r="BE168" s="442"/>
      <c r="BF168" s="2006"/>
      <c r="BG168" s="1977"/>
      <c r="BH168" s="1977"/>
      <c r="BI168" s="1977"/>
      <c r="BJ168" s="1977"/>
      <c r="BK168" s="1977"/>
      <c r="BL168" s="1977"/>
      <c r="BM168" s="1977"/>
      <c r="BN168" s="1977"/>
      <c r="BO168" s="1977"/>
      <c r="BP168" s="1982"/>
      <c r="BQ168" s="1982"/>
      <c r="BR168" s="1982"/>
      <c r="BS168" s="1982"/>
      <c r="BT168" s="1574"/>
      <c r="BU168" s="1574"/>
      <c r="BV168" s="1574"/>
      <c r="BW168" s="1574"/>
      <c r="BX168" s="1574"/>
      <c r="BY168" s="1574"/>
      <c r="BZ168" s="1574"/>
      <c r="CA168" s="1574"/>
      <c r="CB168" s="1574"/>
      <c r="CC168" s="1574"/>
      <c r="CD168" s="1574"/>
      <c r="CE168" s="1574"/>
      <c r="CF168" s="1574"/>
      <c r="CG168" s="2002"/>
      <c r="CH168" s="2003"/>
    </row>
    <row r="169" spans="1:86" ht="5.25" customHeight="1">
      <c r="A169" s="355"/>
      <c r="B169" s="355"/>
      <c r="C169" s="355"/>
      <c r="D169" s="355"/>
      <c r="E169" s="1455"/>
      <c r="F169" s="1456"/>
      <c r="G169" s="1457"/>
      <c r="H169" s="1404"/>
      <c r="I169" s="1427"/>
      <c r="J169" s="1427"/>
      <c r="K169" s="1427"/>
      <c r="L169" s="1427"/>
      <c r="M169" s="1427"/>
      <c r="N169" s="1431"/>
      <c r="O169" s="1432"/>
      <c r="P169" s="1432"/>
      <c r="Q169" s="1432"/>
      <c r="R169" s="1432"/>
      <c r="S169" s="1432"/>
      <c r="T169" s="1432"/>
      <c r="U169" s="1432"/>
      <c r="V169" s="1432"/>
      <c r="W169" s="1432"/>
      <c r="X169" s="1432"/>
      <c r="Y169" s="1432"/>
      <c r="Z169" s="1432"/>
      <c r="AA169" s="1432"/>
      <c r="AB169" s="1432"/>
      <c r="AC169" s="1432"/>
      <c r="AD169" s="1432"/>
      <c r="AE169" s="1432"/>
      <c r="AF169" s="1432"/>
      <c r="AG169" s="1432"/>
      <c r="AH169" s="1432"/>
      <c r="AI169" s="1432"/>
      <c r="AJ169" s="1432"/>
      <c r="AK169" s="1432"/>
      <c r="AL169" s="1432"/>
      <c r="AM169" s="1432"/>
      <c r="AN169" s="1433"/>
      <c r="AO169" s="1418" t="s">
        <v>534</v>
      </c>
      <c r="AP169" s="1419"/>
      <c r="AQ169" s="1419"/>
      <c r="AR169" s="1419"/>
      <c r="AS169" s="1419"/>
      <c r="AT169" s="1416" t="s">
        <v>531</v>
      </c>
      <c r="AU169" s="1416"/>
      <c r="AV169" s="1416"/>
      <c r="AW169" s="1417"/>
      <c r="AX169" s="376"/>
      <c r="AY169" s="355"/>
      <c r="AZ169" s="355"/>
      <c r="BA169" s="355"/>
      <c r="BB169" s="355"/>
      <c r="BC169" s="355"/>
      <c r="BD169" s="355"/>
      <c r="BE169" s="443"/>
      <c r="BF169" s="2006"/>
      <c r="BG169" s="1977"/>
      <c r="BH169" s="1977"/>
      <c r="BI169" s="1977"/>
      <c r="BJ169" s="1977"/>
      <c r="BK169" s="1977"/>
      <c r="BL169" s="1977"/>
      <c r="BM169" s="1977"/>
      <c r="BN169" s="1977"/>
      <c r="BO169" s="1977"/>
      <c r="BP169" s="1982"/>
      <c r="BQ169" s="1982"/>
      <c r="BR169" s="1982"/>
      <c r="BS169" s="1982"/>
      <c r="BT169" s="1574"/>
      <c r="BU169" s="1574"/>
      <c r="BV169" s="1574"/>
      <c r="BW169" s="1574"/>
      <c r="BX169" s="1574"/>
      <c r="BY169" s="1574"/>
      <c r="BZ169" s="1574"/>
      <c r="CA169" s="1574"/>
      <c r="CB169" s="1574"/>
      <c r="CC169" s="1574"/>
      <c r="CD169" s="1574"/>
      <c r="CE169" s="1574"/>
      <c r="CF169" s="1574"/>
      <c r="CG169" s="2002"/>
      <c r="CH169" s="2003"/>
    </row>
    <row r="170" spans="1:86" ht="5.25" customHeight="1">
      <c r="A170" s="355"/>
      <c r="B170" s="355"/>
      <c r="C170" s="427"/>
      <c r="D170" s="427"/>
      <c r="E170" s="1458"/>
      <c r="F170" s="1459"/>
      <c r="G170" s="1460"/>
      <c r="H170" s="1407"/>
      <c r="I170" s="1427"/>
      <c r="J170" s="1427"/>
      <c r="K170" s="1427"/>
      <c r="L170" s="1427"/>
      <c r="M170" s="1427"/>
      <c r="N170" s="1434"/>
      <c r="O170" s="1435"/>
      <c r="P170" s="1435"/>
      <c r="Q170" s="1435"/>
      <c r="R170" s="1435"/>
      <c r="S170" s="1435"/>
      <c r="T170" s="1435"/>
      <c r="U170" s="1435"/>
      <c r="V170" s="1435"/>
      <c r="W170" s="1435"/>
      <c r="X170" s="1435"/>
      <c r="Y170" s="1435"/>
      <c r="Z170" s="1435"/>
      <c r="AA170" s="1435"/>
      <c r="AB170" s="1435"/>
      <c r="AC170" s="1435"/>
      <c r="AD170" s="1435"/>
      <c r="AE170" s="1435"/>
      <c r="AF170" s="1435"/>
      <c r="AG170" s="1435"/>
      <c r="AH170" s="1435"/>
      <c r="AI170" s="1435"/>
      <c r="AJ170" s="1435"/>
      <c r="AK170" s="1435"/>
      <c r="AL170" s="1435"/>
      <c r="AM170" s="1435"/>
      <c r="AN170" s="1436"/>
      <c r="AO170" s="1420"/>
      <c r="AP170" s="1421"/>
      <c r="AQ170" s="1421"/>
      <c r="AR170" s="1421"/>
      <c r="AS170" s="1421"/>
      <c r="AT170" s="1422"/>
      <c r="AU170" s="1422"/>
      <c r="AV170" s="1422"/>
      <c r="AW170" s="1423"/>
      <c r="AX170" s="424"/>
      <c r="AY170" s="355"/>
      <c r="AZ170" s="355"/>
      <c r="BA170" s="355"/>
      <c r="BB170" s="355"/>
      <c r="BC170" s="355"/>
      <c r="BD170" s="355"/>
      <c r="BE170" s="443"/>
      <c r="BF170" s="2006"/>
      <c r="BG170" s="1977"/>
      <c r="BH170" s="1977"/>
      <c r="BI170" s="1977"/>
      <c r="BJ170" s="1977"/>
      <c r="BK170" s="1977"/>
      <c r="BL170" s="1977"/>
      <c r="BM170" s="1977"/>
      <c r="BN170" s="1977"/>
      <c r="BO170" s="1977"/>
      <c r="BP170" s="1982"/>
      <c r="BQ170" s="1982"/>
      <c r="BR170" s="1982"/>
      <c r="BS170" s="1982"/>
      <c r="BT170" s="1574"/>
      <c r="BU170" s="1574"/>
      <c r="BV170" s="1574"/>
      <c r="BW170" s="1574"/>
      <c r="BX170" s="1574"/>
      <c r="BY170" s="1574"/>
      <c r="BZ170" s="1574"/>
      <c r="CA170" s="1574"/>
      <c r="CB170" s="1574"/>
      <c r="CC170" s="1574"/>
      <c r="CD170" s="1574"/>
      <c r="CE170" s="1574"/>
      <c r="CF170" s="1574"/>
      <c r="CG170" s="2002"/>
      <c r="CH170" s="2003"/>
    </row>
    <row r="171" spans="1:86" ht="5.25" customHeight="1">
      <c r="A171" s="355"/>
      <c r="B171" s="355"/>
      <c r="C171" s="355"/>
      <c r="D171" s="355"/>
      <c r="E171" s="355"/>
      <c r="F171" s="355"/>
      <c r="G171" s="375"/>
      <c r="H171" s="381"/>
      <c r="I171" s="355"/>
      <c r="J171" s="355"/>
      <c r="K171" s="355"/>
      <c r="L171" s="355"/>
      <c r="M171" s="355"/>
      <c r="N171" s="355"/>
      <c r="O171" s="355"/>
      <c r="P171" s="355"/>
      <c r="Q171" s="355"/>
      <c r="R171" s="355"/>
      <c r="S171" s="355"/>
      <c r="T171" s="355"/>
      <c r="U171" s="355"/>
      <c r="V171" s="355"/>
      <c r="W171" s="355"/>
      <c r="X171" s="355"/>
      <c r="Y171" s="355"/>
      <c r="Z171" s="355"/>
      <c r="AA171" s="355"/>
      <c r="AB171" s="355"/>
      <c r="AC171" s="355"/>
      <c r="AD171" s="355"/>
      <c r="AE171" s="355"/>
      <c r="AF171" s="355"/>
      <c r="AG171" s="355"/>
      <c r="AH171" s="355"/>
      <c r="AI171" s="355"/>
      <c r="AJ171" s="355"/>
      <c r="AK171" s="355"/>
      <c r="AL171" s="376"/>
      <c r="AM171" s="376"/>
      <c r="AN171" s="376"/>
      <c r="AO171" s="376"/>
      <c r="AP171" s="355"/>
      <c r="AQ171" s="355"/>
      <c r="AR171" s="355"/>
      <c r="AS171" s="355"/>
      <c r="AT171" s="355"/>
      <c r="AU171" s="355"/>
      <c r="AV171" s="355"/>
      <c r="AW171" s="355"/>
      <c r="AX171" s="355"/>
      <c r="AY171" s="355"/>
      <c r="AZ171" s="355"/>
      <c r="BA171" s="355"/>
      <c r="BB171" s="355"/>
      <c r="BC171" s="355"/>
      <c r="BD171" s="355"/>
      <c r="BE171" s="443"/>
      <c r="BF171" s="2006" t="s">
        <v>495</v>
      </c>
      <c r="BG171" s="1977"/>
      <c r="BH171" s="1977"/>
      <c r="BI171" s="1977"/>
      <c r="BJ171" s="1977"/>
      <c r="BK171" s="1977"/>
      <c r="BL171" s="1977"/>
      <c r="BM171" s="1977"/>
      <c r="BN171" s="1977"/>
      <c r="BO171" s="1977"/>
      <c r="BP171" s="1982" t="s">
        <v>501</v>
      </c>
      <c r="BQ171" s="1982"/>
      <c r="BR171" s="1982"/>
      <c r="BS171" s="1982"/>
      <c r="BT171" s="1983"/>
      <c r="BU171" s="1984"/>
      <c r="BV171" s="1984"/>
      <c r="BW171" s="1984"/>
      <c r="BX171" s="1984"/>
      <c r="BY171" s="1984"/>
      <c r="BZ171" s="1984"/>
      <c r="CA171" s="1984"/>
      <c r="CB171" s="1984"/>
      <c r="CC171" s="1984"/>
      <c r="CD171" s="1984"/>
      <c r="CE171" s="1984"/>
      <c r="CF171" s="1984"/>
      <c r="CG171" s="2000"/>
      <c r="CH171" s="2001"/>
    </row>
    <row r="172" spans="1:86" ht="5.25" customHeight="1">
      <c r="A172" s="355"/>
      <c r="B172" s="1531" t="s">
        <v>471</v>
      </c>
      <c r="C172" s="1531"/>
      <c r="D172" s="1531"/>
      <c r="E172" s="1531"/>
      <c r="F172" s="1531"/>
      <c r="G172" s="1531"/>
      <c r="H172" s="1531"/>
      <c r="I172" s="1531"/>
      <c r="J172" s="1531"/>
      <c r="K172" s="1531"/>
      <c r="L172" s="1531"/>
      <c r="M172" s="1531"/>
      <c r="N172" s="1531"/>
      <c r="O172" s="1531"/>
      <c r="P172" s="1531"/>
      <c r="Q172" s="1531"/>
      <c r="R172" s="1531"/>
      <c r="S172" s="1531"/>
      <c r="T172" s="1531"/>
      <c r="U172" s="1531"/>
      <c r="V172" s="1531"/>
      <c r="W172" s="1531"/>
      <c r="X172" s="1531"/>
      <c r="Y172" s="1531"/>
      <c r="Z172" s="1531"/>
      <c r="AA172" s="1531"/>
      <c r="AB172" s="1531"/>
      <c r="AC172" s="1531"/>
      <c r="AD172" s="1531"/>
      <c r="AE172" s="1531"/>
      <c r="AF172" s="1531"/>
      <c r="AG172" s="1531"/>
      <c r="AH172" s="1531"/>
      <c r="AI172" s="1531"/>
      <c r="AJ172" s="1531"/>
      <c r="AK172" s="1531"/>
      <c r="AL172" s="1531"/>
      <c r="AM172" s="1531"/>
      <c r="AN172" s="1531"/>
      <c r="AO172" s="1531"/>
      <c r="AP172" s="1531"/>
      <c r="AQ172" s="1531"/>
      <c r="AR172" s="1531"/>
      <c r="AS172" s="1531"/>
      <c r="AT172" s="1531"/>
      <c r="AU172" s="1531"/>
      <c r="AV172" s="1531"/>
      <c r="AW172" s="1531"/>
      <c r="AX172" s="1531"/>
      <c r="AY172" s="1531"/>
      <c r="AZ172" s="1531"/>
      <c r="BA172" s="1531"/>
      <c r="BB172" s="1531"/>
      <c r="BC172" s="1531"/>
      <c r="BD172" s="1532"/>
      <c r="BE172" s="444"/>
      <c r="BF172" s="2006"/>
      <c r="BG172" s="1977"/>
      <c r="BH172" s="1977"/>
      <c r="BI172" s="1977"/>
      <c r="BJ172" s="1977"/>
      <c r="BK172" s="1977"/>
      <c r="BL172" s="1977"/>
      <c r="BM172" s="1977"/>
      <c r="BN172" s="1977"/>
      <c r="BO172" s="1977"/>
      <c r="BP172" s="1982"/>
      <c r="BQ172" s="1982"/>
      <c r="BR172" s="1982"/>
      <c r="BS172" s="1982"/>
      <c r="BT172" s="1756"/>
      <c r="BU172" s="1574"/>
      <c r="BV172" s="1574"/>
      <c r="BW172" s="1574"/>
      <c r="BX172" s="1574"/>
      <c r="BY172" s="1574"/>
      <c r="BZ172" s="1574"/>
      <c r="CA172" s="1574"/>
      <c r="CB172" s="1574"/>
      <c r="CC172" s="1574"/>
      <c r="CD172" s="1574"/>
      <c r="CE172" s="1574"/>
      <c r="CF172" s="1574"/>
      <c r="CG172" s="2002"/>
      <c r="CH172" s="2003"/>
    </row>
    <row r="173" spans="1:86" ht="5.25" customHeight="1">
      <c r="A173" s="426"/>
      <c r="B173" s="1533"/>
      <c r="C173" s="1533"/>
      <c r="D173" s="1533"/>
      <c r="E173" s="1533"/>
      <c r="F173" s="1533"/>
      <c r="G173" s="1533"/>
      <c r="H173" s="1533"/>
      <c r="I173" s="1533"/>
      <c r="J173" s="1533"/>
      <c r="K173" s="1533"/>
      <c r="L173" s="1533"/>
      <c r="M173" s="1533"/>
      <c r="N173" s="1533"/>
      <c r="O173" s="1533"/>
      <c r="P173" s="1533"/>
      <c r="Q173" s="1533"/>
      <c r="R173" s="1533"/>
      <c r="S173" s="1533"/>
      <c r="T173" s="1533"/>
      <c r="U173" s="1533"/>
      <c r="V173" s="1533"/>
      <c r="W173" s="1533"/>
      <c r="X173" s="1533"/>
      <c r="Y173" s="1533"/>
      <c r="Z173" s="1533"/>
      <c r="AA173" s="1533"/>
      <c r="AB173" s="1533"/>
      <c r="AC173" s="1533"/>
      <c r="AD173" s="1533"/>
      <c r="AE173" s="1533"/>
      <c r="AF173" s="1533"/>
      <c r="AG173" s="1533"/>
      <c r="AH173" s="1533"/>
      <c r="AI173" s="1533"/>
      <c r="AJ173" s="1533"/>
      <c r="AK173" s="1533"/>
      <c r="AL173" s="1533"/>
      <c r="AM173" s="1533"/>
      <c r="AN173" s="1533"/>
      <c r="AO173" s="1533"/>
      <c r="AP173" s="1533"/>
      <c r="AQ173" s="1533"/>
      <c r="AR173" s="1533"/>
      <c r="AS173" s="1533"/>
      <c r="AT173" s="1533"/>
      <c r="AU173" s="1533"/>
      <c r="AV173" s="1533"/>
      <c r="AW173" s="1533"/>
      <c r="AX173" s="1533"/>
      <c r="AY173" s="1533"/>
      <c r="AZ173" s="1533"/>
      <c r="BA173" s="1533"/>
      <c r="BB173" s="1533"/>
      <c r="BC173" s="1533"/>
      <c r="BD173" s="1534"/>
      <c r="BE173" s="444"/>
      <c r="BF173" s="2006"/>
      <c r="BG173" s="1977"/>
      <c r="BH173" s="1977"/>
      <c r="BI173" s="1977"/>
      <c r="BJ173" s="1977"/>
      <c r="BK173" s="1977"/>
      <c r="BL173" s="1977"/>
      <c r="BM173" s="1977"/>
      <c r="BN173" s="1977"/>
      <c r="BO173" s="1977"/>
      <c r="BP173" s="1982"/>
      <c r="BQ173" s="1982"/>
      <c r="BR173" s="1982"/>
      <c r="BS173" s="1982"/>
      <c r="BT173" s="1756"/>
      <c r="BU173" s="1574"/>
      <c r="BV173" s="1574"/>
      <c r="BW173" s="1574"/>
      <c r="BX173" s="1574"/>
      <c r="BY173" s="1574"/>
      <c r="BZ173" s="1574"/>
      <c r="CA173" s="1574"/>
      <c r="CB173" s="1574"/>
      <c r="CC173" s="1574"/>
      <c r="CD173" s="1574"/>
      <c r="CE173" s="1574"/>
      <c r="CF173" s="1574"/>
      <c r="CG173" s="2002"/>
      <c r="CH173" s="2003"/>
    </row>
    <row r="174" spans="1:86" ht="5.25" customHeight="1">
      <c r="A174" s="382"/>
      <c r="B174" s="396"/>
      <c r="C174" s="396"/>
      <c r="D174" s="425"/>
      <c r="E174" s="396"/>
      <c r="F174" s="396"/>
      <c r="G174" s="396"/>
      <c r="H174" s="396"/>
      <c r="I174" s="396"/>
      <c r="J174" s="396"/>
      <c r="K174" s="396"/>
      <c r="L174" s="396"/>
      <c r="M174" s="396"/>
      <c r="N174" s="396"/>
      <c r="O174" s="396"/>
      <c r="P174" s="396"/>
      <c r="Q174" s="396"/>
      <c r="R174" s="396"/>
      <c r="S174" s="396"/>
      <c r="T174" s="396"/>
      <c r="U174" s="396"/>
      <c r="V174" s="396"/>
      <c r="W174" s="363"/>
      <c r="X174" s="376"/>
      <c r="Y174" s="376"/>
      <c r="Z174" s="376"/>
      <c r="AA174" s="376"/>
      <c r="AB174" s="376"/>
      <c r="AC174" s="376"/>
      <c r="AD174" s="376"/>
      <c r="AE174" s="376"/>
      <c r="AF174" s="376"/>
      <c r="AG174" s="376"/>
      <c r="AH174" s="376"/>
      <c r="AI174" s="376"/>
      <c r="AJ174" s="376"/>
      <c r="AK174" s="376"/>
      <c r="AL174" s="376"/>
      <c r="AM174" s="376"/>
      <c r="AN174" s="376"/>
      <c r="AO174" s="376"/>
      <c r="AP174" s="376"/>
      <c r="AQ174" s="376"/>
      <c r="AR174" s="376"/>
      <c r="AS174" s="376"/>
      <c r="AT174" s="376"/>
      <c r="AU174" s="376"/>
      <c r="AV174" s="376"/>
      <c r="AW174" s="376"/>
      <c r="AX174" s="376"/>
      <c r="AY174" s="376"/>
      <c r="AZ174" s="376"/>
      <c r="BA174" s="376"/>
      <c r="BB174" s="376"/>
      <c r="BC174" s="376"/>
      <c r="BD174" s="376"/>
      <c r="BE174" s="445"/>
      <c r="BF174" s="2006"/>
      <c r="BG174" s="1977"/>
      <c r="BH174" s="1977"/>
      <c r="BI174" s="1977"/>
      <c r="BJ174" s="1977"/>
      <c r="BK174" s="1977"/>
      <c r="BL174" s="1977"/>
      <c r="BM174" s="1977"/>
      <c r="BN174" s="1977"/>
      <c r="BO174" s="1977"/>
      <c r="BP174" s="1982"/>
      <c r="BQ174" s="1982"/>
      <c r="BR174" s="1982"/>
      <c r="BS174" s="1982"/>
      <c r="BT174" s="1757"/>
      <c r="BU174" s="1758"/>
      <c r="BV174" s="1758"/>
      <c r="BW174" s="1758"/>
      <c r="BX174" s="1758"/>
      <c r="BY174" s="1758"/>
      <c r="BZ174" s="1758"/>
      <c r="CA174" s="1758"/>
      <c r="CB174" s="1758"/>
      <c r="CC174" s="1758"/>
      <c r="CD174" s="1758"/>
      <c r="CE174" s="1758"/>
      <c r="CF174" s="1758"/>
      <c r="CG174" s="2021"/>
      <c r="CH174" s="2022"/>
    </row>
    <row r="175" spans="1:86" ht="5.25" customHeight="1">
      <c r="A175" s="382"/>
      <c r="B175" s="1427" t="s">
        <v>363</v>
      </c>
      <c r="C175" s="1427"/>
      <c r="D175" s="1427"/>
      <c r="E175" s="1427"/>
      <c r="F175" s="1427"/>
      <c r="G175" s="1427"/>
      <c r="H175" s="1427"/>
      <c r="I175" s="1427"/>
      <c r="J175" s="1427"/>
      <c r="K175" s="1427"/>
      <c r="L175" s="1427"/>
      <c r="M175" s="1427"/>
      <c r="N175" s="1427"/>
      <c r="O175" s="1427"/>
      <c r="P175" s="1427"/>
      <c r="Q175" s="1427"/>
      <c r="R175" s="1427"/>
      <c r="S175" s="1427"/>
      <c r="T175" s="1427"/>
      <c r="U175" s="1427"/>
      <c r="V175" s="1427"/>
      <c r="W175" s="363"/>
      <c r="X175" s="1535" t="s">
        <v>348</v>
      </c>
      <c r="Y175" s="1536"/>
      <c r="Z175" s="1536"/>
      <c r="AA175" s="1536"/>
      <c r="AB175" s="1536"/>
      <c r="AC175" s="1537"/>
      <c r="AD175" s="1487" t="s">
        <v>386</v>
      </c>
      <c r="AE175" s="1488"/>
      <c r="AF175" s="1488"/>
      <c r="AG175" s="1488"/>
      <c r="AH175" s="1488"/>
      <c r="AI175" s="1488"/>
      <c r="AJ175" s="1488"/>
      <c r="AK175" s="1488"/>
      <c r="AL175" s="1488"/>
      <c r="AM175" s="1488"/>
      <c r="AN175" s="1488"/>
      <c r="AO175" s="1489"/>
      <c r="AP175" s="1487" t="s">
        <v>387</v>
      </c>
      <c r="AQ175" s="1488"/>
      <c r="AR175" s="1488"/>
      <c r="AS175" s="1488"/>
      <c r="AT175" s="1488"/>
      <c r="AU175" s="1488"/>
      <c r="AV175" s="1488"/>
      <c r="AW175" s="1488"/>
      <c r="AX175" s="1489"/>
      <c r="AY175" s="1487" t="s">
        <v>345</v>
      </c>
      <c r="AZ175" s="1488"/>
      <c r="BA175" s="1489"/>
      <c r="BB175" s="1487" t="s">
        <v>476</v>
      </c>
      <c r="BC175" s="1488"/>
      <c r="BD175" s="1489"/>
      <c r="BE175" s="445"/>
      <c r="BF175" s="2006" t="s">
        <v>494</v>
      </c>
      <c r="BG175" s="1977"/>
      <c r="BH175" s="1977"/>
      <c r="BI175" s="1977"/>
      <c r="BJ175" s="1977"/>
      <c r="BK175" s="1977"/>
      <c r="BL175" s="1977"/>
      <c r="BM175" s="1977"/>
      <c r="BN175" s="1977"/>
      <c r="BO175" s="1977"/>
      <c r="BP175" s="1982" t="s">
        <v>502</v>
      </c>
      <c r="BQ175" s="1982"/>
      <c r="BR175" s="1982"/>
      <c r="BS175" s="1982"/>
      <c r="BT175" s="1574"/>
      <c r="BU175" s="1574"/>
      <c r="BV175" s="1574"/>
      <c r="BW175" s="1574"/>
      <c r="BX175" s="1574"/>
      <c r="BY175" s="1574"/>
      <c r="BZ175" s="1574"/>
      <c r="CA175" s="1574"/>
      <c r="CB175" s="1574"/>
      <c r="CC175" s="1574"/>
      <c r="CD175" s="1574"/>
      <c r="CE175" s="1574"/>
      <c r="CF175" s="1574"/>
      <c r="CG175" s="2002"/>
      <c r="CH175" s="2003"/>
    </row>
    <row r="176" spans="1:86" ht="5.25" customHeight="1">
      <c r="B176" s="1427"/>
      <c r="C176" s="1427"/>
      <c r="D176" s="1427"/>
      <c r="E176" s="1427"/>
      <c r="F176" s="1427"/>
      <c r="G176" s="1427"/>
      <c r="H176" s="1427"/>
      <c r="I176" s="1427"/>
      <c r="J176" s="1427"/>
      <c r="K176" s="1427"/>
      <c r="L176" s="1427"/>
      <c r="M176" s="1427"/>
      <c r="N176" s="1427"/>
      <c r="O176" s="1427"/>
      <c r="P176" s="1427"/>
      <c r="Q176" s="1427"/>
      <c r="R176" s="1427"/>
      <c r="S176" s="1427"/>
      <c r="T176" s="1427"/>
      <c r="U176" s="1427"/>
      <c r="V176" s="1427"/>
      <c r="W176" s="363"/>
      <c r="X176" s="1538"/>
      <c r="Y176" s="1539"/>
      <c r="Z176" s="1539"/>
      <c r="AA176" s="1539"/>
      <c r="AB176" s="1539"/>
      <c r="AC176" s="1540"/>
      <c r="AD176" s="1407"/>
      <c r="AE176" s="1408"/>
      <c r="AF176" s="1408"/>
      <c r="AG176" s="1408"/>
      <c r="AH176" s="1408"/>
      <c r="AI176" s="1408"/>
      <c r="AJ176" s="1408"/>
      <c r="AK176" s="1408"/>
      <c r="AL176" s="1408"/>
      <c r="AM176" s="1408"/>
      <c r="AN176" s="1408"/>
      <c r="AO176" s="1409"/>
      <c r="AP176" s="1407"/>
      <c r="AQ176" s="1408"/>
      <c r="AR176" s="1408"/>
      <c r="AS176" s="1408"/>
      <c r="AT176" s="1408"/>
      <c r="AU176" s="1408"/>
      <c r="AV176" s="1408"/>
      <c r="AW176" s="1408"/>
      <c r="AX176" s="1409"/>
      <c r="AY176" s="1404"/>
      <c r="AZ176" s="1405"/>
      <c r="BA176" s="1406"/>
      <c r="BB176" s="1404"/>
      <c r="BC176" s="1405"/>
      <c r="BD176" s="1406"/>
      <c r="BE176" s="446"/>
      <c r="BF176" s="2006"/>
      <c r="BG176" s="1977"/>
      <c r="BH176" s="1977"/>
      <c r="BI176" s="1977"/>
      <c r="BJ176" s="1977"/>
      <c r="BK176" s="1977"/>
      <c r="BL176" s="1977"/>
      <c r="BM176" s="1977"/>
      <c r="BN176" s="1977"/>
      <c r="BO176" s="1977"/>
      <c r="BP176" s="1982"/>
      <c r="BQ176" s="1982"/>
      <c r="BR176" s="1982"/>
      <c r="BS176" s="1982"/>
      <c r="BT176" s="1574"/>
      <c r="BU176" s="1574"/>
      <c r="BV176" s="1574"/>
      <c r="BW176" s="1574"/>
      <c r="BX176" s="1574"/>
      <c r="BY176" s="1574"/>
      <c r="BZ176" s="1574"/>
      <c r="CA176" s="1574"/>
      <c r="CB176" s="1574"/>
      <c r="CC176" s="1574"/>
      <c r="CD176" s="1574"/>
      <c r="CE176" s="1574"/>
      <c r="CF176" s="1574"/>
      <c r="CG176" s="2002"/>
      <c r="CH176" s="2003"/>
    </row>
    <row r="177" spans="2:86" ht="5.25" customHeight="1">
      <c r="B177" s="1541"/>
      <c r="C177" s="1541"/>
      <c r="D177" s="1541"/>
      <c r="E177" s="1541"/>
      <c r="F177" s="1541"/>
      <c r="G177" s="1541"/>
      <c r="H177" s="1541"/>
      <c r="I177" s="1541"/>
      <c r="J177" s="1541"/>
      <c r="K177" s="1541"/>
      <c r="L177" s="1541"/>
      <c r="M177" s="1541"/>
      <c r="N177" s="1541"/>
      <c r="O177" s="1541"/>
      <c r="P177" s="1541"/>
      <c r="Q177" s="1541"/>
      <c r="R177" s="1541"/>
      <c r="S177" s="1541"/>
      <c r="T177" s="1541"/>
      <c r="U177" s="1541"/>
      <c r="V177" s="1541"/>
      <c r="W177" s="363"/>
      <c r="X177" s="1487" t="s">
        <v>349</v>
      </c>
      <c r="Y177" s="1488"/>
      <c r="Z177" s="1489"/>
      <c r="AA177" s="1487" t="s">
        <v>350</v>
      </c>
      <c r="AB177" s="1488"/>
      <c r="AC177" s="1489"/>
      <c r="AD177" s="1487" t="s">
        <v>346</v>
      </c>
      <c r="AE177" s="1488"/>
      <c r="AF177" s="1489"/>
      <c r="AG177" s="1487" t="s">
        <v>344</v>
      </c>
      <c r="AH177" s="1488"/>
      <c r="AI177" s="1489"/>
      <c r="AJ177" s="1487" t="s">
        <v>351</v>
      </c>
      <c r="AK177" s="1488"/>
      <c r="AL177" s="1489"/>
      <c r="AM177" s="1487" t="s">
        <v>450</v>
      </c>
      <c r="AN177" s="1488"/>
      <c r="AO177" s="1489"/>
      <c r="AP177" s="1487" t="s">
        <v>353</v>
      </c>
      <c r="AQ177" s="1488"/>
      <c r="AR177" s="1489"/>
      <c r="AS177" s="1487" t="s">
        <v>352</v>
      </c>
      <c r="AT177" s="1488"/>
      <c r="AU177" s="1489"/>
      <c r="AV177" s="1487" t="s">
        <v>524</v>
      </c>
      <c r="AW177" s="1488"/>
      <c r="AX177" s="1489"/>
      <c r="AY177" s="1404"/>
      <c r="AZ177" s="1405"/>
      <c r="BA177" s="1406"/>
      <c r="BB177" s="1404"/>
      <c r="BC177" s="1405"/>
      <c r="BD177" s="1406"/>
      <c r="BE177" s="446"/>
      <c r="BF177" s="2006"/>
      <c r="BG177" s="1977"/>
      <c r="BH177" s="1977"/>
      <c r="BI177" s="1977"/>
      <c r="BJ177" s="1977"/>
      <c r="BK177" s="1977"/>
      <c r="BL177" s="1977"/>
      <c r="BM177" s="1977"/>
      <c r="BN177" s="1977"/>
      <c r="BO177" s="1977"/>
      <c r="BP177" s="1982"/>
      <c r="BQ177" s="1982"/>
      <c r="BR177" s="1982"/>
      <c r="BS177" s="1982"/>
      <c r="BT177" s="1574"/>
      <c r="BU177" s="1574"/>
      <c r="BV177" s="1574"/>
      <c r="BW177" s="1574"/>
      <c r="BX177" s="1574"/>
      <c r="BY177" s="1574"/>
      <c r="BZ177" s="1574"/>
      <c r="CA177" s="1574"/>
      <c r="CB177" s="1574"/>
      <c r="CC177" s="1574"/>
      <c r="CD177" s="1574"/>
      <c r="CE177" s="1574"/>
      <c r="CF177" s="1574"/>
      <c r="CG177" s="2002"/>
      <c r="CH177" s="2003"/>
    </row>
    <row r="178" spans="2:86" ht="5.25" customHeight="1">
      <c r="B178" s="1541"/>
      <c r="C178" s="1541"/>
      <c r="D178" s="1541"/>
      <c r="E178" s="1541"/>
      <c r="F178" s="1541"/>
      <c r="G178" s="1541"/>
      <c r="H178" s="1541"/>
      <c r="I178" s="1541"/>
      <c r="J178" s="1541"/>
      <c r="K178" s="1541"/>
      <c r="L178" s="1541"/>
      <c r="M178" s="1541"/>
      <c r="N178" s="1541"/>
      <c r="O178" s="1541"/>
      <c r="P178" s="1541"/>
      <c r="Q178" s="1541"/>
      <c r="R178" s="1541"/>
      <c r="S178" s="1541"/>
      <c r="T178" s="1541"/>
      <c r="U178" s="1541"/>
      <c r="V178" s="1541"/>
      <c r="W178" s="363"/>
      <c r="X178" s="1407"/>
      <c r="Y178" s="1408"/>
      <c r="Z178" s="1409"/>
      <c r="AA178" s="1407"/>
      <c r="AB178" s="1408"/>
      <c r="AC178" s="1409"/>
      <c r="AD178" s="1407"/>
      <c r="AE178" s="1408"/>
      <c r="AF178" s="1409"/>
      <c r="AG178" s="1407"/>
      <c r="AH178" s="1408"/>
      <c r="AI178" s="1409"/>
      <c r="AJ178" s="1407"/>
      <c r="AK178" s="1408"/>
      <c r="AL178" s="1409"/>
      <c r="AM178" s="1407"/>
      <c r="AN178" s="1408"/>
      <c r="AO178" s="1409"/>
      <c r="AP178" s="1407"/>
      <c r="AQ178" s="1408"/>
      <c r="AR178" s="1409"/>
      <c r="AS178" s="1407"/>
      <c r="AT178" s="1408"/>
      <c r="AU178" s="1409"/>
      <c r="AV178" s="1407"/>
      <c r="AW178" s="1408"/>
      <c r="AX178" s="1409"/>
      <c r="AY178" s="1407"/>
      <c r="AZ178" s="1408"/>
      <c r="BA178" s="1409"/>
      <c r="BB178" s="1407"/>
      <c r="BC178" s="1408"/>
      <c r="BD178" s="1409"/>
      <c r="BE178" s="446"/>
      <c r="BF178" s="2006"/>
      <c r="BG178" s="1977"/>
      <c r="BH178" s="1977"/>
      <c r="BI178" s="1977"/>
      <c r="BJ178" s="1977"/>
      <c r="BK178" s="1977"/>
      <c r="BL178" s="1977"/>
      <c r="BM178" s="1977"/>
      <c r="BN178" s="1977"/>
      <c r="BO178" s="1977"/>
      <c r="BP178" s="1982"/>
      <c r="BQ178" s="1982"/>
      <c r="BR178" s="1982"/>
      <c r="BS178" s="1982"/>
      <c r="BT178" s="1574"/>
      <c r="BU178" s="1574"/>
      <c r="BV178" s="1574"/>
      <c r="BW178" s="1574"/>
      <c r="BX178" s="1574"/>
      <c r="BY178" s="1574"/>
      <c r="BZ178" s="1574"/>
      <c r="CA178" s="1574"/>
      <c r="CB178" s="1574"/>
      <c r="CC178" s="1574"/>
      <c r="CD178" s="1574"/>
      <c r="CE178" s="1574"/>
      <c r="CF178" s="1574"/>
      <c r="CG178" s="2002"/>
      <c r="CH178" s="2003"/>
    </row>
    <row r="179" spans="2:86" s="355" customFormat="1" ht="5.25" customHeight="1">
      <c r="B179" s="1541"/>
      <c r="C179" s="1541"/>
      <c r="D179" s="1541"/>
      <c r="E179" s="1541"/>
      <c r="F179" s="1541"/>
      <c r="G179" s="1541"/>
      <c r="H179" s="1541"/>
      <c r="I179" s="1541"/>
      <c r="J179" s="1541"/>
      <c r="K179" s="1541"/>
      <c r="L179" s="1541"/>
      <c r="M179" s="1541"/>
      <c r="N179" s="1541"/>
      <c r="O179" s="1541"/>
      <c r="P179" s="1541"/>
      <c r="Q179" s="1541"/>
      <c r="R179" s="1541"/>
      <c r="S179" s="1541"/>
      <c r="T179" s="1541"/>
      <c r="U179" s="1541"/>
      <c r="V179" s="1541"/>
      <c r="W179" s="363"/>
      <c r="X179" s="1522"/>
      <c r="Y179" s="1523"/>
      <c r="Z179" s="1524"/>
      <c r="AA179" s="1522"/>
      <c r="AB179" s="1523"/>
      <c r="AC179" s="1524"/>
      <c r="AD179" s="1522"/>
      <c r="AE179" s="1523"/>
      <c r="AF179" s="1524"/>
      <c r="AG179" s="1522"/>
      <c r="AH179" s="1523"/>
      <c r="AI179" s="1524"/>
      <c r="AJ179" s="1522"/>
      <c r="AK179" s="1523"/>
      <c r="AL179" s="1524"/>
      <c r="AM179" s="1522"/>
      <c r="AN179" s="1523"/>
      <c r="AO179" s="1524"/>
      <c r="AP179" s="1522"/>
      <c r="AQ179" s="1523"/>
      <c r="AR179" s="1524"/>
      <c r="AS179" s="1522"/>
      <c r="AT179" s="1523"/>
      <c r="AU179" s="1524"/>
      <c r="AV179" s="1522"/>
      <c r="AW179" s="1523"/>
      <c r="AX179" s="1524"/>
      <c r="AY179" s="1522"/>
      <c r="AZ179" s="1523"/>
      <c r="BA179" s="1524"/>
      <c r="BB179" s="1522"/>
      <c r="BC179" s="1523"/>
      <c r="BD179" s="1524"/>
      <c r="BE179" s="446"/>
      <c r="BF179" s="2007"/>
      <c r="BG179" s="2008"/>
      <c r="BH179" s="2008"/>
      <c r="BI179" s="2008"/>
      <c r="BJ179" s="2008"/>
      <c r="BK179" s="2008"/>
      <c r="BL179" s="2008"/>
      <c r="BM179" s="2008"/>
      <c r="BN179" s="2008"/>
      <c r="BO179" s="2008"/>
      <c r="BP179" s="2023"/>
      <c r="BQ179" s="2023"/>
      <c r="BR179" s="2023"/>
      <c r="BS179" s="2023"/>
      <c r="BT179" s="1983"/>
      <c r="BU179" s="1984"/>
      <c r="BV179" s="1984"/>
      <c r="BW179" s="1984"/>
      <c r="BX179" s="1984"/>
      <c r="BY179" s="1984"/>
      <c r="BZ179" s="1984"/>
      <c r="CA179" s="1984"/>
      <c r="CB179" s="1984"/>
      <c r="CC179" s="1984"/>
      <c r="CD179" s="1984"/>
      <c r="CE179" s="1984"/>
      <c r="CF179" s="1984"/>
      <c r="CG179" s="2000"/>
      <c r="CH179" s="2001"/>
    </row>
    <row r="180" spans="2:86" s="355" customFormat="1" ht="5.25" customHeight="1">
      <c r="B180" s="1541"/>
      <c r="C180" s="1541"/>
      <c r="D180" s="1541"/>
      <c r="E180" s="1541"/>
      <c r="F180" s="1541"/>
      <c r="G180" s="1541"/>
      <c r="H180" s="1541"/>
      <c r="I180" s="1541"/>
      <c r="J180" s="1541"/>
      <c r="K180" s="1541"/>
      <c r="L180" s="1541"/>
      <c r="M180" s="1541"/>
      <c r="N180" s="1541"/>
      <c r="O180" s="1541"/>
      <c r="P180" s="1541"/>
      <c r="Q180" s="1541"/>
      <c r="R180" s="1541"/>
      <c r="S180" s="1541"/>
      <c r="T180" s="1541"/>
      <c r="U180" s="1541"/>
      <c r="V180" s="1541"/>
      <c r="W180" s="363"/>
      <c r="X180" s="1525"/>
      <c r="Y180" s="1526"/>
      <c r="Z180" s="1527"/>
      <c r="AA180" s="1525"/>
      <c r="AB180" s="1526"/>
      <c r="AC180" s="1527"/>
      <c r="AD180" s="1525"/>
      <c r="AE180" s="1526"/>
      <c r="AF180" s="1527"/>
      <c r="AG180" s="1525"/>
      <c r="AH180" s="1526"/>
      <c r="AI180" s="1527"/>
      <c r="AJ180" s="1525"/>
      <c r="AK180" s="1526"/>
      <c r="AL180" s="1527"/>
      <c r="AM180" s="1525"/>
      <c r="AN180" s="1526"/>
      <c r="AO180" s="1527"/>
      <c r="AP180" s="1525"/>
      <c r="AQ180" s="1526"/>
      <c r="AR180" s="1527"/>
      <c r="AS180" s="1525"/>
      <c r="AT180" s="1526"/>
      <c r="AU180" s="1527"/>
      <c r="AV180" s="1525"/>
      <c r="AW180" s="1526"/>
      <c r="AX180" s="1527"/>
      <c r="AY180" s="1525"/>
      <c r="AZ180" s="1526"/>
      <c r="BA180" s="1527"/>
      <c r="BB180" s="1525"/>
      <c r="BC180" s="1526"/>
      <c r="BD180" s="1527"/>
      <c r="BE180" s="445"/>
      <c r="BF180" s="2007"/>
      <c r="BG180" s="2008"/>
      <c r="BH180" s="2008"/>
      <c r="BI180" s="2008"/>
      <c r="BJ180" s="2008"/>
      <c r="BK180" s="2008"/>
      <c r="BL180" s="2008"/>
      <c r="BM180" s="2008"/>
      <c r="BN180" s="2008"/>
      <c r="BO180" s="2008"/>
      <c r="BP180" s="2023"/>
      <c r="BQ180" s="2023"/>
      <c r="BR180" s="2023"/>
      <c r="BS180" s="2023"/>
      <c r="BT180" s="1756"/>
      <c r="BU180" s="1574"/>
      <c r="BV180" s="1574"/>
      <c r="BW180" s="1574"/>
      <c r="BX180" s="1574"/>
      <c r="BY180" s="1574"/>
      <c r="BZ180" s="1574"/>
      <c r="CA180" s="1574"/>
      <c r="CB180" s="1574"/>
      <c r="CC180" s="1574"/>
      <c r="CD180" s="1574"/>
      <c r="CE180" s="1574"/>
      <c r="CF180" s="1574"/>
      <c r="CG180" s="2002"/>
      <c r="CH180" s="2003"/>
    </row>
    <row r="181" spans="2:86" s="355" customFormat="1" ht="5.25" customHeight="1">
      <c r="B181" s="1541"/>
      <c r="C181" s="1541"/>
      <c r="D181" s="1541"/>
      <c r="E181" s="1541"/>
      <c r="F181" s="1541"/>
      <c r="G181" s="1541"/>
      <c r="H181" s="1541"/>
      <c r="I181" s="1541"/>
      <c r="J181" s="1541"/>
      <c r="K181" s="1541"/>
      <c r="L181" s="1541"/>
      <c r="M181" s="1541"/>
      <c r="N181" s="1541"/>
      <c r="O181" s="1541"/>
      <c r="P181" s="1541"/>
      <c r="Q181" s="1541"/>
      <c r="R181" s="1541"/>
      <c r="S181" s="1541"/>
      <c r="T181" s="1541"/>
      <c r="U181" s="1541"/>
      <c r="V181" s="1541"/>
      <c r="X181" s="1525"/>
      <c r="Y181" s="1526"/>
      <c r="Z181" s="1527"/>
      <c r="AA181" s="1525"/>
      <c r="AB181" s="1526"/>
      <c r="AC181" s="1527"/>
      <c r="AD181" s="1525"/>
      <c r="AE181" s="1526"/>
      <c r="AF181" s="1527"/>
      <c r="AG181" s="1525"/>
      <c r="AH181" s="1526"/>
      <c r="AI181" s="1527"/>
      <c r="AJ181" s="1525"/>
      <c r="AK181" s="1526"/>
      <c r="AL181" s="1527"/>
      <c r="AM181" s="1525"/>
      <c r="AN181" s="1526"/>
      <c r="AO181" s="1527"/>
      <c r="AP181" s="1525"/>
      <c r="AQ181" s="1526"/>
      <c r="AR181" s="1527"/>
      <c r="AS181" s="1525"/>
      <c r="AT181" s="1526"/>
      <c r="AU181" s="1527"/>
      <c r="AV181" s="1525"/>
      <c r="AW181" s="1526"/>
      <c r="AX181" s="1527"/>
      <c r="AY181" s="1525"/>
      <c r="AZ181" s="1526"/>
      <c r="BA181" s="1527"/>
      <c r="BB181" s="1525"/>
      <c r="BC181" s="1526"/>
      <c r="BD181" s="1527"/>
      <c r="BE181" s="445"/>
      <c r="BF181" s="2007"/>
      <c r="BG181" s="2008"/>
      <c r="BH181" s="2008"/>
      <c r="BI181" s="2008"/>
      <c r="BJ181" s="2008"/>
      <c r="BK181" s="2008"/>
      <c r="BL181" s="2008"/>
      <c r="BM181" s="2008"/>
      <c r="BN181" s="2008"/>
      <c r="BO181" s="2008"/>
      <c r="BP181" s="2023"/>
      <c r="BQ181" s="2023"/>
      <c r="BR181" s="2023"/>
      <c r="BS181" s="2023"/>
      <c r="BT181" s="1756"/>
      <c r="BU181" s="1574"/>
      <c r="BV181" s="1574"/>
      <c r="BW181" s="1574"/>
      <c r="BX181" s="1574"/>
      <c r="BY181" s="1574"/>
      <c r="BZ181" s="1574"/>
      <c r="CA181" s="1574"/>
      <c r="CB181" s="1574"/>
      <c r="CC181" s="1574"/>
      <c r="CD181" s="1574"/>
      <c r="CE181" s="1574"/>
      <c r="CF181" s="1574"/>
      <c r="CG181" s="2002"/>
      <c r="CH181" s="2003"/>
    </row>
    <row r="182" spans="2:86" s="355" customFormat="1" ht="5.25" customHeight="1">
      <c r="B182" s="1541"/>
      <c r="C182" s="1541"/>
      <c r="D182" s="1541"/>
      <c r="E182" s="1541"/>
      <c r="F182" s="1541"/>
      <c r="G182" s="1541"/>
      <c r="H182" s="1541"/>
      <c r="I182" s="1541"/>
      <c r="J182" s="1541"/>
      <c r="K182" s="1541"/>
      <c r="L182" s="1541"/>
      <c r="M182" s="1541"/>
      <c r="N182" s="1541"/>
      <c r="O182" s="1541"/>
      <c r="P182" s="1541"/>
      <c r="Q182" s="1541"/>
      <c r="R182" s="1541"/>
      <c r="S182" s="1541"/>
      <c r="T182" s="1541"/>
      <c r="U182" s="1541"/>
      <c r="V182" s="1541"/>
      <c r="X182" s="1528"/>
      <c r="Y182" s="1529"/>
      <c r="Z182" s="1530"/>
      <c r="AA182" s="1528"/>
      <c r="AB182" s="1529"/>
      <c r="AC182" s="1530"/>
      <c r="AD182" s="1528"/>
      <c r="AE182" s="1529"/>
      <c r="AF182" s="1530"/>
      <c r="AG182" s="1528"/>
      <c r="AH182" s="1529"/>
      <c r="AI182" s="1530"/>
      <c r="AJ182" s="1528"/>
      <c r="AK182" s="1529"/>
      <c r="AL182" s="1530"/>
      <c r="AM182" s="1528"/>
      <c r="AN182" s="1529"/>
      <c r="AO182" s="1530"/>
      <c r="AP182" s="1528"/>
      <c r="AQ182" s="1529"/>
      <c r="AR182" s="1530"/>
      <c r="AS182" s="1528"/>
      <c r="AT182" s="1529"/>
      <c r="AU182" s="1530"/>
      <c r="AV182" s="1528"/>
      <c r="AW182" s="1529"/>
      <c r="AX182" s="1530"/>
      <c r="AY182" s="1528"/>
      <c r="AZ182" s="1529"/>
      <c r="BA182" s="1530"/>
      <c r="BB182" s="1528"/>
      <c r="BC182" s="1529"/>
      <c r="BD182" s="1530"/>
      <c r="BE182" s="445"/>
      <c r="BF182" s="2007"/>
      <c r="BG182" s="2008"/>
      <c r="BH182" s="2008"/>
      <c r="BI182" s="2008"/>
      <c r="BJ182" s="2008"/>
      <c r="BK182" s="2008"/>
      <c r="BL182" s="2008"/>
      <c r="BM182" s="2008"/>
      <c r="BN182" s="2008"/>
      <c r="BO182" s="2008"/>
      <c r="BP182" s="2023"/>
      <c r="BQ182" s="2023"/>
      <c r="BR182" s="2023"/>
      <c r="BS182" s="2023"/>
      <c r="BT182" s="1757"/>
      <c r="BU182" s="1758"/>
      <c r="BV182" s="1758"/>
      <c r="BW182" s="1758"/>
      <c r="BX182" s="1758"/>
      <c r="BY182" s="1758"/>
      <c r="BZ182" s="1758"/>
      <c r="CA182" s="1758"/>
      <c r="CB182" s="1758"/>
      <c r="CC182" s="1758"/>
      <c r="CD182" s="1758"/>
      <c r="CE182" s="1758"/>
      <c r="CF182" s="1758"/>
      <c r="CG182" s="2021"/>
      <c r="CH182" s="2022"/>
    </row>
    <row r="183" spans="2:86" s="355" customFormat="1" ht="5.25" customHeight="1">
      <c r="B183" s="1541"/>
      <c r="C183" s="1541"/>
      <c r="D183" s="1541"/>
      <c r="E183" s="1541"/>
      <c r="F183" s="1541"/>
      <c r="G183" s="1541"/>
      <c r="H183" s="1541"/>
      <c r="I183" s="1541"/>
      <c r="J183" s="1541"/>
      <c r="K183" s="1541"/>
      <c r="L183" s="1541"/>
      <c r="M183" s="1541"/>
      <c r="N183" s="1541"/>
      <c r="O183" s="1541"/>
      <c r="P183" s="1541"/>
      <c r="Q183" s="1541"/>
      <c r="R183" s="1541"/>
      <c r="S183" s="1541"/>
      <c r="T183" s="1541"/>
      <c r="U183" s="1541"/>
      <c r="V183" s="1541"/>
      <c r="X183" s="1487" t="s">
        <v>364</v>
      </c>
      <c r="Y183" s="1488"/>
      <c r="Z183" s="1488"/>
      <c r="AA183" s="1488"/>
      <c r="AB183" s="1488"/>
      <c r="AC183" s="1488"/>
      <c r="AD183" s="1488"/>
      <c r="AE183" s="1488"/>
      <c r="AF183" s="1488"/>
      <c r="AG183" s="1488"/>
      <c r="AH183" s="1488"/>
      <c r="AI183" s="1488"/>
      <c r="AJ183" s="1488"/>
      <c r="AK183" s="1488"/>
      <c r="AL183" s="1488"/>
      <c r="AM183" s="1488"/>
      <c r="AN183" s="1488"/>
      <c r="AO183" s="1488"/>
      <c r="AP183" s="1488"/>
      <c r="AQ183" s="1488"/>
      <c r="AR183" s="1488"/>
      <c r="AS183" s="1487" t="s">
        <v>357</v>
      </c>
      <c r="AT183" s="1488"/>
      <c r="AU183" s="1488"/>
      <c r="AV183" s="1488"/>
      <c r="AW183" s="1488"/>
      <c r="AX183" s="1489"/>
      <c r="AY183" s="1487" t="s">
        <v>552</v>
      </c>
      <c r="AZ183" s="1488"/>
      <c r="BA183" s="1489"/>
      <c r="BB183" s="1487" t="s">
        <v>536</v>
      </c>
      <c r="BC183" s="1488"/>
      <c r="BD183" s="1489"/>
      <c r="BE183" s="445"/>
      <c r="BF183" s="2009"/>
      <c r="BG183" s="2008"/>
      <c r="BH183" s="2008"/>
      <c r="BI183" s="2008"/>
      <c r="BJ183" s="2008"/>
      <c r="BK183" s="2008"/>
      <c r="BL183" s="2008"/>
      <c r="BM183" s="2008"/>
      <c r="BN183" s="2008"/>
      <c r="BO183" s="2008"/>
      <c r="BP183" s="2023"/>
      <c r="BQ183" s="2023"/>
      <c r="BR183" s="2023"/>
      <c r="BS183" s="2023"/>
      <c r="BT183" s="1983"/>
      <c r="BU183" s="1984"/>
      <c r="BV183" s="1984"/>
      <c r="BW183" s="1984"/>
      <c r="BX183" s="1984"/>
      <c r="BY183" s="1984"/>
      <c r="BZ183" s="1984"/>
      <c r="CA183" s="1984"/>
      <c r="CB183" s="1984"/>
      <c r="CC183" s="1984"/>
      <c r="CD183" s="1984"/>
      <c r="CE183" s="1984"/>
      <c r="CF183" s="1984"/>
      <c r="CG183" s="2000"/>
      <c r="CH183" s="2001"/>
    </row>
    <row r="184" spans="2:86" s="355" customFormat="1" ht="5.25" customHeight="1">
      <c r="B184" s="1542" t="s">
        <v>360</v>
      </c>
      <c r="C184" s="1542"/>
      <c r="D184" s="1544"/>
      <c r="E184" s="1544"/>
      <c r="F184" s="1544"/>
      <c r="G184" s="1544"/>
      <c r="H184" s="1544"/>
      <c r="I184" s="1542" t="s">
        <v>361</v>
      </c>
      <c r="J184" s="1542"/>
      <c r="K184" s="1544"/>
      <c r="L184" s="1544"/>
      <c r="M184" s="1544"/>
      <c r="N184" s="1544"/>
      <c r="O184" s="1544"/>
      <c r="P184" s="1542" t="s">
        <v>362</v>
      </c>
      <c r="Q184" s="1542"/>
      <c r="R184" s="1544"/>
      <c r="S184" s="1544"/>
      <c r="T184" s="1544"/>
      <c r="U184" s="1544"/>
      <c r="V184" s="1544"/>
      <c r="X184" s="1407"/>
      <c r="Y184" s="1408"/>
      <c r="Z184" s="1408"/>
      <c r="AA184" s="1408"/>
      <c r="AB184" s="1408"/>
      <c r="AC184" s="1408"/>
      <c r="AD184" s="1408"/>
      <c r="AE184" s="1408"/>
      <c r="AF184" s="1408"/>
      <c r="AG184" s="1408"/>
      <c r="AH184" s="1408"/>
      <c r="AI184" s="1408"/>
      <c r="AJ184" s="1408"/>
      <c r="AK184" s="1408"/>
      <c r="AL184" s="1408"/>
      <c r="AM184" s="1408"/>
      <c r="AN184" s="1408"/>
      <c r="AO184" s="1408"/>
      <c r="AP184" s="1408"/>
      <c r="AQ184" s="1408"/>
      <c r="AR184" s="1408"/>
      <c r="AS184" s="1407"/>
      <c r="AT184" s="1408"/>
      <c r="AU184" s="1408"/>
      <c r="AV184" s="1408"/>
      <c r="AW184" s="1408"/>
      <c r="AX184" s="1409"/>
      <c r="AY184" s="1404"/>
      <c r="AZ184" s="1405"/>
      <c r="BA184" s="1406"/>
      <c r="BB184" s="1404"/>
      <c r="BC184" s="1405"/>
      <c r="BD184" s="1406"/>
      <c r="BE184" s="446"/>
      <c r="BF184" s="2009"/>
      <c r="BG184" s="2008"/>
      <c r="BH184" s="2008"/>
      <c r="BI184" s="2008"/>
      <c r="BJ184" s="2008"/>
      <c r="BK184" s="2008"/>
      <c r="BL184" s="2008"/>
      <c r="BM184" s="2008"/>
      <c r="BN184" s="2008"/>
      <c r="BO184" s="2008"/>
      <c r="BP184" s="2023"/>
      <c r="BQ184" s="2023"/>
      <c r="BR184" s="2023"/>
      <c r="BS184" s="2023"/>
      <c r="BT184" s="1756"/>
      <c r="BU184" s="1574"/>
      <c r="BV184" s="1574"/>
      <c r="BW184" s="1574"/>
      <c r="BX184" s="1574"/>
      <c r="BY184" s="1574"/>
      <c r="BZ184" s="1574"/>
      <c r="CA184" s="1574"/>
      <c r="CB184" s="1574"/>
      <c r="CC184" s="1574"/>
      <c r="CD184" s="1574"/>
      <c r="CE184" s="1574"/>
      <c r="CF184" s="1574"/>
      <c r="CG184" s="2002"/>
      <c r="CH184" s="2003"/>
    </row>
    <row r="185" spans="2:86" s="355" customFormat="1" ht="5.25" customHeight="1">
      <c r="B185" s="1543"/>
      <c r="C185" s="1543"/>
      <c r="D185" s="1545"/>
      <c r="E185" s="1545"/>
      <c r="F185" s="1545"/>
      <c r="G185" s="1545"/>
      <c r="H185" s="1545"/>
      <c r="I185" s="1543"/>
      <c r="J185" s="1543"/>
      <c r="K185" s="1545"/>
      <c r="L185" s="1545"/>
      <c r="M185" s="1545"/>
      <c r="N185" s="1545"/>
      <c r="O185" s="1545"/>
      <c r="P185" s="1543"/>
      <c r="Q185" s="1543"/>
      <c r="R185" s="1545"/>
      <c r="S185" s="1545"/>
      <c r="T185" s="1545"/>
      <c r="U185" s="1545"/>
      <c r="V185" s="1545"/>
      <c r="X185" s="1487" t="s">
        <v>354</v>
      </c>
      <c r="Y185" s="1488"/>
      <c r="Z185" s="1489"/>
      <c r="AA185" s="1487" t="s">
        <v>353</v>
      </c>
      <c r="AB185" s="1488"/>
      <c r="AC185" s="1489"/>
      <c r="AD185" s="1487" t="s">
        <v>352</v>
      </c>
      <c r="AE185" s="1488"/>
      <c r="AF185" s="1489"/>
      <c r="AG185" s="1487" t="s">
        <v>347</v>
      </c>
      <c r="AH185" s="1488"/>
      <c r="AI185" s="1489"/>
      <c r="AJ185" s="1487" t="s">
        <v>324</v>
      </c>
      <c r="AK185" s="1488"/>
      <c r="AL185" s="1489"/>
      <c r="AM185" s="1487" t="s">
        <v>535</v>
      </c>
      <c r="AN185" s="1488"/>
      <c r="AO185" s="1489"/>
      <c r="AP185" s="1487" t="s">
        <v>355</v>
      </c>
      <c r="AQ185" s="1488"/>
      <c r="AR185" s="1489"/>
      <c r="AS185" s="1487" t="s">
        <v>358</v>
      </c>
      <c r="AT185" s="1488"/>
      <c r="AU185" s="1489"/>
      <c r="AV185" s="1487" t="s">
        <v>359</v>
      </c>
      <c r="AW185" s="1488"/>
      <c r="AX185" s="1489"/>
      <c r="AY185" s="1404"/>
      <c r="AZ185" s="1405"/>
      <c r="BA185" s="1406"/>
      <c r="BB185" s="1404"/>
      <c r="BC185" s="1405"/>
      <c r="BD185" s="1406"/>
      <c r="BE185" s="446"/>
      <c r="BF185" s="2009"/>
      <c r="BG185" s="2008"/>
      <c r="BH185" s="2008"/>
      <c r="BI185" s="2008"/>
      <c r="BJ185" s="2008"/>
      <c r="BK185" s="2008"/>
      <c r="BL185" s="2008"/>
      <c r="BM185" s="2008"/>
      <c r="BN185" s="2008"/>
      <c r="BO185" s="2008"/>
      <c r="BP185" s="2023"/>
      <c r="BQ185" s="2023"/>
      <c r="BR185" s="2023"/>
      <c r="BS185" s="2023"/>
      <c r="BT185" s="1756"/>
      <c r="BU185" s="1574"/>
      <c r="BV185" s="1574"/>
      <c r="BW185" s="1574"/>
      <c r="BX185" s="1574"/>
      <c r="BY185" s="1574"/>
      <c r="BZ185" s="1574"/>
      <c r="CA185" s="1574"/>
      <c r="CB185" s="1574"/>
      <c r="CC185" s="1574"/>
      <c r="CD185" s="1574"/>
      <c r="CE185" s="1574"/>
      <c r="CF185" s="1574"/>
      <c r="CG185" s="2002"/>
      <c r="CH185" s="2003"/>
    </row>
    <row r="186" spans="2:86" s="355" customFormat="1" ht="5.25" customHeight="1">
      <c r="B186" s="1543"/>
      <c r="C186" s="1543"/>
      <c r="D186" s="1545"/>
      <c r="E186" s="1545"/>
      <c r="F186" s="1545"/>
      <c r="G186" s="1545"/>
      <c r="H186" s="1545"/>
      <c r="I186" s="1543"/>
      <c r="J186" s="1543"/>
      <c r="K186" s="1545"/>
      <c r="L186" s="1545"/>
      <c r="M186" s="1545"/>
      <c r="N186" s="1545"/>
      <c r="O186" s="1545"/>
      <c r="P186" s="1543"/>
      <c r="Q186" s="1543"/>
      <c r="R186" s="1545"/>
      <c r="S186" s="1545"/>
      <c r="T186" s="1545"/>
      <c r="U186" s="1545"/>
      <c r="V186" s="1545"/>
      <c r="X186" s="1407"/>
      <c r="Y186" s="1408"/>
      <c r="Z186" s="1409"/>
      <c r="AA186" s="1407"/>
      <c r="AB186" s="1408"/>
      <c r="AC186" s="1409"/>
      <c r="AD186" s="1407"/>
      <c r="AE186" s="1408"/>
      <c r="AF186" s="1409"/>
      <c r="AG186" s="1407"/>
      <c r="AH186" s="1408"/>
      <c r="AI186" s="1409"/>
      <c r="AJ186" s="1407"/>
      <c r="AK186" s="1408"/>
      <c r="AL186" s="1409"/>
      <c r="AM186" s="1407"/>
      <c r="AN186" s="1408"/>
      <c r="AO186" s="1409"/>
      <c r="AP186" s="1407"/>
      <c r="AQ186" s="1408"/>
      <c r="AR186" s="1409"/>
      <c r="AS186" s="1407"/>
      <c r="AT186" s="1408"/>
      <c r="AU186" s="1409"/>
      <c r="AV186" s="1407"/>
      <c r="AW186" s="1408"/>
      <c r="AX186" s="1409"/>
      <c r="AY186" s="1407"/>
      <c r="AZ186" s="1408"/>
      <c r="BA186" s="1409"/>
      <c r="BB186" s="1407"/>
      <c r="BC186" s="1408"/>
      <c r="BD186" s="1409"/>
      <c r="BE186" s="446"/>
      <c r="BF186" s="2009"/>
      <c r="BG186" s="2008"/>
      <c r="BH186" s="2008"/>
      <c r="BI186" s="2008"/>
      <c r="BJ186" s="2008"/>
      <c r="BK186" s="2008"/>
      <c r="BL186" s="2008"/>
      <c r="BM186" s="2008"/>
      <c r="BN186" s="2008"/>
      <c r="BO186" s="2008"/>
      <c r="BP186" s="2023"/>
      <c r="BQ186" s="2023"/>
      <c r="BR186" s="2023"/>
      <c r="BS186" s="2023"/>
      <c r="BT186" s="1757"/>
      <c r="BU186" s="1758"/>
      <c r="BV186" s="1758"/>
      <c r="BW186" s="1758"/>
      <c r="BX186" s="1758"/>
      <c r="BY186" s="1758"/>
      <c r="BZ186" s="1758"/>
      <c r="CA186" s="1758"/>
      <c r="CB186" s="1758"/>
      <c r="CC186" s="1758"/>
      <c r="CD186" s="1758"/>
      <c r="CE186" s="1758"/>
      <c r="CF186" s="1758"/>
      <c r="CG186" s="2021"/>
      <c r="CH186" s="2022"/>
    </row>
    <row r="187" spans="2:86" s="355" customFormat="1" ht="5.25" customHeight="1">
      <c r="B187" s="1543"/>
      <c r="C187" s="1543"/>
      <c r="D187" s="1545"/>
      <c r="E187" s="1545"/>
      <c r="F187" s="1545"/>
      <c r="G187" s="1545"/>
      <c r="H187" s="1545"/>
      <c r="I187" s="1543"/>
      <c r="J187" s="1543"/>
      <c r="K187" s="1545"/>
      <c r="L187" s="1545"/>
      <c r="M187" s="1545"/>
      <c r="N187" s="1545"/>
      <c r="O187" s="1545"/>
      <c r="P187" s="1543"/>
      <c r="Q187" s="1543"/>
      <c r="R187" s="1545"/>
      <c r="S187" s="1545"/>
      <c r="T187" s="1545"/>
      <c r="U187" s="1545"/>
      <c r="V187" s="1545"/>
      <c r="X187" s="1522"/>
      <c r="Y187" s="1523"/>
      <c r="Z187" s="1524"/>
      <c r="AA187" s="1522"/>
      <c r="AB187" s="1523"/>
      <c r="AC187" s="1524"/>
      <c r="AD187" s="1522"/>
      <c r="AE187" s="1523"/>
      <c r="AF187" s="1524"/>
      <c r="AG187" s="1522"/>
      <c r="AH187" s="1523"/>
      <c r="AI187" s="1524"/>
      <c r="AJ187" s="1522"/>
      <c r="AK187" s="1523"/>
      <c r="AL187" s="1524"/>
      <c r="AM187" s="1522"/>
      <c r="AN187" s="1523"/>
      <c r="AO187" s="1524"/>
      <c r="AP187" s="1522"/>
      <c r="AQ187" s="1523"/>
      <c r="AR187" s="1524"/>
      <c r="AS187" s="1522"/>
      <c r="AT187" s="1523"/>
      <c r="AU187" s="1524"/>
      <c r="AV187" s="1522"/>
      <c r="AW187" s="1523"/>
      <c r="AX187" s="1524"/>
      <c r="AY187" s="1522"/>
      <c r="AZ187" s="1523"/>
      <c r="BA187" s="1524"/>
      <c r="BB187" s="1522"/>
      <c r="BC187" s="1523"/>
      <c r="BD187" s="1524"/>
      <c r="BE187" s="409"/>
      <c r="BF187" s="2010"/>
      <c r="BG187" s="2011"/>
      <c r="BH187" s="2011"/>
      <c r="BI187" s="2011"/>
      <c r="BJ187" s="2011"/>
      <c r="BK187" s="2011"/>
      <c r="BL187" s="2011"/>
      <c r="BM187" s="2011"/>
      <c r="BN187" s="2011"/>
      <c r="BO187" s="2012"/>
      <c r="BP187" s="1770"/>
      <c r="BQ187" s="1771"/>
      <c r="BR187" s="1771"/>
      <c r="BS187" s="1772"/>
      <c r="BT187" s="1984"/>
      <c r="BU187" s="1984"/>
      <c r="BV187" s="1984"/>
      <c r="BW187" s="1984"/>
      <c r="BX187" s="1984"/>
      <c r="BY187" s="1984"/>
      <c r="BZ187" s="1984"/>
      <c r="CA187" s="1984"/>
      <c r="CB187" s="1984"/>
      <c r="CC187" s="1984"/>
      <c r="CD187" s="1984"/>
      <c r="CE187" s="1984"/>
      <c r="CF187" s="1984"/>
      <c r="CG187" s="2000"/>
      <c r="CH187" s="2001"/>
    </row>
    <row r="188" spans="2:86" ht="5.25" customHeight="1">
      <c r="B188" s="1543"/>
      <c r="C188" s="1543"/>
      <c r="D188" s="1545"/>
      <c r="E188" s="1545"/>
      <c r="F188" s="1545"/>
      <c r="G188" s="1545"/>
      <c r="H188" s="1545"/>
      <c r="I188" s="1543"/>
      <c r="J188" s="1543"/>
      <c r="K188" s="1545"/>
      <c r="L188" s="1545"/>
      <c r="M188" s="1545"/>
      <c r="N188" s="1545"/>
      <c r="O188" s="1545"/>
      <c r="P188" s="1543"/>
      <c r="Q188" s="1543"/>
      <c r="R188" s="1545"/>
      <c r="S188" s="1545"/>
      <c r="T188" s="1545"/>
      <c r="U188" s="1545"/>
      <c r="V188" s="1545"/>
      <c r="X188" s="1525"/>
      <c r="Y188" s="1526"/>
      <c r="Z188" s="1527"/>
      <c r="AA188" s="1525"/>
      <c r="AB188" s="1526"/>
      <c r="AC188" s="1527"/>
      <c r="AD188" s="1525"/>
      <c r="AE188" s="1526"/>
      <c r="AF188" s="1527"/>
      <c r="AG188" s="1525"/>
      <c r="AH188" s="1526"/>
      <c r="AI188" s="1527"/>
      <c r="AJ188" s="1525"/>
      <c r="AK188" s="1526"/>
      <c r="AL188" s="1527"/>
      <c r="AM188" s="1525"/>
      <c r="AN188" s="1526"/>
      <c r="AO188" s="1527"/>
      <c r="AP188" s="1525"/>
      <c r="AQ188" s="1526"/>
      <c r="AR188" s="1527"/>
      <c r="AS188" s="1525"/>
      <c r="AT188" s="1526"/>
      <c r="AU188" s="1527"/>
      <c r="AV188" s="1525"/>
      <c r="AW188" s="1526"/>
      <c r="AX188" s="1527"/>
      <c r="AY188" s="1525"/>
      <c r="AZ188" s="1526"/>
      <c r="BA188" s="1527"/>
      <c r="BB188" s="1525"/>
      <c r="BC188" s="1526"/>
      <c r="BD188" s="1527"/>
      <c r="BE188" s="437"/>
      <c r="BF188" s="2013"/>
      <c r="BG188" s="2014"/>
      <c r="BH188" s="2014"/>
      <c r="BI188" s="2014"/>
      <c r="BJ188" s="2014"/>
      <c r="BK188" s="2014"/>
      <c r="BL188" s="2014"/>
      <c r="BM188" s="2014"/>
      <c r="BN188" s="2014"/>
      <c r="BO188" s="2015"/>
      <c r="BP188" s="1773"/>
      <c r="BQ188" s="1774"/>
      <c r="BR188" s="1774"/>
      <c r="BS188" s="1775"/>
      <c r="BT188" s="1574"/>
      <c r="BU188" s="1574"/>
      <c r="BV188" s="1574"/>
      <c r="BW188" s="1574"/>
      <c r="BX188" s="1574"/>
      <c r="BY188" s="1574"/>
      <c r="BZ188" s="1574"/>
      <c r="CA188" s="1574"/>
      <c r="CB188" s="1574"/>
      <c r="CC188" s="1574"/>
      <c r="CD188" s="1574"/>
      <c r="CE188" s="1574"/>
      <c r="CF188" s="1574"/>
      <c r="CG188" s="2002"/>
      <c r="CH188" s="2003"/>
    </row>
    <row r="189" spans="2:86" ht="5.25" customHeight="1">
      <c r="B189" s="1543"/>
      <c r="C189" s="1543"/>
      <c r="D189" s="1545"/>
      <c r="E189" s="1545"/>
      <c r="F189" s="1545"/>
      <c r="G189" s="1545"/>
      <c r="H189" s="1545"/>
      <c r="I189" s="1543"/>
      <c r="J189" s="1543"/>
      <c r="K189" s="1545"/>
      <c r="L189" s="1545"/>
      <c r="M189" s="1545"/>
      <c r="N189" s="1545"/>
      <c r="O189" s="1545"/>
      <c r="P189" s="1543"/>
      <c r="Q189" s="1543"/>
      <c r="R189" s="1545"/>
      <c r="S189" s="1545"/>
      <c r="T189" s="1545"/>
      <c r="U189" s="1545"/>
      <c r="V189" s="1545"/>
      <c r="X189" s="1525"/>
      <c r="Y189" s="1526"/>
      <c r="Z189" s="1527"/>
      <c r="AA189" s="1525"/>
      <c r="AB189" s="1526"/>
      <c r="AC189" s="1527"/>
      <c r="AD189" s="1525"/>
      <c r="AE189" s="1526"/>
      <c r="AF189" s="1527"/>
      <c r="AG189" s="1525"/>
      <c r="AH189" s="1526"/>
      <c r="AI189" s="1527"/>
      <c r="AJ189" s="1525"/>
      <c r="AK189" s="1526"/>
      <c r="AL189" s="1527"/>
      <c r="AM189" s="1525"/>
      <c r="AN189" s="1526"/>
      <c r="AO189" s="1527"/>
      <c r="AP189" s="1525"/>
      <c r="AQ189" s="1526"/>
      <c r="AR189" s="1527"/>
      <c r="AS189" s="1525"/>
      <c r="AT189" s="1526"/>
      <c r="AU189" s="1527"/>
      <c r="AV189" s="1525"/>
      <c r="AW189" s="1526"/>
      <c r="AX189" s="1527"/>
      <c r="AY189" s="1525"/>
      <c r="AZ189" s="1526"/>
      <c r="BA189" s="1527"/>
      <c r="BB189" s="1525"/>
      <c r="BC189" s="1526"/>
      <c r="BD189" s="1527"/>
      <c r="BE189" s="437"/>
      <c r="BF189" s="2013"/>
      <c r="BG189" s="2014"/>
      <c r="BH189" s="2014"/>
      <c r="BI189" s="2014"/>
      <c r="BJ189" s="2014"/>
      <c r="BK189" s="2014"/>
      <c r="BL189" s="2014"/>
      <c r="BM189" s="2014"/>
      <c r="BN189" s="2014"/>
      <c r="BO189" s="2015"/>
      <c r="BP189" s="1773"/>
      <c r="BQ189" s="1774"/>
      <c r="BR189" s="1774"/>
      <c r="BS189" s="1775"/>
      <c r="BT189" s="1574"/>
      <c r="BU189" s="1574"/>
      <c r="BV189" s="1574"/>
      <c r="BW189" s="1574"/>
      <c r="BX189" s="1574"/>
      <c r="BY189" s="1574"/>
      <c r="BZ189" s="1574"/>
      <c r="CA189" s="1574"/>
      <c r="CB189" s="1574"/>
      <c r="CC189" s="1574"/>
      <c r="CD189" s="1574"/>
      <c r="CE189" s="1574"/>
      <c r="CF189" s="1574"/>
      <c r="CG189" s="2002"/>
      <c r="CH189" s="2003"/>
    </row>
    <row r="190" spans="2:86" ht="5.25" customHeight="1" thickBot="1">
      <c r="B190" s="1543"/>
      <c r="C190" s="1543"/>
      <c r="D190" s="1545"/>
      <c r="E190" s="1545"/>
      <c r="F190" s="1545"/>
      <c r="G190" s="1545"/>
      <c r="H190" s="1545"/>
      <c r="I190" s="1543"/>
      <c r="J190" s="1543"/>
      <c r="K190" s="1545"/>
      <c r="L190" s="1545"/>
      <c r="M190" s="1545"/>
      <c r="N190" s="1545"/>
      <c r="O190" s="1545"/>
      <c r="P190" s="1543"/>
      <c r="Q190" s="1543"/>
      <c r="R190" s="1545"/>
      <c r="S190" s="1545"/>
      <c r="T190" s="1545"/>
      <c r="U190" s="1545"/>
      <c r="V190" s="1545"/>
      <c r="X190" s="1528"/>
      <c r="Y190" s="1529"/>
      <c r="Z190" s="1530"/>
      <c r="AA190" s="1528"/>
      <c r="AB190" s="1529"/>
      <c r="AC190" s="1530"/>
      <c r="AD190" s="1528"/>
      <c r="AE190" s="1529"/>
      <c r="AF190" s="1530"/>
      <c r="AG190" s="1528"/>
      <c r="AH190" s="1529"/>
      <c r="AI190" s="1530"/>
      <c r="AJ190" s="1528"/>
      <c r="AK190" s="1529"/>
      <c r="AL190" s="1530"/>
      <c r="AM190" s="1528"/>
      <c r="AN190" s="1529"/>
      <c r="AO190" s="1530"/>
      <c r="AP190" s="1528"/>
      <c r="AQ190" s="1529"/>
      <c r="AR190" s="1530"/>
      <c r="AS190" s="1528"/>
      <c r="AT190" s="1529"/>
      <c r="AU190" s="1530"/>
      <c r="AV190" s="1528"/>
      <c r="AW190" s="1529"/>
      <c r="AX190" s="1530"/>
      <c r="AY190" s="1528"/>
      <c r="AZ190" s="1529"/>
      <c r="BA190" s="1530"/>
      <c r="BB190" s="1528"/>
      <c r="BC190" s="1529"/>
      <c r="BD190" s="1530"/>
      <c r="BE190" s="437"/>
      <c r="BF190" s="2016"/>
      <c r="BG190" s="2017"/>
      <c r="BH190" s="2017"/>
      <c r="BI190" s="2017"/>
      <c r="BJ190" s="2017"/>
      <c r="BK190" s="2017"/>
      <c r="BL190" s="2017"/>
      <c r="BM190" s="2017"/>
      <c r="BN190" s="2017"/>
      <c r="BO190" s="2018"/>
      <c r="BP190" s="2024"/>
      <c r="BQ190" s="2025"/>
      <c r="BR190" s="2025"/>
      <c r="BS190" s="2026"/>
      <c r="BT190" s="1577"/>
      <c r="BU190" s="1577"/>
      <c r="BV190" s="1577"/>
      <c r="BW190" s="1577"/>
      <c r="BX190" s="1577"/>
      <c r="BY190" s="1577"/>
      <c r="BZ190" s="1577"/>
      <c r="CA190" s="1577"/>
      <c r="CB190" s="1577"/>
      <c r="CC190" s="1577"/>
      <c r="CD190" s="1577"/>
      <c r="CE190" s="1577"/>
      <c r="CF190" s="1577"/>
      <c r="CG190" s="2004"/>
      <c r="CH190" s="2005"/>
    </row>
    <row r="194" spans="5:24" ht="5.25" customHeight="1">
      <c r="H194" s="414"/>
      <c r="I194" s="414"/>
      <c r="J194" s="414"/>
      <c r="K194" s="414"/>
      <c r="L194" s="414"/>
      <c r="M194" s="414"/>
      <c r="N194" s="414"/>
      <c r="O194" s="414"/>
      <c r="P194" s="414"/>
      <c r="Q194" s="414"/>
      <c r="R194" s="414"/>
      <c r="S194" s="414"/>
      <c r="T194" s="414"/>
      <c r="U194" s="414"/>
      <c r="V194" s="414"/>
      <c r="W194" s="414"/>
      <c r="X194" s="414"/>
    </row>
    <row r="195" spans="5:24" ht="5.25" customHeight="1">
      <c r="E195" s="355"/>
      <c r="F195" s="355"/>
      <c r="G195" s="355"/>
      <c r="H195" s="355"/>
      <c r="I195" s="355"/>
      <c r="J195" s="355"/>
      <c r="K195" s="355"/>
      <c r="L195" s="355"/>
      <c r="M195" s="355"/>
    </row>
    <row r="212" spans="5:13" ht="5.25" customHeight="1">
      <c r="E212" s="355"/>
      <c r="F212" s="355"/>
      <c r="G212" s="355"/>
      <c r="H212" s="355"/>
      <c r="I212" s="355"/>
      <c r="J212" s="355"/>
      <c r="K212" s="355"/>
      <c r="L212" s="355"/>
      <c r="M212" s="355"/>
    </row>
    <row r="213" spans="5:13" ht="5.25" customHeight="1">
      <c r="E213" s="355"/>
      <c r="F213" s="355"/>
      <c r="G213" s="355"/>
      <c r="H213" s="355"/>
      <c r="I213" s="355"/>
      <c r="J213" s="355"/>
      <c r="K213" s="355"/>
      <c r="L213" s="355"/>
      <c r="M213" s="355"/>
    </row>
    <row r="214" spans="5:13" ht="5.25" customHeight="1">
      <c r="E214" s="355"/>
      <c r="F214" s="355"/>
      <c r="G214" s="355"/>
      <c r="H214" s="355"/>
      <c r="I214" s="355"/>
      <c r="J214" s="355"/>
      <c r="K214" s="355"/>
      <c r="L214" s="355"/>
      <c r="M214" s="355"/>
    </row>
    <row r="215" spans="5:13" ht="5.25" customHeight="1">
      <c r="E215" s="355"/>
      <c r="F215" s="355"/>
      <c r="G215" s="355"/>
      <c r="H215" s="355"/>
      <c r="I215" s="355"/>
      <c r="J215" s="355"/>
      <c r="K215" s="355"/>
      <c r="L215" s="355"/>
      <c r="M215" s="355"/>
    </row>
    <row r="216" spans="5:13" ht="5.25" customHeight="1">
      <c r="E216" s="355"/>
      <c r="F216" s="355"/>
      <c r="G216" s="355"/>
      <c r="H216" s="355"/>
      <c r="I216" s="355"/>
      <c r="J216" s="355"/>
      <c r="K216" s="355"/>
      <c r="L216" s="355"/>
      <c r="M216" s="355"/>
    </row>
    <row r="217" spans="5:13" ht="5.25" customHeight="1">
      <c r="E217" s="355"/>
      <c r="F217" s="355"/>
      <c r="G217" s="355"/>
      <c r="H217" s="355"/>
      <c r="I217" s="355"/>
      <c r="J217" s="355"/>
      <c r="K217" s="355"/>
      <c r="L217" s="355"/>
      <c r="M217" s="355"/>
    </row>
    <row r="218" spans="5:13" ht="5.25" customHeight="1">
      <c r="E218" s="355"/>
      <c r="F218" s="355"/>
      <c r="G218" s="355"/>
      <c r="H218" s="355"/>
      <c r="I218" s="355"/>
      <c r="J218" s="355"/>
      <c r="K218" s="355"/>
      <c r="L218" s="355"/>
      <c r="M218" s="355"/>
    </row>
    <row r="219" spans="5:13" ht="5.25" customHeight="1">
      <c r="E219" s="355"/>
      <c r="F219" s="355"/>
      <c r="G219" s="355"/>
      <c r="H219" s="355"/>
      <c r="I219" s="355"/>
      <c r="J219" s="355"/>
      <c r="K219" s="355"/>
      <c r="L219" s="355"/>
      <c r="M219" s="355"/>
    </row>
    <row r="220" spans="5:13" ht="5.25" customHeight="1">
      <c r="E220" s="355"/>
      <c r="F220" s="355"/>
      <c r="G220" s="355"/>
      <c r="H220" s="355"/>
      <c r="I220" s="355"/>
      <c r="J220" s="355"/>
      <c r="K220" s="355"/>
      <c r="L220" s="355"/>
      <c r="M220" s="355"/>
    </row>
    <row r="221" spans="5:13" ht="5.25" customHeight="1">
      <c r="E221" s="355"/>
      <c r="F221" s="355"/>
      <c r="G221" s="355"/>
      <c r="H221" s="355"/>
      <c r="I221" s="355"/>
      <c r="J221" s="355"/>
      <c r="K221" s="355"/>
      <c r="L221" s="355"/>
      <c r="M221" s="355"/>
    </row>
    <row r="222" spans="5:13" ht="5.25" customHeight="1">
      <c r="E222" s="355"/>
      <c r="F222" s="355"/>
      <c r="G222" s="355"/>
      <c r="H222" s="355"/>
      <c r="I222" s="355"/>
      <c r="J222" s="355"/>
      <c r="K222" s="355"/>
      <c r="L222" s="355"/>
      <c r="M222" s="355"/>
    </row>
    <row r="223" spans="5:13" ht="5.25" customHeight="1">
      <c r="E223" s="355"/>
      <c r="F223" s="355"/>
      <c r="G223" s="355"/>
      <c r="H223" s="355"/>
      <c r="I223" s="355"/>
      <c r="J223" s="355"/>
      <c r="K223" s="355"/>
      <c r="L223" s="355"/>
      <c r="M223" s="355"/>
    </row>
    <row r="224" spans="5:13" ht="5.25" customHeight="1">
      <c r="E224" s="355"/>
      <c r="F224" s="355"/>
      <c r="G224" s="355"/>
      <c r="H224" s="355"/>
      <c r="I224" s="355"/>
      <c r="J224" s="355"/>
      <c r="K224" s="355"/>
      <c r="L224" s="355"/>
      <c r="M224" s="355"/>
    </row>
    <row r="225" spans="5:13" ht="5.25" customHeight="1">
      <c r="E225" s="355"/>
      <c r="F225" s="355"/>
      <c r="G225" s="355"/>
      <c r="H225" s="355"/>
      <c r="I225" s="355"/>
      <c r="J225" s="355"/>
      <c r="K225" s="355"/>
      <c r="L225" s="355"/>
      <c r="M225" s="355"/>
    </row>
    <row r="226" spans="5:13" ht="5.25" customHeight="1">
      <c r="E226" s="355"/>
      <c r="F226" s="355"/>
      <c r="G226" s="355"/>
      <c r="H226" s="355"/>
      <c r="I226" s="355"/>
      <c r="J226" s="355"/>
      <c r="K226" s="355"/>
      <c r="L226" s="355"/>
      <c r="M226" s="355"/>
    </row>
    <row r="227" spans="5:13" ht="5.25" customHeight="1">
      <c r="E227" s="355"/>
      <c r="F227" s="355"/>
      <c r="G227" s="355"/>
      <c r="H227" s="355"/>
      <c r="I227" s="355"/>
      <c r="J227" s="355"/>
      <c r="K227" s="355"/>
      <c r="L227" s="355"/>
      <c r="M227" s="355"/>
    </row>
    <row r="228" spans="5:13" ht="5.25" customHeight="1">
      <c r="E228" s="355"/>
      <c r="F228" s="355"/>
      <c r="G228" s="355"/>
      <c r="H228" s="355"/>
      <c r="I228" s="355"/>
      <c r="J228" s="355"/>
      <c r="K228" s="355"/>
      <c r="L228" s="355"/>
      <c r="M228" s="355"/>
    </row>
    <row r="229" spans="5:13" ht="5.25" customHeight="1">
      <c r="E229" s="355"/>
      <c r="F229" s="355"/>
      <c r="G229" s="355"/>
      <c r="H229" s="355"/>
      <c r="I229" s="355"/>
      <c r="J229" s="355"/>
      <c r="K229" s="355"/>
      <c r="L229" s="355"/>
      <c r="M229" s="355"/>
    </row>
    <row r="230" spans="5:13" ht="5.25" customHeight="1">
      <c r="E230" s="355"/>
      <c r="F230" s="355"/>
      <c r="G230" s="355"/>
      <c r="H230" s="355"/>
      <c r="I230" s="355"/>
      <c r="J230" s="355"/>
      <c r="K230" s="355"/>
      <c r="L230" s="355"/>
      <c r="M230" s="355"/>
    </row>
    <row r="231" spans="5:13" ht="5.25" customHeight="1">
      <c r="E231" s="355"/>
      <c r="F231" s="355"/>
      <c r="G231" s="355"/>
      <c r="H231" s="355"/>
      <c r="I231" s="355"/>
      <c r="J231" s="355"/>
      <c r="K231" s="355"/>
      <c r="L231" s="355"/>
      <c r="M231" s="355"/>
    </row>
    <row r="232" spans="5:13" ht="5.25" customHeight="1">
      <c r="E232" s="355"/>
      <c r="F232" s="355"/>
      <c r="G232" s="355"/>
      <c r="H232" s="355"/>
      <c r="I232" s="355"/>
      <c r="J232" s="355"/>
      <c r="K232" s="355"/>
      <c r="L232" s="355"/>
      <c r="M232" s="355"/>
    </row>
    <row r="233" spans="5:13" ht="5.25" customHeight="1">
      <c r="E233" s="355"/>
      <c r="F233" s="355"/>
      <c r="G233" s="355"/>
      <c r="H233" s="355"/>
      <c r="I233" s="355"/>
      <c r="J233" s="355"/>
      <c r="K233" s="355"/>
      <c r="L233" s="355"/>
      <c r="M233" s="355"/>
    </row>
    <row r="234" spans="5:13" ht="5.25" customHeight="1">
      <c r="E234" s="355"/>
      <c r="F234" s="355"/>
      <c r="G234" s="355"/>
      <c r="H234" s="355"/>
      <c r="I234" s="355"/>
      <c r="J234" s="355"/>
      <c r="K234" s="355"/>
      <c r="L234" s="355"/>
      <c r="M234" s="355"/>
    </row>
    <row r="235" spans="5:13" ht="5.25" customHeight="1">
      <c r="E235" s="355"/>
      <c r="F235" s="355"/>
      <c r="G235" s="355"/>
      <c r="H235" s="355"/>
      <c r="I235" s="355"/>
      <c r="J235" s="355"/>
      <c r="K235" s="355"/>
      <c r="L235" s="355"/>
      <c r="M235" s="355"/>
    </row>
    <row r="236" spans="5:13" ht="5.25" customHeight="1">
      <c r="E236" s="355"/>
      <c r="F236" s="355"/>
      <c r="G236" s="355"/>
      <c r="H236" s="355"/>
      <c r="I236" s="355"/>
      <c r="J236" s="355"/>
      <c r="K236" s="355"/>
      <c r="L236" s="355"/>
      <c r="M236" s="355"/>
    </row>
    <row r="237" spans="5:13" ht="5.25" customHeight="1">
      <c r="E237" s="355"/>
      <c r="F237" s="355"/>
      <c r="G237" s="355"/>
      <c r="H237" s="355"/>
      <c r="I237" s="355"/>
      <c r="J237" s="355"/>
      <c r="K237" s="355"/>
      <c r="L237" s="355"/>
      <c r="M237" s="355"/>
    </row>
    <row r="238" spans="5:13" ht="5.25" customHeight="1">
      <c r="E238" s="355"/>
      <c r="F238" s="355"/>
      <c r="G238" s="355"/>
      <c r="H238" s="355"/>
      <c r="I238" s="355"/>
      <c r="J238" s="355"/>
      <c r="K238" s="355"/>
      <c r="L238" s="355"/>
      <c r="M238" s="355"/>
    </row>
    <row r="239" spans="5:13" ht="5.25" customHeight="1">
      <c r="E239" s="355"/>
      <c r="F239" s="355"/>
      <c r="G239" s="355"/>
      <c r="H239" s="355"/>
      <c r="I239" s="355"/>
      <c r="J239" s="355"/>
      <c r="K239" s="355"/>
      <c r="L239" s="355"/>
      <c r="M239" s="355"/>
    </row>
    <row r="240" spans="5:13" ht="5.25" customHeight="1">
      <c r="E240" s="355"/>
      <c r="F240" s="355"/>
      <c r="G240" s="355"/>
      <c r="H240" s="355"/>
      <c r="I240" s="355"/>
      <c r="J240" s="355"/>
      <c r="K240" s="355"/>
      <c r="L240" s="355"/>
      <c r="M240" s="355"/>
    </row>
    <row r="241" spans="5:13" ht="5.25" customHeight="1">
      <c r="E241" s="355"/>
      <c r="F241" s="355"/>
      <c r="G241" s="355"/>
      <c r="H241" s="355"/>
      <c r="I241" s="355"/>
      <c r="J241" s="355"/>
      <c r="K241" s="355"/>
      <c r="L241" s="355"/>
      <c r="M241" s="355"/>
    </row>
    <row r="242" spans="5:13" ht="5.25" customHeight="1">
      <c r="E242" s="355"/>
      <c r="F242" s="355"/>
      <c r="G242" s="355"/>
      <c r="H242" s="355"/>
      <c r="I242" s="355"/>
      <c r="J242" s="355"/>
      <c r="K242" s="355"/>
      <c r="L242" s="355"/>
      <c r="M242" s="355"/>
    </row>
    <row r="243" spans="5:13" ht="5.25" customHeight="1">
      <c r="E243" s="355"/>
      <c r="F243" s="355"/>
      <c r="G243" s="355"/>
      <c r="H243" s="355"/>
      <c r="I243" s="355"/>
      <c r="J243" s="355"/>
      <c r="K243" s="355"/>
      <c r="L243" s="355"/>
      <c r="M243" s="355"/>
    </row>
    <row r="244" spans="5:13" ht="5.25" customHeight="1">
      <c r="E244" s="355"/>
      <c r="F244" s="355"/>
      <c r="G244" s="355"/>
      <c r="H244" s="355"/>
      <c r="I244" s="355"/>
      <c r="J244" s="355"/>
      <c r="K244" s="355"/>
      <c r="L244" s="355"/>
      <c r="M244" s="355"/>
    </row>
    <row r="245" spans="5:13" ht="5.25" customHeight="1">
      <c r="E245" s="355"/>
      <c r="F245" s="355"/>
      <c r="G245" s="355"/>
      <c r="H245" s="355"/>
      <c r="I245" s="355"/>
      <c r="J245" s="355"/>
      <c r="K245" s="355"/>
      <c r="L245" s="355"/>
      <c r="M245" s="355"/>
    </row>
    <row r="246" spans="5:13" ht="5.25" customHeight="1">
      <c r="E246" s="355"/>
      <c r="F246" s="355"/>
      <c r="G246" s="355"/>
      <c r="H246" s="355"/>
      <c r="I246" s="355"/>
      <c r="J246" s="355"/>
      <c r="K246" s="355"/>
      <c r="L246" s="355"/>
      <c r="M246" s="355"/>
    </row>
    <row r="247" spans="5:13" ht="5.25" customHeight="1">
      <c r="E247" s="355"/>
      <c r="F247" s="355"/>
      <c r="G247" s="355"/>
      <c r="H247" s="355"/>
      <c r="I247" s="355"/>
      <c r="J247" s="355"/>
      <c r="K247" s="355"/>
      <c r="L247" s="355"/>
      <c r="M247" s="355"/>
    </row>
    <row r="248" spans="5:13" ht="5.25" customHeight="1">
      <c r="E248" s="355"/>
      <c r="F248" s="355"/>
      <c r="G248" s="355"/>
      <c r="H248" s="355"/>
      <c r="I248" s="355"/>
      <c r="J248" s="355"/>
      <c r="K248" s="355"/>
      <c r="L248" s="355"/>
      <c r="M248" s="355"/>
    </row>
    <row r="249" spans="5:13" ht="5.25" customHeight="1">
      <c r="E249" s="355"/>
      <c r="F249" s="355"/>
      <c r="G249" s="355"/>
      <c r="H249" s="355"/>
      <c r="I249" s="355"/>
      <c r="J249" s="355"/>
      <c r="K249" s="355"/>
      <c r="L249" s="355"/>
      <c r="M249" s="355"/>
    </row>
    <row r="250" spans="5:13" ht="5.25" customHeight="1">
      <c r="E250" s="355"/>
      <c r="F250" s="355"/>
      <c r="G250" s="355"/>
      <c r="H250" s="355"/>
      <c r="I250" s="355"/>
      <c r="J250" s="355"/>
      <c r="K250" s="355"/>
      <c r="L250" s="355"/>
      <c r="M250" s="355"/>
    </row>
    <row r="251" spans="5:13" ht="5.25" customHeight="1">
      <c r="E251" s="355"/>
      <c r="F251" s="355"/>
      <c r="G251" s="355"/>
      <c r="H251" s="355"/>
      <c r="I251" s="355"/>
      <c r="J251" s="355"/>
      <c r="K251" s="355"/>
      <c r="L251" s="355"/>
      <c r="M251" s="355"/>
    </row>
    <row r="252" spans="5:13" ht="5.25" customHeight="1">
      <c r="E252" s="355"/>
      <c r="F252" s="355"/>
      <c r="G252" s="355"/>
      <c r="H252" s="355"/>
      <c r="I252" s="355"/>
      <c r="J252" s="355"/>
      <c r="K252" s="355"/>
      <c r="L252" s="355"/>
      <c r="M252" s="355"/>
    </row>
    <row r="253" spans="5:13" ht="5.25" customHeight="1">
      <c r="E253" s="355"/>
      <c r="F253" s="355"/>
      <c r="G253" s="355"/>
      <c r="H253" s="355"/>
      <c r="I253" s="355"/>
      <c r="J253" s="355"/>
      <c r="K253" s="355"/>
      <c r="L253" s="355"/>
      <c r="M253" s="355"/>
    </row>
    <row r="254" spans="5:13" ht="5.25" customHeight="1">
      <c r="E254" s="355"/>
      <c r="F254" s="355"/>
      <c r="G254" s="355"/>
      <c r="H254" s="355"/>
      <c r="I254" s="355"/>
      <c r="J254" s="355"/>
      <c r="K254" s="355"/>
      <c r="L254" s="355"/>
      <c r="M254" s="355"/>
    </row>
    <row r="255" spans="5:13" ht="5.25" customHeight="1">
      <c r="E255" s="355"/>
      <c r="F255" s="355"/>
      <c r="G255" s="355"/>
      <c r="H255" s="355"/>
      <c r="I255" s="355"/>
      <c r="J255" s="355"/>
      <c r="K255" s="355"/>
      <c r="L255" s="355"/>
      <c r="M255" s="355"/>
    </row>
    <row r="256" spans="5:13" ht="5.25" customHeight="1">
      <c r="E256" s="355"/>
      <c r="F256" s="355"/>
      <c r="G256" s="355"/>
      <c r="H256" s="355"/>
      <c r="I256" s="355"/>
      <c r="J256" s="355"/>
      <c r="K256" s="355"/>
      <c r="L256" s="355"/>
      <c r="M256" s="355"/>
    </row>
    <row r="257" spans="1:13" ht="5.25" customHeight="1">
      <c r="E257" s="355"/>
      <c r="F257" s="355"/>
      <c r="G257" s="355"/>
      <c r="H257" s="355"/>
      <c r="I257" s="355"/>
      <c r="J257" s="355"/>
      <c r="K257" s="355"/>
      <c r="L257" s="355"/>
      <c r="M257" s="355"/>
    </row>
    <row r="258" spans="1:13" ht="5.25" customHeight="1">
      <c r="E258" s="355"/>
      <c r="F258" s="355"/>
      <c r="G258" s="355"/>
      <c r="H258" s="355"/>
      <c r="I258" s="355"/>
      <c r="J258" s="355"/>
      <c r="K258" s="355"/>
      <c r="L258" s="355"/>
      <c r="M258" s="355"/>
    </row>
    <row r="259" spans="1:13" ht="5.25" customHeight="1">
      <c r="E259" s="355"/>
      <c r="F259" s="355"/>
      <c r="G259" s="355"/>
      <c r="H259" s="355"/>
      <c r="I259" s="355"/>
      <c r="J259" s="355"/>
      <c r="K259" s="355"/>
      <c r="L259" s="355"/>
      <c r="M259" s="355"/>
    </row>
    <row r="260" spans="1:13" ht="5.25" customHeight="1">
      <c r="E260" s="355"/>
      <c r="F260" s="355"/>
      <c r="G260" s="355"/>
      <c r="H260" s="355"/>
      <c r="I260" s="355"/>
      <c r="J260" s="355"/>
      <c r="K260" s="355"/>
      <c r="L260" s="355"/>
      <c r="M260" s="355"/>
    </row>
    <row r="261" spans="1:13" ht="5.25" customHeight="1">
      <c r="E261" s="355"/>
      <c r="F261" s="355"/>
      <c r="G261" s="355"/>
      <c r="H261" s="355"/>
      <c r="I261" s="355"/>
      <c r="J261" s="355"/>
      <c r="K261" s="355"/>
      <c r="L261" s="355"/>
      <c r="M261" s="355"/>
    </row>
    <row r="262" spans="1:13" ht="5.25" customHeight="1">
      <c r="E262" s="355"/>
      <c r="F262" s="355"/>
      <c r="G262" s="355"/>
      <c r="H262" s="355"/>
      <c r="I262" s="355"/>
      <c r="J262" s="355"/>
      <c r="K262" s="355"/>
      <c r="L262" s="355"/>
      <c r="M262" s="355"/>
    </row>
    <row r="263" spans="1:13" ht="5.25" customHeight="1">
      <c r="E263" s="355"/>
      <c r="F263" s="355"/>
      <c r="G263" s="355"/>
      <c r="H263" s="355"/>
      <c r="I263" s="355"/>
      <c r="J263" s="355"/>
      <c r="K263" s="355"/>
      <c r="L263" s="355"/>
      <c r="M263" s="355"/>
    </row>
    <row r="264" spans="1:13" ht="5.25" customHeight="1">
      <c r="E264" s="355"/>
      <c r="F264" s="355"/>
      <c r="G264" s="355"/>
      <c r="H264" s="355"/>
      <c r="I264" s="355"/>
      <c r="J264" s="355"/>
      <c r="K264" s="355"/>
      <c r="L264" s="355"/>
      <c r="M264" s="355"/>
    </row>
    <row r="265" spans="1:13" ht="5.25" customHeight="1">
      <c r="E265" s="355"/>
      <c r="F265" s="355"/>
      <c r="G265" s="355"/>
      <c r="H265" s="355"/>
      <c r="I265" s="355"/>
      <c r="J265" s="355"/>
      <c r="K265" s="355"/>
      <c r="L265" s="355"/>
      <c r="M265" s="355"/>
    </row>
    <row r="266" spans="1:13" ht="5.25" customHeight="1">
      <c r="A266" s="355"/>
      <c r="B266" s="355"/>
      <c r="E266" s="355"/>
      <c r="F266" s="355"/>
      <c r="G266" s="355"/>
      <c r="H266" s="355"/>
      <c r="I266" s="355"/>
      <c r="J266" s="355"/>
      <c r="K266" s="355"/>
      <c r="L266" s="355"/>
      <c r="M266" s="355"/>
    </row>
    <row r="267" spans="1:13" ht="5.25" customHeight="1">
      <c r="A267" s="355"/>
      <c r="B267" s="355"/>
      <c r="C267" s="355"/>
      <c r="D267" s="355"/>
      <c r="E267" s="355"/>
      <c r="F267" s="355"/>
      <c r="G267" s="355"/>
      <c r="H267" s="355"/>
      <c r="I267" s="355"/>
      <c r="J267" s="355"/>
      <c r="K267" s="355"/>
      <c r="L267" s="355"/>
      <c r="M267" s="355"/>
    </row>
    <row r="268" spans="1:13" ht="5.25" customHeight="1">
      <c r="A268" s="355"/>
      <c r="B268" s="355"/>
      <c r="C268" s="355"/>
      <c r="D268" s="355"/>
      <c r="E268" s="355"/>
      <c r="F268" s="355"/>
      <c r="G268" s="355"/>
      <c r="H268" s="355"/>
      <c r="I268" s="355"/>
      <c r="J268" s="355"/>
      <c r="K268" s="355"/>
      <c r="L268" s="355"/>
      <c r="M268" s="355"/>
    </row>
    <row r="269" spans="1:13" ht="5.25" customHeight="1">
      <c r="A269" s="355"/>
      <c r="B269" s="355"/>
      <c r="C269" s="355"/>
      <c r="D269" s="355"/>
      <c r="E269" s="355"/>
      <c r="F269" s="355"/>
      <c r="G269" s="355"/>
      <c r="H269" s="355"/>
      <c r="I269" s="355"/>
      <c r="J269" s="355"/>
      <c r="K269" s="355"/>
      <c r="L269" s="355"/>
      <c r="M269" s="355"/>
    </row>
    <row r="270" spans="1:13" ht="5.25" customHeight="1">
      <c r="A270" s="355"/>
      <c r="B270" s="355"/>
      <c r="C270" s="355"/>
      <c r="D270" s="355"/>
      <c r="E270" s="355"/>
      <c r="F270" s="355"/>
      <c r="G270" s="355"/>
      <c r="H270" s="355"/>
      <c r="I270" s="355"/>
      <c r="J270" s="355"/>
      <c r="K270" s="355"/>
      <c r="L270" s="355"/>
      <c r="M270" s="355"/>
    </row>
    <row r="271" spans="1:13" ht="5.25" customHeight="1">
      <c r="A271" s="355"/>
      <c r="B271" s="355"/>
      <c r="C271" s="355"/>
      <c r="D271" s="355"/>
      <c r="E271" s="355"/>
      <c r="F271" s="355"/>
      <c r="G271" s="355"/>
      <c r="H271" s="355"/>
    </row>
    <row r="272" spans="1:13" ht="5.25" customHeight="1">
      <c r="A272" s="355"/>
      <c r="B272" s="355"/>
      <c r="C272" s="355"/>
      <c r="D272" s="355"/>
      <c r="E272" s="355"/>
      <c r="F272" s="355"/>
      <c r="G272" s="355"/>
      <c r="H272" s="355"/>
    </row>
    <row r="273" spans="1:8" ht="5.25" customHeight="1">
      <c r="A273" s="355"/>
      <c r="B273" s="355"/>
      <c r="C273" s="355"/>
      <c r="D273" s="355"/>
      <c r="E273" s="355"/>
      <c r="F273" s="355"/>
      <c r="G273" s="355"/>
      <c r="H273" s="355"/>
    </row>
    <row r="274" spans="1:8" ht="5.25" customHeight="1">
      <c r="A274" s="355"/>
      <c r="B274" s="355"/>
      <c r="C274" s="355"/>
      <c r="D274" s="355"/>
      <c r="E274" s="355"/>
      <c r="F274" s="355"/>
      <c r="G274" s="355"/>
      <c r="H274" s="355"/>
    </row>
    <row r="275" spans="1:8" ht="5.25" customHeight="1">
      <c r="A275" s="355"/>
      <c r="B275" s="355"/>
      <c r="C275" s="355"/>
      <c r="D275" s="355"/>
      <c r="E275" s="355"/>
      <c r="F275" s="355"/>
    </row>
    <row r="276" spans="1:8" ht="5.25" customHeight="1">
      <c r="A276" s="355"/>
      <c r="B276" s="355"/>
      <c r="C276" s="355"/>
      <c r="D276" s="355"/>
      <c r="E276" s="355"/>
      <c r="F276" s="355"/>
    </row>
    <row r="277" spans="1:8" ht="5.25" customHeight="1">
      <c r="C277" s="355"/>
      <c r="D277" s="355"/>
    </row>
  </sheetData>
  <mergeCells count="417">
    <mergeCell ref="AY183:BA186"/>
    <mergeCell ref="AT120:AW121"/>
    <mergeCell ref="AO122:AS123"/>
    <mergeCell ref="AT122:AW123"/>
    <mergeCell ref="AO130:AS131"/>
    <mergeCell ref="AT130:AW131"/>
    <mergeCell ref="AO132:AS133"/>
    <mergeCell ref="AT132:AW133"/>
    <mergeCell ref="AO140:AS141"/>
    <mergeCell ref="AT140:AW141"/>
    <mergeCell ref="AY179:BA182"/>
    <mergeCell ref="AD175:AO176"/>
    <mergeCell ref="AP175:AX176"/>
    <mergeCell ref="AY175:BA178"/>
    <mergeCell ref="AV185:AX186"/>
    <mergeCell ref="AM146:AR148"/>
    <mergeCell ref="AS153:AW157"/>
    <mergeCell ref="AT149:AW150"/>
    <mergeCell ref="AT151:AW152"/>
    <mergeCell ref="AT158:AW159"/>
    <mergeCell ref="AP179:AR182"/>
    <mergeCell ref="AS179:AU182"/>
    <mergeCell ref="AV179:AX182"/>
    <mergeCell ref="AG185:AI186"/>
    <mergeCell ref="CG179:CH182"/>
    <mergeCell ref="CG183:CH186"/>
    <mergeCell ref="BP171:BS174"/>
    <mergeCell ref="BP175:BS178"/>
    <mergeCell ref="BP179:BS182"/>
    <mergeCell ref="BP183:BS186"/>
    <mergeCell ref="BP187:BS190"/>
    <mergeCell ref="BF151:BO154"/>
    <mergeCell ref="BT171:CF174"/>
    <mergeCell ref="BT175:CF178"/>
    <mergeCell ref="BT179:CF182"/>
    <mergeCell ref="BT183:CF186"/>
    <mergeCell ref="BT187:CF190"/>
    <mergeCell ref="BC125:BO128"/>
    <mergeCell ref="CG187:CH190"/>
    <mergeCell ref="BF155:BO158"/>
    <mergeCell ref="BF159:BO162"/>
    <mergeCell ref="BF163:BO166"/>
    <mergeCell ref="BF167:BO170"/>
    <mergeCell ref="BF171:BO174"/>
    <mergeCell ref="BF175:BO178"/>
    <mergeCell ref="BF179:BO182"/>
    <mergeCell ref="BF183:BO186"/>
    <mergeCell ref="BF187:BO190"/>
    <mergeCell ref="BP159:BS162"/>
    <mergeCell ref="BP163:BS166"/>
    <mergeCell ref="BP167:BS170"/>
    <mergeCell ref="BT159:CF162"/>
    <mergeCell ref="BT163:CF166"/>
    <mergeCell ref="BT167:CF170"/>
    <mergeCell ref="CG151:CH154"/>
    <mergeCell ref="CG155:CH158"/>
    <mergeCell ref="CG159:CH162"/>
    <mergeCell ref="CG163:CH166"/>
    <mergeCell ref="CG167:CH170"/>
    <mergeCell ref="CG171:CH174"/>
    <mergeCell ref="CG175:CH178"/>
    <mergeCell ref="BP125:BS128"/>
    <mergeCell ref="BP129:BS132"/>
    <mergeCell ref="BP133:BS136"/>
    <mergeCell ref="BP137:BS140"/>
    <mergeCell ref="BP141:BS144"/>
    <mergeCell ref="BT125:CF128"/>
    <mergeCell ref="BT129:CF132"/>
    <mergeCell ref="BT133:CF136"/>
    <mergeCell ref="BT137:CF140"/>
    <mergeCell ref="BT141:CF144"/>
    <mergeCell ref="CG141:CH144"/>
    <mergeCell ref="AY145:CH148"/>
    <mergeCell ref="BP151:BS154"/>
    <mergeCell ref="BP155:BS158"/>
    <mergeCell ref="BT151:CF154"/>
    <mergeCell ref="BT155:CF158"/>
    <mergeCell ref="BM137:BO140"/>
    <mergeCell ref="BK137:BL140"/>
    <mergeCell ref="BC137:BJ140"/>
    <mergeCell ref="CG105:CH108"/>
    <mergeCell ref="CG109:CH112"/>
    <mergeCell ref="CG113:CH116"/>
    <mergeCell ref="CG117:CH120"/>
    <mergeCell ref="CG121:CH124"/>
    <mergeCell ref="CG125:CH128"/>
    <mergeCell ref="CG129:CH132"/>
    <mergeCell ref="CG133:CH136"/>
    <mergeCell ref="CG137:CH140"/>
    <mergeCell ref="BC89:BO92"/>
    <mergeCell ref="BC93:BO96"/>
    <mergeCell ref="BC97:BO100"/>
    <mergeCell ref="BC101:BO104"/>
    <mergeCell ref="BC105:BO108"/>
    <mergeCell ref="BC109:BO112"/>
    <mergeCell ref="BC113:BO116"/>
    <mergeCell ref="BC117:BO120"/>
    <mergeCell ref="BC121:BO124"/>
    <mergeCell ref="V68:AD71"/>
    <mergeCell ref="BP64:CH67"/>
    <mergeCell ref="BE68:BM75"/>
    <mergeCell ref="CG68:CH71"/>
    <mergeCell ref="BT68:CF71"/>
    <mergeCell ref="BT72:CH75"/>
    <mergeCell ref="BC129:BO132"/>
    <mergeCell ref="BC133:BO136"/>
    <mergeCell ref="BC141:BO144"/>
    <mergeCell ref="N99:AN102"/>
    <mergeCell ref="AH93:AQ94"/>
    <mergeCell ref="AH95:AQ98"/>
    <mergeCell ref="Q103:T106"/>
    <mergeCell ref="I93:AG94"/>
    <mergeCell ref="AY89:BB144"/>
    <mergeCell ref="I144:Y145"/>
    <mergeCell ref="I89:AG92"/>
    <mergeCell ref="AH89:AQ92"/>
    <mergeCell ref="I116:Y119"/>
    <mergeCell ref="AD116:AL119"/>
    <mergeCell ref="AM116:AR119"/>
    <mergeCell ref="I120:M123"/>
    <mergeCell ref="N120:AN123"/>
    <mergeCell ref="H68:J75"/>
    <mergeCell ref="K68:R71"/>
    <mergeCell ref="K72:R75"/>
    <mergeCell ref="H84:BO87"/>
    <mergeCell ref="AT76:BD79"/>
    <mergeCell ref="BT44:CH47"/>
    <mergeCell ref="H64:R67"/>
    <mergeCell ref="AG64:AP67"/>
    <mergeCell ref="AQ64:BD67"/>
    <mergeCell ref="BE64:BO67"/>
    <mergeCell ref="AE68:AF71"/>
    <mergeCell ref="BP80:BS83"/>
    <mergeCell ref="BP72:BS75"/>
    <mergeCell ref="S76:U79"/>
    <mergeCell ref="V76:AF79"/>
    <mergeCell ref="AQ76:AS79"/>
    <mergeCell ref="AQ72:AS75"/>
    <mergeCell ref="AO68:AP71"/>
    <mergeCell ref="AG68:AN71"/>
    <mergeCell ref="BC68:BD71"/>
    <mergeCell ref="AT68:BB71"/>
    <mergeCell ref="BN68:BO75"/>
    <mergeCell ref="V72:AF75"/>
    <mergeCell ref="BP76:BS79"/>
    <mergeCell ref="BA56:BO59"/>
    <mergeCell ref="CG32:CH35"/>
    <mergeCell ref="BT32:CF35"/>
    <mergeCell ref="E32:G87"/>
    <mergeCell ref="BP52:BS55"/>
    <mergeCell ref="BT52:CH55"/>
    <mergeCell ref="BP68:BS71"/>
    <mergeCell ref="BT76:CH79"/>
    <mergeCell ref="H80:BO83"/>
    <mergeCell ref="AL56:AZ59"/>
    <mergeCell ref="BA36:BO39"/>
    <mergeCell ref="BA40:BO43"/>
    <mergeCell ref="AL44:AZ47"/>
    <mergeCell ref="H40:R43"/>
    <mergeCell ref="K36:R39"/>
    <mergeCell ref="S36:V39"/>
    <mergeCell ref="H56:J63"/>
    <mergeCell ref="BE76:BO79"/>
    <mergeCell ref="S64:AF67"/>
    <mergeCell ref="S68:U71"/>
    <mergeCell ref="S72:U75"/>
    <mergeCell ref="BP48:BS51"/>
    <mergeCell ref="AG76:AP79"/>
    <mergeCell ref="H76:R79"/>
    <mergeCell ref="AQ68:AS71"/>
    <mergeCell ref="BU12:CH15"/>
    <mergeCell ref="BK20:CH25"/>
    <mergeCell ref="BH16:BY19"/>
    <mergeCell ref="CD16:CH19"/>
    <mergeCell ref="BH12:BO15"/>
    <mergeCell ref="K56:R59"/>
    <mergeCell ref="BP36:BS39"/>
    <mergeCell ref="BT36:CH39"/>
    <mergeCell ref="BP12:BT15"/>
    <mergeCell ref="O11:S17"/>
    <mergeCell ref="BT40:CH43"/>
    <mergeCell ref="BP44:BS47"/>
    <mergeCell ref="BH8:CH11"/>
    <mergeCell ref="BP56:BS63"/>
    <mergeCell ref="BT56:CH63"/>
    <mergeCell ref="BP32:BS35"/>
    <mergeCell ref="BT48:CH51"/>
    <mergeCell ref="AS8:BB10"/>
    <mergeCell ref="S28:AK31"/>
    <mergeCell ref="AL28:AZ31"/>
    <mergeCell ref="H44:R47"/>
    <mergeCell ref="H32:J39"/>
    <mergeCell ref="BN32:BO35"/>
    <mergeCell ref="BA60:BO63"/>
    <mergeCell ref="H48:R51"/>
    <mergeCell ref="H52:R55"/>
    <mergeCell ref="K32:R35"/>
    <mergeCell ref="W60:AK63"/>
    <mergeCell ref="AL60:AZ63"/>
    <mergeCell ref="BA28:BO31"/>
    <mergeCell ref="BA32:BM35"/>
    <mergeCell ref="W44:AK47"/>
    <mergeCell ref="W48:AK51"/>
    <mergeCell ref="W36:AK39"/>
    <mergeCell ref="BA44:BO47"/>
    <mergeCell ref="AL36:AZ39"/>
    <mergeCell ref="S48:V51"/>
    <mergeCell ref="AL52:AZ55"/>
    <mergeCell ref="W40:AK43"/>
    <mergeCell ref="BA52:BO55"/>
    <mergeCell ref="AL48:AZ51"/>
    <mergeCell ref="BA48:BO51"/>
    <mergeCell ref="S32:V35"/>
    <mergeCell ref="AL40:AZ43"/>
    <mergeCell ref="W52:AK55"/>
    <mergeCell ref="S52:V55"/>
    <mergeCell ref="K60:R63"/>
    <mergeCell ref="S56:V59"/>
    <mergeCell ref="S60:V63"/>
    <mergeCell ref="W56:AK59"/>
    <mergeCell ref="AJ32:AK35"/>
    <mergeCell ref="W32:AI35"/>
    <mergeCell ref="AY32:AZ35"/>
    <mergeCell ref="AL32:AX35"/>
    <mergeCell ref="E28:R31"/>
    <mergeCell ref="S40:V43"/>
    <mergeCell ref="S44:V47"/>
    <mergeCell ref="T11:AR17"/>
    <mergeCell ref="BP28:CH31"/>
    <mergeCell ref="I95:AG98"/>
    <mergeCell ref="AG72:AP75"/>
    <mergeCell ref="AT72:BD75"/>
    <mergeCell ref="BP40:BS43"/>
    <mergeCell ref="E1:AY6"/>
    <mergeCell ref="BL1:CC6"/>
    <mergeCell ref="AZ1:BK3"/>
    <mergeCell ref="AZ4:BK6"/>
    <mergeCell ref="BZ16:CC19"/>
    <mergeCell ref="E18:N25"/>
    <mergeCell ref="O18:S25"/>
    <mergeCell ref="T18:BB25"/>
    <mergeCell ref="BC20:BJ25"/>
    <mergeCell ref="O8:S10"/>
    <mergeCell ref="T8:AR10"/>
    <mergeCell ref="AS11:BB13"/>
    <mergeCell ref="BC12:BG15"/>
    <mergeCell ref="AS14:BB17"/>
    <mergeCell ref="BC16:BG19"/>
    <mergeCell ref="E11:N17"/>
    <mergeCell ref="AR93:AW94"/>
    <mergeCell ref="AR95:AW98"/>
    <mergeCell ref="BC8:BG11"/>
    <mergeCell ref="E89:H106"/>
    <mergeCell ref="I103:P106"/>
    <mergeCell ref="AR89:AW92"/>
    <mergeCell ref="I99:M102"/>
    <mergeCell ref="E107:AW109"/>
    <mergeCell ref="AI103:AJ106"/>
    <mergeCell ref="AK103:AW106"/>
    <mergeCell ref="AT101:AW102"/>
    <mergeCell ref="AT99:AW100"/>
    <mergeCell ref="AO99:AS100"/>
    <mergeCell ref="AO101:AS102"/>
    <mergeCell ref="AG103:AH106"/>
    <mergeCell ref="U103:AF106"/>
    <mergeCell ref="Z124:AC129"/>
    <mergeCell ref="AD124:AL125"/>
    <mergeCell ref="AM124:AR125"/>
    <mergeCell ref="AS124:AW129"/>
    <mergeCell ref="I126:Y129"/>
    <mergeCell ref="AD126:AL129"/>
    <mergeCell ref="AM126:AR129"/>
    <mergeCell ref="AO120:AS121"/>
    <mergeCell ref="CG80:CH83"/>
    <mergeCell ref="BT80:CF83"/>
    <mergeCell ref="CG84:CH87"/>
    <mergeCell ref="BT84:CF87"/>
    <mergeCell ref="BP84:BS87"/>
    <mergeCell ref="BP89:BS92"/>
    <mergeCell ref="BP93:BS96"/>
    <mergeCell ref="BP97:BS100"/>
    <mergeCell ref="BP101:BS104"/>
    <mergeCell ref="CG89:CH92"/>
    <mergeCell ref="CG93:CH96"/>
    <mergeCell ref="CG97:CH100"/>
    <mergeCell ref="CG101:CH104"/>
    <mergeCell ref="BP105:BS108"/>
    <mergeCell ref="BP109:BS112"/>
    <mergeCell ref="BP113:BS116"/>
    <mergeCell ref="BP117:BS120"/>
    <mergeCell ref="BP121:BS124"/>
    <mergeCell ref="BT89:CF92"/>
    <mergeCell ref="BT93:CF96"/>
    <mergeCell ref="BT97:CF100"/>
    <mergeCell ref="BT101:CF104"/>
    <mergeCell ref="BT105:CF108"/>
    <mergeCell ref="BT109:CF112"/>
    <mergeCell ref="BT113:CF116"/>
    <mergeCell ref="BT117:CF120"/>
    <mergeCell ref="BT121:CF124"/>
    <mergeCell ref="B175:V176"/>
    <mergeCell ref="B177:V183"/>
    <mergeCell ref="B184:C190"/>
    <mergeCell ref="D184:H190"/>
    <mergeCell ref="I184:J190"/>
    <mergeCell ref="K184:O190"/>
    <mergeCell ref="P184:Q190"/>
    <mergeCell ref="R184:V190"/>
    <mergeCell ref="X183:AR184"/>
    <mergeCell ref="AS183:AX184"/>
    <mergeCell ref="AS185:AU186"/>
    <mergeCell ref="X175:AC176"/>
    <mergeCell ref="X185:Z186"/>
    <mergeCell ref="AA185:AC186"/>
    <mergeCell ref="AD185:AF186"/>
    <mergeCell ref="X179:Z182"/>
    <mergeCell ref="AA179:AC182"/>
    <mergeCell ref="AD179:AF182"/>
    <mergeCell ref="AG179:AI182"/>
    <mergeCell ref="AJ179:AL182"/>
    <mergeCell ref="AM179:AO182"/>
    <mergeCell ref="AM185:AO186"/>
    <mergeCell ref="AJ185:AL186"/>
    <mergeCell ref="AP185:AR186"/>
    <mergeCell ref="AY187:BA190"/>
    <mergeCell ref="BB187:BD190"/>
    <mergeCell ref="B172:BD173"/>
    <mergeCell ref="X187:Z190"/>
    <mergeCell ref="AA187:AC190"/>
    <mergeCell ref="AD187:AF190"/>
    <mergeCell ref="AG187:AI190"/>
    <mergeCell ref="AJ187:AL190"/>
    <mergeCell ref="AM187:AO190"/>
    <mergeCell ref="AP187:AR190"/>
    <mergeCell ref="AS187:AU190"/>
    <mergeCell ref="AV187:AX190"/>
    <mergeCell ref="BB175:BD178"/>
    <mergeCell ref="X177:Z178"/>
    <mergeCell ref="AA177:AC178"/>
    <mergeCell ref="AD177:AF178"/>
    <mergeCell ref="AG177:AI178"/>
    <mergeCell ref="AJ177:AL178"/>
    <mergeCell ref="AM177:AO178"/>
    <mergeCell ref="AP177:AR178"/>
    <mergeCell ref="AS177:AU178"/>
    <mergeCell ref="AV177:AX178"/>
    <mergeCell ref="BB179:BD182"/>
    <mergeCell ref="BB183:BD186"/>
    <mergeCell ref="E110:G143"/>
    <mergeCell ref="H110:H123"/>
    <mergeCell ref="I110:Y113"/>
    <mergeCell ref="Z110:AC113"/>
    <mergeCell ref="AD110:AL113"/>
    <mergeCell ref="AM110:AR113"/>
    <mergeCell ref="AS110:AW113"/>
    <mergeCell ref="I114:Y115"/>
    <mergeCell ref="Z114:AC119"/>
    <mergeCell ref="AD114:AL115"/>
    <mergeCell ref="AM114:AR115"/>
    <mergeCell ref="AS114:AW119"/>
    <mergeCell ref="I130:M133"/>
    <mergeCell ref="N130:AN133"/>
    <mergeCell ref="H124:H133"/>
    <mergeCell ref="I124:Y125"/>
    <mergeCell ref="H134:H143"/>
    <mergeCell ref="I134:Y135"/>
    <mergeCell ref="Z134:AC139"/>
    <mergeCell ref="AD134:AL135"/>
    <mergeCell ref="AM134:AR135"/>
    <mergeCell ref="AS134:AW139"/>
    <mergeCell ref="I136:Y139"/>
    <mergeCell ref="AD136:AL139"/>
    <mergeCell ref="E144:G170"/>
    <mergeCell ref="H144:H152"/>
    <mergeCell ref="Z144:AC148"/>
    <mergeCell ref="AD144:AL145"/>
    <mergeCell ref="AM144:AR145"/>
    <mergeCell ref="AS144:AW148"/>
    <mergeCell ref="AD155:AL157"/>
    <mergeCell ref="AM155:AR157"/>
    <mergeCell ref="I158:M161"/>
    <mergeCell ref="AD146:AL148"/>
    <mergeCell ref="AT160:AW161"/>
    <mergeCell ref="H153:H161"/>
    <mergeCell ref="N158:AN161"/>
    <mergeCell ref="H162:H170"/>
    <mergeCell ref="Z162:AC166"/>
    <mergeCell ref="AD162:AL163"/>
    <mergeCell ref="AM162:AR163"/>
    <mergeCell ref="AS162:AW166"/>
    <mergeCell ref="AD164:AL166"/>
    <mergeCell ref="AM164:AR166"/>
    <mergeCell ref="I167:M170"/>
    <mergeCell ref="N167:AN170"/>
    <mergeCell ref="I162:Y163"/>
    <mergeCell ref="I164:Y166"/>
    <mergeCell ref="AO167:AS168"/>
    <mergeCell ref="AT167:AW168"/>
    <mergeCell ref="AO169:AS170"/>
    <mergeCell ref="AT169:AW170"/>
    <mergeCell ref="AM136:AR139"/>
    <mergeCell ref="I140:M143"/>
    <mergeCell ref="N140:AN143"/>
    <mergeCell ref="AO142:AS143"/>
    <mergeCell ref="AT142:AW143"/>
    <mergeCell ref="I149:M152"/>
    <mergeCell ref="N149:AN152"/>
    <mergeCell ref="I146:Y148"/>
    <mergeCell ref="I153:Y154"/>
    <mergeCell ref="Z153:AC157"/>
    <mergeCell ref="AD153:AL154"/>
    <mergeCell ref="I155:Y157"/>
    <mergeCell ref="AM153:AR154"/>
    <mergeCell ref="AO149:AS150"/>
    <mergeCell ref="AO151:AS152"/>
    <mergeCell ref="AO158:AS159"/>
    <mergeCell ref="AO160:AS161"/>
  </mergeCells>
  <phoneticPr fontId="2"/>
  <printOptions horizontalCentered="1"/>
  <pageMargins left="0.39370078740157483" right="0.39370078740157483" top="0" bottom="0" header="0" footer="0"/>
  <pageSetup paperSize="9" scale="90" orientation="portrait"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BO179"/>
  <sheetViews>
    <sheetView tabSelected="1" view="pageBreakPreview" zoomScaleNormal="100" zoomScaleSheetLayoutView="100" workbookViewId="0">
      <selection activeCell="AO93" sqref="AO93"/>
    </sheetView>
  </sheetViews>
  <sheetFormatPr defaultColWidth="1.5" defaultRowHeight="5.25" customHeight="1"/>
  <cols>
    <col min="1" max="1" width="1.5" style="343" customWidth="1"/>
    <col min="2" max="63" width="1.5" style="345" customWidth="1"/>
    <col min="64" max="65" width="1.5" style="343" customWidth="1"/>
    <col min="66" max="16384" width="1.5" style="343"/>
  </cols>
  <sheetData>
    <row r="1" spans="1:65" ht="5.25" customHeight="1">
      <c r="A1" s="365"/>
      <c r="B1" s="374"/>
      <c r="C1" s="374"/>
      <c r="D1" s="2217" t="s">
        <v>305</v>
      </c>
      <c r="E1" s="2217"/>
      <c r="F1" s="2217"/>
      <c r="G1" s="2217"/>
      <c r="H1" s="2217"/>
      <c r="I1" s="2217"/>
      <c r="J1" s="2217"/>
      <c r="K1" s="2217"/>
      <c r="L1" s="2217"/>
      <c r="M1" s="2217"/>
      <c r="N1" s="2217"/>
      <c r="O1" s="2217"/>
      <c r="P1" s="2217"/>
      <c r="Q1" s="2217"/>
      <c r="R1" s="2217"/>
      <c r="S1" s="2217"/>
      <c r="T1" s="2217"/>
      <c r="U1" s="2217"/>
      <c r="V1" s="2217"/>
      <c r="W1" s="383"/>
      <c r="X1" s="383"/>
      <c r="Y1" s="383"/>
      <c r="AD1" s="2217" t="s">
        <v>328</v>
      </c>
      <c r="AE1" s="2217"/>
      <c r="AF1" s="2217"/>
      <c r="AG1" s="2217"/>
      <c r="AH1" s="2217"/>
      <c r="AI1" s="2217"/>
      <c r="AJ1" s="2217"/>
      <c r="AK1" s="2217"/>
      <c r="AL1" s="2217"/>
      <c r="AM1" s="2217"/>
      <c r="AN1" s="2217"/>
      <c r="AO1" s="2217"/>
      <c r="AP1" s="2217"/>
      <c r="AQ1" s="2217"/>
      <c r="AR1" s="2217"/>
      <c r="AS1" s="2217"/>
      <c r="AT1" s="2217"/>
      <c r="AU1" s="2217"/>
      <c r="AV1" s="2217"/>
      <c r="AW1" s="2217"/>
      <c r="AX1" s="2217"/>
      <c r="AY1" s="2217"/>
      <c r="AZ1" s="2217"/>
      <c r="BA1" s="2217"/>
      <c r="BB1" s="2217"/>
      <c r="BC1" s="2217"/>
      <c r="BD1" s="2217"/>
      <c r="BE1" s="2217"/>
      <c r="BF1" s="2217"/>
      <c r="BG1" s="2217"/>
      <c r="BH1" s="2217"/>
      <c r="BI1" s="2217"/>
      <c r="BJ1" s="2217"/>
      <c r="BK1" s="2217"/>
      <c r="BL1" s="2217"/>
      <c r="BM1" s="2217"/>
    </row>
    <row r="2" spans="1:65" ht="5.25" customHeight="1">
      <c r="A2" s="407"/>
      <c r="B2" s="407"/>
      <c r="C2" s="374"/>
      <c r="D2" s="2217"/>
      <c r="E2" s="2217"/>
      <c r="F2" s="2217"/>
      <c r="G2" s="2217"/>
      <c r="H2" s="2217"/>
      <c r="I2" s="2217"/>
      <c r="J2" s="2217"/>
      <c r="K2" s="2217"/>
      <c r="L2" s="2217"/>
      <c r="M2" s="2217"/>
      <c r="N2" s="2217"/>
      <c r="O2" s="2217"/>
      <c r="P2" s="2217"/>
      <c r="Q2" s="2217"/>
      <c r="R2" s="2217"/>
      <c r="S2" s="2217"/>
      <c r="T2" s="2217"/>
      <c r="U2" s="2217"/>
      <c r="V2" s="2217"/>
      <c r="W2" s="383"/>
      <c r="X2" s="383"/>
      <c r="Y2" s="383"/>
      <c r="AD2" s="2217"/>
      <c r="AE2" s="2217"/>
      <c r="AF2" s="2217"/>
      <c r="AG2" s="2217"/>
      <c r="AH2" s="2217"/>
      <c r="AI2" s="2217"/>
      <c r="AJ2" s="2217"/>
      <c r="AK2" s="2217"/>
      <c r="AL2" s="2217"/>
      <c r="AM2" s="2217"/>
      <c r="AN2" s="2217"/>
      <c r="AO2" s="2217"/>
      <c r="AP2" s="2217"/>
      <c r="AQ2" s="2217"/>
      <c r="AR2" s="2217"/>
      <c r="AS2" s="2217"/>
      <c r="AT2" s="2217"/>
      <c r="AU2" s="2217"/>
      <c r="AV2" s="2217"/>
      <c r="AW2" s="2217"/>
      <c r="AX2" s="2217"/>
      <c r="AY2" s="2217"/>
      <c r="AZ2" s="2217"/>
      <c r="BA2" s="2217"/>
      <c r="BB2" s="2217"/>
      <c r="BC2" s="2217"/>
      <c r="BD2" s="2217"/>
      <c r="BE2" s="2217"/>
      <c r="BF2" s="2217"/>
      <c r="BG2" s="2217"/>
      <c r="BH2" s="2217"/>
      <c r="BI2" s="2217"/>
      <c r="BJ2" s="2217"/>
      <c r="BK2" s="2217"/>
      <c r="BL2" s="2217"/>
      <c r="BM2" s="2217"/>
    </row>
    <row r="3" spans="1:65" ht="5.25" customHeight="1" thickBot="1">
      <c r="A3" s="407"/>
      <c r="B3" s="407"/>
      <c r="C3" s="374"/>
      <c r="D3" s="2217"/>
      <c r="E3" s="2217"/>
      <c r="F3" s="2217"/>
      <c r="G3" s="2217"/>
      <c r="H3" s="2217"/>
      <c r="I3" s="2217"/>
      <c r="J3" s="2217"/>
      <c r="K3" s="2217"/>
      <c r="L3" s="2217"/>
      <c r="M3" s="2217"/>
      <c r="N3" s="2217"/>
      <c r="O3" s="2217"/>
      <c r="P3" s="2217"/>
      <c r="Q3" s="2217"/>
      <c r="R3" s="2217"/>
      <c r="S3" s="2217"/>
      <c r="T3" s="2217"/>
      <c r="U3" s="2217"/>
      <c r="V3" s="2217"/>
      <c r="W3" s="383"/>
      <c r="X3" s="346"/>
      <c r="Y3" s="346"/>
      <c r="Z3" s="346"/>
      <c r="AA3" s="346"/>
      <c r="AB3" s="346"/>
      <c r="AD3" s="2218"/>
      <c r="AE3" s="2218"/>
      <c r="AF3" s="2218"/>
      <c r="AG3" s="2218"/>
      <c r="AH3" s="2218"/>
      <c r="AI3" s="2218"/>
      <c r="AJ3" s="2218"/>
      <c r="AK3" s="2218"/>
      <c r="AL3" s="2218"/>
      <c r="AM3" s="2218"/>
      <c r="AN3" s="2218"/>
      <c r="AO3" s="2218"/>
      <c r="AP3" s="2218"/>
      <c r="AQ3" s="2218"/>
      <c r="AR3" s="2218"/>
      <c r="AS3" s="2218"/>
      <c r="AT3" s="2218"/>
      <c r="AU3" s="2218"/>
      <c r="AV3" s="2218"/>
      <c r="AW3" s="2218"/>
      <c r="AX3" s="2218"/>
      <c r="AY3" s="2218"/>
      <c r="AZ3" s="2218"/>
      <c r="BA3" s="2218"/>
      <c r="BB3" s="2218"/>
      <c r="BC3" s="2218"/>
      <c r="BD3" s="2218"/>
      <c r="BE3" s="2218"/>
      <c r="BF3" s="2218"/>
      <c r="BG3" s="2218"/>
      <c r="BH3" s="2218"/>
      <c r="BI3" s="2218"/>
      <c r="BJ3" s="2218"/>
      <c r="BK3" s="2218"/>
      <c r="BL3" s="2218"/>
      <c r="BM3" s="2218"/>
    </row>
    <row r="4" spans="1:65" ht="5.25" customHeight="1">
      <c r="A4" s="407"/>
      <c r="B4" s="407"/>
      <c r="C4" s="384"/>
      <c r="D4" s="2346" t="s">
        <v>243</v>
      </c>
      <c r="E4" s="2347" t="s">
        <v>435</v>
      </c>
      <c r="F4" s="2347"/>
      <c r="G4" s="2347"/>
      <c r="H4" s="2347"/>
      <c r="I4" s="2347"/>
      <c r="J4" s="2347"/>
      <c r="K4" s="2347"/>
      <c r="L4" s="2347"/>
      <c r="M4" s="2347"/>
      <c r="N4" s="2347"/>
      <c r="O4" s="2347"/>
      <c r="P4" s="2347"/>
      <c r="Q4" s="2347"/>
      <c r="R4" s="2347"/>
      <c r="S4" s="2347"/>
      <c r="T4" s="2347"/>
      <c r="U4" s="2347"/>
      <c r="V4" s="2347"/>
      <c r="W4" s="2347"/>
      <c r="X4" s="2347"/>
      <c r="Y4" s="2347"/>
      <c r="Z4" s="2347"/>
      <c r="AA4" s="2350" t="s">
        <v>241</v>
      </c>
      <c r="AB4" s="343"/>
      <c r="AD4" s="2409" t="s">
        <v>402</v>
      </c>
      <c r="AE4" s="2410"/>
      <c r="AF4" s="2268" t="s">
        <v>330</v>
      </c>
      <c r="AG4" s="2268"/>
      <c r="AH4" s="2268"/>
      <c r="AI4" s="2071"/>
      <c r="AJ4" s="2071"/>
      <c r="AK4" s="2364"/>
      <c r="AL4" s="2365"/>
      <c r="AM4" s="2365"/>
      <c r="AN4" s="2365"/>
      <c r="AO4" s="2315" t="s">
        <v>294</v>
      </c>
      <c r="AP4" s="2321"/>
      <c r="AQ4" s="2272" t="s">
        <v>326</v>
      </c>
      <c r="AR4" s="2272"/>
      <c r="AS4" s="2272"/>
      <c r="AT4" s="2272"/>
      <c r="AU4" s="2272"/>
      <c r="AV4" s="2277"/>
      <c r="AW4" s="2278"/>
      <c r="AX4" s="2278"/>
      <c r="AY4" s="2278"/>
      <c r="AZ4" s="2315" t="s">
        <v>294</v>
      </c>
      <c r="BA4" s="2321"/>
      <c r="BB4" s="2269" t="s">
        <v>339</v>
      </c>
      <c r="BC4" s="2269"/>
      <c r="BD4" s="2269"/>
      <c r="BE4" s="2269"/>
      <c r="BF4" s="2269"/>
      <c r="BG4" s="2269"/>
      <c r="BH4" s="2277"/>
      <c r="BI4" s="2278"/>
      <c r="BJ4" s="2278"/>
      <c r="BK4" s="2278"/>
      <c r="BL4" s="2315" t="s">
        <v>4</v>
      </c>
      <c r="BM4" s="2316"/>
    </row>
    <row r="5" spans="1:65" ht="5.25" customHeight="1">
      <c r="A5" s="407"/>
      <c r="B5" s="407"/>
      <c r="C5" s="384"/>
      <c r="D5" s="2346"/>
      <c r="E5" s="2347"/>
      <c r="F5" s="2347"/>
      <c r="G5" s="2347"/>
      <c r="H5" s="2347"/>
      <c r="I5" s="2347"/>
      <c r="J5" s="2347"/>
      <c r="K5" s="2347"/>
      <c r="L5" s="2347"/>
      <c r="M5" s="2347"/>
      <c r="N5" s="2347"/>
      <c r="O5" s="2347"/>
      <c r="P5" s="2347"/>
      <c r="Q5" s="2347"/>
      <c r="R5" s="2347"/>
      <c r="S5" s="2347"/>
      <c r="T5" s="2347"/>
      <c r="U5" s="2347"/>
      <c r="V5" s="2347"/>
      <c r="W5" s="2347"/>
      <c r="X5" s="2347"/>
      <c r="Y5" s="2347"/>
      <c r="Z5" s="2347"/>
      <c r="AA5" s="2350"/>
      <c r="AB5" s="343"/>
      <c r="AD5" s="2411"/>
      <c r="AE5" s="2412"/>
      <c r="AF5" s="2072"/>
      <c r="AG5" s="2072"/>
      <c r="AH5" s="2072"/>
      <c r="AI5" s="2072"/>
      <c r="AJ5" s="2072"/>
      <c r="AK5" s="2366"/>
      <c r="AL5" s="2367"/>
      <c r="AM5" s="2367"/>
      <c r="AN5" s="2367"/>
      <c r="AO5" s="2317"/>
      <c r="AP5" s="2322"/>
      <c r="AQ5" s="2273"/>
      <c r="AR5" s="2273"/>
      <c r="AS5" s="2273"/>
      <c r="AT5" s="2273"/>
      <c r="AU5" s="2273"/>
      <c r="AV5" s="2279"/>
      <c r="AW5" s="2280"/>
      <c r="AX5" s="2280"/>
      <c r="AY5" s="2280"/>
      <c r="AZ5" s="2317"/>
      <c r="BA5" s="2322"/>
      <c r="BB5" s="2270"/>
      <c r="BC5" s="2270"/>
      <c r="BD5" s="2270"/>
      <c r="BE5" s="2270"/>
      <c r="BF5" s="2270"/>
      <c r="BG5" s="2270"/>
      <c r="BH5" s="2279"/>
      <c r="BI5" s="2280"/>
      <c r="BJ5" s="2280"/>
      <c r="BK5" s="2280"/>
      <c r="BL5" s="2317"/>
      <c r="BM5" s="2318"/>
    </row>
    <row r="6" spans="1:65" ht="5.25" customHeight="1">
      <c r="A6" s="407"/>
      <c r="B6" s="407"/>
      <c r="C6" s="384"/>
      <c r="D6" s="2346"/>
      <c r="E6" s="2347"/>
      <c r="F6" s="2347"/>
      <c r="G6" s="2347"/>
      <c r="H6" s="2347"/>
      <c r="I6" s="2347"/>
      <c r="J6" s="2347"/>
      <c r="K6" s="2347"/>
      <c r="L6" s="2347"/>
      <c r="M6" s="2347"/>
      <c r="N6" s="2347"/>
      <c r="O6" s="2347"/>
      <c r="P6" s="2347"/>
      <c r="Q6" s="2347"/>
      <c r="R6" s="2347"/>
      <c r="S6" s="2347"/>
      <c r="T6" s="2347"/>
      <c r="U6" s="2347"/>
      <c r="V6" s="2347"/>
      <c r="W6" s="2347"/>
      <c r="X6" s="2347"/>
      <c r="Y6" s="2347"/>
      <c r="Z6" s="2347"/>
      <c r="AA6" s="2350"/>
      <c r="AB6" s="343"/>
      <c r="AD6" s="2411"/>
      <c r="AE6" s="2412"/>
      <c r="AF6" s="2072"/>
      <c r="AG6" s="2072"/>
      <c r="AH6" s="2072"/>
      <c r="AI6" s="2072"/>
      <c r="AJ6" s="2072"/>
      <c r="AK6" s="2366"/>
      <c r="AL6" s="2367"/>
      <c r="AM6" s="2367"/>
      <c r="AN6" s="2367"/>
      <c r="AO6" s="2317"/>
      <c r="AP6" s="2322"/>
      <c r="AQ6" s="2273"/>
      <c r="AR6" s="2273"/>
      <c r="AS6" s="2273"/>
      <c r="AT6" s="2273"/>
      <c r="AU6" s="2273"/>
      <c r="AV6" s="2279"/>
      <c r="AW6" s="2280"/>
      <c r="AX6" s="2280"/>
      <c r="AY6" s="2280"/>
      <c r="AZ6" s="2317"/>
      <c r="BA6" s="2322"/>
      <c r="BB6" s="2270"/>
      <c r="BC6" s="2270"/>
      <c r="BD6" s="2270"/>
      <c r="BE6" s="2270"/>
      <c r="BF6" s="2270"/>
      <c r="BG6" s="2270"/>
      <c r="BH6" s="2279"/>
      <c r="BI6" s="2280"/>
      <c r="BJ6" s="2280"/>
      <c r="BK6" s="2280"/>
      <c r="BL6" s="2317"/>
      <c r="BM6" s="2318"/>
    </row>
    <row r="7" spans="1:65" ht="5.25" customHeight="1">
      <c r="A7" s="407"/>
      <c r="B7" s="407"/>
      <c r="C7" s="384"/>
      <c r="D7" s="2346"/>
      <c r="E7" s="2347"/>
      <c r="F7" s="2347"/>
      <c r="G7" s="2347"/>
      <c r="H7" s="2347"/>
      <c r="I7" s="2347"/>
      <c r="J7" s="2347"/>
      <c r="K7" s="2347"/>
      <c r="L7" s="2347"/>
      <c r="M7" s="2347"/>
      <c r="N7" s="2347"/>
      <c r="O7" s="2347"/>
      <c r="P7" s="2347"/>
      <c r="Q7" s="2347"/>
      <c r="R7" s="2347"/>
      <c r="S7" s="2347"/>
      <c r="T7" s="2347"/>
      <c r="U7" s="2347"/>
      <c r="V7" s="2347"/>
      <c r="W7" s="2347"/>
      <c r="X7" s="2347"/>
      <c r="Y7" s="2347"/>
      <c r="Z7" s="2347"/>
      <c r="AA7" s="2350"/>
      <c r="AB7" s="343"/>
      <c r="AD7" s="2411"/>
      <c r="AE7" s="2412"/>
      <c r="AF7" s="2072"/>
      <c r="AG7" s="2072"/>
      <c r="AH7" s="2072"/>
      <c r="AI7" s="2072"/>
      <c r="AJ7" s="2072"/>
      <c r="AK7" s="2366"/>
      <c r="AL7" s="2367"/>
      <c r="AM7" s="2367"/>
      <c r="AN7" s="2367"/>
      <c r="AO7" s="2317"/>
      <c r="AP7" s="2322"/>
      <c r="AQ7" s="2273"/>
      <c r="AR7" s="2273"/>
      <c r="AS7" s="2273"/>
      <c r="AT7" s="2273"/>
      <c r="AU7" s="2273"/>
      <c r="AV7" s="2279"/>
      <c r="AW7" s="2280"/>
      <c r="AX7" s="2280"/>
      <c r="AY7" s="2280"/>
      <c r="AZ7" s="2317"/>
      <c r="BA7" s="2322"/>
      <c r="BB7" s="2270"/>
      <c r="BC7" s="2270"/>
      <c r="BD7" s="2270"/>
      <c r="BE7" s="2270"/>
      <c r="BF7" s="2270"/>
      <c r="BG7" s="2270"/>
      <c r="BH7" s="2279"/>
      <c r="BI7" s="2280"/>
      <c r="BJ7" s="2280"/>
      <c r="BK7" s="2280"/>
      <c r="BL7" s="2317"/>
      <c r="BM7" s="2318"/>
    </row>
    <row r="8" spans="1:65" ht="5.25" customHeight="1" thickBot="1">
      <c r="A8" s="407"/>
      <c r="B8" s="407"/>
      <c r="C8" s="384"/>
      <c r="D8" s="2346"/>
      <c r="E8" s="2347"/>
      <c r="F8" s="2347"/>
      <c r="G8" s="2347"/>
      <c r="H8" s="2347"/>
      <c r="I8" s="2347"/>
      <c r="J8" s="2347"/>
      <c r="K8" s="2347"/>
      <c r="L8" s="2347"/>
      <c r="M8" s="2347"/>
      <c r="N8" s="2347"/>
      <c r="O8" s="2347"/>
      <c r="P8" s="2347"/>
      <c r="Q8" s="2347"/>
      <c r="R8" s="2347"/>
      <c r="S8" s="2347"/>
      <c r="T8" s="2347"/>
      <c r="U8" s="2347"/>
      <c r="V8" s="2347"/>
      <c r="W8" s="2347"/>
      <c r="X8" s="2347"/>
      <c r="Y8" s="2347"/>
      <c r="Z8" s="2347"/>
      <c r="AA8" s="2350"/>
      <c r="AB8" s="343"/>
      <c r="AD8" s="2413"/>
      <c r="AE8" s="2414"/>
      <c r="AF8" s="2073"/>
      <c r="AG8" s="2073"/>
      <c r="AH8" s="2073"/>
      <c r="AI8" s="2073"/>
      <c r="AJ8" s="2073"/>
      <c r="AK8" s="2368"/>
      <c r="AL8" s="2369"/>
      <c r="AM8" s="2369"/>
      <c r="AN8" s="2369"/>
      <c r="AO8" s="2319"/>
      <c r="AP8" s="2323"/>
      <c r="AQ8" s="2274"/>
      <c r="AR8" s="2274"/>
      <c r="AS8" s="2274"/>
      <c r="AT8" s="2274"/>
      <c r="AU8" s="2274"/>
      <c r="AV8" s="2281"/>
      <c r="AW8" s="2282"/>
      <c r="AX8" s="2282"/>
      <c r="AY8" s="2282"/>
      <c r="AZ8" s="2319"/>
      <c r="BA8" s="2323"/>
      <c r="BB8" s="2271"/>
      <c r="BC8" s="2271"/>
      <c r="BD8" s="2271"/>
      <c r="BE8" s="2271"/>
      <c r="BF8" s="2271"/>
      <c r="BG8" s="2271"/>
      <c r="BH8" s="2281"/>
      <c r="BI8" s="2282"/>
      <c r="BJ8" s="2282"/>
      <c r="BK8" s="2282"/>
      <c r="BL8" s="2319"/>
      <c r="BM8" s="2320"/>
    </row>
    <row r="9" spans="1:65" ht="5.25" customHeight="1">
      <c r="A9" s="407"/>
      <c r="B9" s="407"/>
      <c r="C9" s="384"/>
      <c r="D9" s="2346"/>
      <c r="E9" s="2347"/>
      <c r="F9" s="2347"/>
      <c r="G9" s="2347"/>
      <c r="H9" s="2347"/>
      <c r="I9" s="2347"/>
      <c r="J9" s="2347"/>
      <c r="K9" s="2347"/>
      <c r="L9" s="2347"/>
      <c r="M9" s="2347"/>
      <c r="N9" s="2347"/>
      <c r="O9" s="2347"/>
      <c r="P9" s="2347"/>
      <c r="Q9" s="2347"/>
      <c r="R9" s="2347"/>
      <c r="S9" s="2347"/>
      <c r="T9" s="2347"/>
      <c r="U9" s="2347"/>
      <c r="V9" s="2347"/>
      <c r="W9" s="2347"/>
      <c r="X9" s="2347"/>
      <c r="Y9" s="2347"/>
      <c r="Z9" s="2347"/>
      <c r="AA9" s="2350"/>
      <c r="AB9" s="343"/>
      <c r="AD9" s="2409" t="s">
        <v>334</v>
      </c>
      <c r="AE9" s="2428"/>
      <c r="AF9" s="2437" t="s">
        <v>469</v>
      </c>
      <c r="AG9" s="2438"/>
      <c r="AH9" s="2438"/>
      <c r="AI9" s="2438"/>
      <c r="AJ9" s="2438"/>
      <c r="AK9" s="2438"/>
      <c r="AL9" s="2438"/>
      <c r="AM9" s="2438"/>
      <c r="AN9" s="2567"/>
      <c r="AO9" s="2568"/>
      <c r="AP9" s="2568"/>
      <c r="AQ9" s="2568"/>
      <c r="AR9" s="2568"/>
      <c r="AS9" s="2568"/>
      <c r="AT9" s="2568"/>
      <c r="AU9" s="2315" t="s">
        <v>294</v>
      </c>
      <c r="AV9" s="2321"/>
      <c r="AW9" s="2360" t="s">
        <v>470</v>
      </c>
      <c r="AX9" s="2361"/>
      <c r="AY9" s="2361"/>
      <c r="AZ9" s="2361"/>
      <c r="BA9" s="2361"/>
      <c r="BB9" s="2361"/>
      <c r="BC9" s="2361"/>
      <c r="BD9" s="2361"/>
      <c r="BE9" s="2567"/>
      <c r="BF9" s="2568"/>
      <c r="BG9" s="2568"/>
      <c r="BH9" s="2568"/>
      <c r="BI9" s="2568"/>
      <c r="BJ9" s="2568"/>
      <c r="BK9" s="2568"/>
      <c r="BL9" s="2315" t="s">
        <v>294</v>
      </c>
      <c r="BM9" s="2316"/>
    </row>
    <row r="10" spans="1:65" ht="5.25" customHeight="1">
      <c r="A10" s="407"/>
      <c r="B10" s="407"/>
      <c r="C10" s="384"/>
      <c r="D10" s="2346"/>
      <c r="E10" s="2347"/>
      <c r="F10" s="2347"/>
      <c r="G10" s="2347"/>
      <c r="H10" s="2347"/>
      <c r="I10" s="2347"/>
      <c r="J10" s="2347"/>
      <c r="K10" s="2347"/>
      <c r="L10" s="2347"/>
      <c r="M10" s="2347"/>
      <c r="N10" s="2347"/>
      <c r="O10" s="2347"/>
      <c r="P10" s="2347"/>
      <c r="Q10" s="2347"/>
      <c r="R10" s="2347"/>
      <c r="S10" s="2347"/>
      <c r="T10" s="2347"/>
      <c r="U10" s="2347"/>
      <c r="V10" s="2347"/>
      <c r="W10" s="2347"/>
      <c r="X10" s="2347"/>
      <c r="Y10" s="2347"/>
      <c r="Z10" s="2347"/>
      <c r="AA10" s="2350"/>
      <c r="AB10" s="343"/>
      <c r="AD10" s="2411"/>
      <c r="AE10" s="2429"/>
      <c r="AF10" s="2438"/>
      <c r="AG10" s="2438"/>
      <c r="AH10" s="2438"/>
      <c r="AI10" s="2438"/>
      <c r="AJ10" s="2438"/>
      <c r="AK10" s="2438"/>
      <c r="AL10" s="2438"/>
      <c r="AM10" s="2438"/>
      <c r="AN10" s="2332"/>
      <c r="AO10" s="2569"/>
      <c r="AP10" s="2569"/>
      <c r="AQ10" s="2569"/>
      <c r="AR10" s="2569"/>
      <c r="AS10" s="2569"/>
      <c r="AT10" s="2569"/>
      <c r="AU10" s="2317"/>
      <c r="AV10" s="2322"/>
      <c r="AW10" s="2360"/>
      <c r="AX10" s="2361"/>
      <c r="AY10" s="2361"/>
      <c r="AZ10" s="2361"/>
      <c r="BA10" s="2361"/>
      <c r="BB10" s="2361"/>
      <c r="BC10" s="2361"/>
      <c r="BD10" s="2361"/>
      <c r="BE10" s="2332"/>
      <c r="BF10" s="2569"/>
      <c r="BG10" s="2569"/>
      <c r="BH10" s="2569"/>
      <c r="BI10" s="2569"/>
      <c r="BJ10" s="2569"/>
      <c r="BK10" s="2569"/>
      <c r="BL10" s="2317"/>
      <c r="BM10" s="2318"/>
    </row>
    <row r="11" spans="1:65" ht="5.25" customHeight="1" thickBot="1">
      <c r="A11" s="407"/>
      <c r="B11" s="407"/>
      <c r="C11" s="384"/>
      <c r="Z11" s="347"/>
      <c r="AA11" s="347"/>
      <c r="AB11" s="408"/>
      <c r="AD11" s="2411"/>
      <c r="AE11" s="2429"/>
      <c r="AF11" s="2438"/>
      <c r="AG11" s="2438"/>
      <c r="AH11" s="2438"/>
      <c r="AI11" s="2438"/>
      <c r="AJ11" s="2438"/>
      <c r="AK11" s="2438"/>
      <c r="AL11" s="2438"/>
      <c r="AM11" s="2438"/>
      <c r="AN11" s="2332"/>
      <c r="AO11" s="2569"/>
      <c r="AP11" s="2569"/>
      <c r="AQ11" s="2569"/>
      <c r="AR11" s="2569"/>
      <c r="AS11" s="2569"/>
      <c r="AT11" s="2569"/>
      <c r="AU11" s="2317"/>
      <c r="AV11" s="2322"/>
      <c r="AW11" s="2361"/>
      <c r="AX11" s="2361"/>
      <c r="AY11" s="2361"/>
      <c r="AZ11" s="2361"/>
      <c r="BA11" s="2361"/>
      <c r="BB11" s="2361"/>
      <c r="BC11" s="2361"/>
      <c r="BD11" s="2361"/>
      <c r="BE11" s="2332"/>
      <c r="BF11" s="2569"/>
      <c r="BG11" s="2569"/>
      <c r="BH11" s="2569"/>
      <c r="BI11" s="2569"/>
      <c r="BJ11" s="2569"/>
      <c r="BK11" s="2569"/>
      <c r="BL11" s="2317"/>
      <c r="BM11" s="2318"/>
    </row>
    <row r="12" spans="1:65" ht="5.25" customHeight="1">
      <c r="A12" s="407"/>
      <c r="B12" s="407"/>
      <c r="C12" s="384"/>
      <c r="D12" s="2305" t="s">
        <v>434</v>
      </c>
      <c r="E12" s="2306"/>
      <c r="F12" s="2344" t="s">
        <v>406</v>
      </c>
      <c r="G12" s="2344"/>
      <c r="H12" s="2344"/>
      <c r="I12" s="2344"/>
      <c r="J12" s="2344"/>
      <c r="K12" s="2344"/>
      <c r="L12" s="2344"/>
      <c r="M12" s="2344"/>
      <c r="N12" s="2344"/>
      <c r="O12" s="2344"/>
      <c r="P12" s="2344"/>
      <c r="Q12" s="2344"/>
      <c r="R12" s="2344"/>
      <c r="S12" s="2344"/>
      <c r="T12" s="2344"/>
      <c r="U12" s="2344"/>
      <c r="V12" s="2344"/>
      <c r="W12" s="2344"/>
      <c r="X12" s="2344"/>
      <c r="Y12" s="2344"/>
      <c r="Z12" s="2344"/>
      <c r="AA12" s="2348"/>
      <c r="AB12" s="408"/>
      <c r="AD12" s="2411"/>
      <c r="AE12" s="2429"/>
      <c r="AF12" s="2072"/>
      <c r="AG12" s="2072"/>
      <c r="AH12" s="2072"/>
      <c r="AI12" s="2072"/>
      <c r="AJ12" s="2072"/>
      <c r="AK12" s="2072"/>
      <c r="AL12" s="2072"/>
      <c r="AM12" s="2072"/>
      <c r="AN12" s="2332"/>
      <c r="AO12" s="2569"/>
      <c r="AP12" s="2569"/>
      <c r="AQ12" s="2569"/>
      <c r="AR12" s="2569"/>
      <c r="AS12" s="2569"/>
      <c r="AT12" s="2569"/>
      <c r="AU12" s="2317"/>
      <c r="AV12" s="2322"/>
      <c r="AW12" s="2362"/>
      <c r="AX12" s="2362"/>
      <c r="AY12" s="2362"/>
      <c r="AZ12" s="2362"/>
      <c r="BA12" s="2362"/>
      <c r="BB12" s="2362"/>
      <c r="BC12" s="2362"/>
      <c r="BD12" s="2362"/>
      <c r="BE12" s="2332"/>
      <c r="BF12" s="2569"/>
      <c r="BG12" s="2569"/>
      <c r="BH12" s="2569"/>
      <c r="BI12" s="2569"/>
      <c r="BJ12" s="2569"/>
      <c r="BK12" s="2569"/>
      <c r="BL12" s="2317"/>
      <c r="BM12" s="2318"/>
    </row>
    <row r="13" spans="1:65" ht="5.25" customHeight="1" thickBot="1">
      <c r="A13" s="407"/>
      <c r="B13" s="407"/>
      <c r="C13" s="384"/>
      <c r="D13" s="2307"/>
      <c r="E13" s="2308"/>
      <c r="F13" s="2095"/>
      <c r="G13" s="2095"/>
      <c r="H13" s="2095"/>
      <c r="I13" s="2095"/>
      <c r="J13" s="2095"/>
      <c r="K13" s="2095"/>
      <c r="L13" s="2095"/>
      <c r="M13" s="2095"/>
      <c r="N13" s="2095"/>
      <c r="O13" s="2095"/>
      <c r="P13" s="2095"/>
      <c r="Q13" s="2095"/>
      <c r="R13" s="2095"/>
      <c r="S13" s="2095"/>
      <c r="T13" s="2095"/>
      <c r="U13" s="2095"/>
      <c r="V13" s="2095"/>
      <c r="W13" s="2095"/>
      <c r="X13" s="2095"/>
      <c r="Y13" s="2095"/>
      <c r="Z13" s="2095"/>
      <c r="AA13" s="2349"/>
      <c r="AB13" s="408"/>
      <c r="AD13" s="2411"/>
      <c r="AE13" s="2429"/>
      <c r="AF13" s="2073"/>
      <c r="AG13" s="2073"/>
      <c r="AH13" s="2073"/>
      <c r="AI13" s="2073"/>
      <c r="AJ13" s="2073"/>
      <c r="AK13" s="2073"/>
      <c r="AL13" s="2073"/>
      <c r="AM13" s="2073"/>
      <c r="AN13" s="2570"/>
      <c r="AO13" s="2571"/>
      <c r="AP13" s="2571"/>
      <c r="AQ13" s="2571"/>
      <c r="AR13" s="2571"/>
      <c r="AS13" s="2571"/>
      <c r="AT13" s="2571"/>
      <c r="AU13" s="2319"/>
      <c r="AV13" s="2323"/>
      <c r="AW13" s="2363"/>
      <c r="AX13" s="2363"/>
      <c r="AY13" s="2363"/>
      <c r="AZ13" s="2363"/>
      <c r="BA13" s="2363"/>
      <c r="BB13" s="2363"/>
      <c r="BC13" s="2363"/>
      <c r="BD13" s="2363"/>
      <c r="BE13" s="2570"/>
      <c r="BF13" s="2571"/>
      <c r="BG13" s="2571"/>
      <c r="BH13" s="2571"/>
      <c r="BI13" s="2571"/>
      <c r="BJ13" s="2571"/>
      <c r="BK13" s="2571"/>
      <c r="BL13" s="2319"/>
      <c r="BM13" s="2320"/>
    </row>
    <row r="14" spans="1:65" ht="5.25" customHeight="1">
      <c r="A14" s="407"/>
      <c r="B14" s="407"/>
      <c r="C14" s="405"/>
      <c r="D14" s="2307"/>
      <c r="E14" s="2308"/>
      <c r="F14" s="2095"/>
      <c r="G14" s="2095"/>
      <c r="H14" s="2095"/>
      <c r="I14" s="2095"/>
      <c r="J14" s="2095"/>
      <c r="K14" s="2095"/>
      <c r="L14" s="2095"/>
      <c r="M14" s="2095"/>
      <c r="N14" s="2095"/>
      <c r="O14" s="2095"/>
      <c r="P14" s="2095"/>
      <c r="Q14" s="2095"/>
      <c r="R14" s="2095"/>
      <c r="S14" s="2095"/>
      <c r="T14" s="2095"/>
      <c r="U14" s="2095"/>
      <c r="V14" s="2095"/>
      <c r="W14" s="2095"/>
      <c r="X14" s="2095"/>
      <c r="Y14" s="2095"/>
      <c r="Z14" s="2095"/>
      <c r="AA14" s="2349"/>
      <c r="AB14" s="408"/>
      <c r="AD14" s="2411"/>
      <c r="AE14" s="2429"/>
      <c r="AF14" s="2397" t="s">
        <v>459</v>
      </c>
      <c r="AG14" s="2398"/>
      <c r="AH14" s="2398"/>
      <c r="AI14" s="2398"/>
      <c r="AJ14" s="2398"/>
      <c r="AK14" s="2398"/>
      <c r="AL14" s="2398"/>
      <c r="AM14" s="2398"/>
      <c r="AN14" s="2398"/>
      <c r="AO14" s="2398"/>
      <c r="AP14" s="2398"/>
      <c r="AQ14" s="2398"/>
      <c r="AR14" s="2398"/>
      <c r="AS14" s="2398"/>
      <c r="AT14" s="2398"/>
      <c r="AU14" s="2398"/>
      <c r="AV14" s="2398"/>
      <c r="AW14" s="2398"/>
      <c r="AX14" s="2398"/>
      <c r="AY14" s="2398"/>
      <c r="AZ14" s="2398"/>
      <c r="BA14" s="2398"/>
      <c r="BB14" s="2398"/>
      <c r="BC14" s="2398"/>
      <c r="BD14" s="2398"/>
      <c r="BE14" s="2398"/>
      <c r="BF14" s="2398"/>
      <c r="BG14" s="2398"/>
      <c r="BH14" s="2398"/>
      <c r="BI14" s="2398"/>
      <c r="BJ14" s="2398"/>
      <c r="BK14" s="2398"/>
      <c r="BL14" s="2398"/>
      <c r="BM14" s="2399"/>
    </row>
    <row r="15" spans="1:65" ht="5.25" customHeight="1">
      <c r="A15" s="407"/>
      <c r="B15" s="407"/>
      <c r="C15" s="405"/>
      <c r="D15" s="2307"/>
      <c r="E15" s="2308"/>
      <c r="F15" s="2095"/>
      <c r="G15" s="2095"/>
      <c r="H15" s="2095"/>
      <c r="I15" s="2095"/>
      <c r="J15" s="2095"/>
      <c r="K15" s="2095"/>
      <c r="L15" s="2095"/>
      <c r="M15" s="2095"/>
      <c r="N15" s="2095"/>
      <c r="O15" s="2095"/>
      <c r="P15" s="2095"/>
      <c r="Q15" s="2095"/>
      <c r="R15" s="2095"/>
      <c r="S15" s="2095"/>
      <c r="T15" s="2095"/>
      <c r="U15" s="2095"/>
      <c r="V15" s="2095"/>
      <c r="W15" s="2095"/>
      <c r="X15" s="2095"/>
      <c r="Y15" s="2095"/>
      <c r="Z15" s="2095"/>
      <c r="AA15" s="2349"/>
      <c r="AB15" s="408"/>
      <c r="AD15" s="2411"/>
      <c r="AE15" s="2429"/>
      <c r="AF15" s="2400"/>
      <c r="AG15" s="2401"/>
      <c r="AH15" s="2401"/>
      <c r="AI15" s="2401"/>
      <c r="AJ15" s="2401"/>
      <c r="AK15" s="2401"/>
      <c r="AL15" s="2401"/>
      <c r="AM15" s="2401"/>
      <c r="AN15" s="2401"/>
      <c r="AO15" s="2401"/>
      <c r="AP15" s="2401"/>
      <c r="AQ15" s="2401"/>
      <c r="AR15" s="2401"/>
      <c r="AS15" s="2401"/>
      <c r="AT15" s="2401"/>
      <c r="AU15" s="2401"/>
      <c r="AV15" s="2401"/>
      <c r="AW15" s="2401"/>
      <c r="AX15" s="2401"/>
      <c r="AY15" s="2401"/>
      <c r="AZ15" s="2401"/>
      <c r="BA15" s="2401"/>
      <c r="BB15" s="2401"/>
      <c r="BC15" s="2401"/>
      <c r="BD15" s="2401"/>
      <c r="BE15" s="2401"/>
      <c r="BF15" s="2401"/>
      <c r="BG15" s="2401"/>
      <c r="BH15" s="2401"/>
      <c r="BI15" s="2401"/>
      <c r="BJ15" s="2401"/>
      <c r="BK15" s="2401"/>
      <c r="BL15" s="2401"/>
      <c r="BM15" s="2402"/>
    </row>
    <row r="16" spans="1:65" ht="5.25" customHeight="1">
      <c r="A16" s="407"/>
      <c r="B16" s="407"/>
      <c r="C16" s="405"/>
      <c r="D16" s="2307"/>
      <c r="E16" s="2308"/>
      <c r="F16" s="2388" t="s">
        <v>316</v>
      </c>
      <c r="G16" s="2389"/>
      <c r="H16" s="2389"/>
      <c r="I16" s="2390"/>
      <c r="J16" s="2388"/>
      <c r="K16" s="2389"/>
      <c r="L16" s="2389"/>
      <c r="M16" s="2389"/>
      <c r="N16" s="2389"/>
      <c r="O16" s="2389"/>
      <c r="P16" s="2389"/>
      <c r="Q16" s="2389"/>
      <c r="R16" s="2389"/>
      <c r="S16" s="2389"/>
      <c r="T16" s="2389"/>
      <c r="U16" s="2389"/>
      <c r="V16" s="2389"/>
      <c r="W16" s="2389"/>
      <c r="X16" s="2389"/>
      <c r="Y16" s="2389"/>
      <c r="Z16" s="2389"/>
      <c r="AA16" s="2406"/>
      <c r="AB16" s="408"/>
      <c r="AD16" s="2411"/>
      <c r="AE16" s="2429"/>
      <c r="AF16" s="2400"/>
      <c r="AG16" s="2401"/>
      <c r="AH16" s="2401"/>
      <c r="AI16" s="2401"/>
      <c r="AJ16" s="2401"/>
      <c r="AK16" s="2401"/>
      <c r="AL16" s="2401"/>
      <c r="AM16" s="2401"/>
      <c r="AN16" s="2401"/>
      <c r="AO16" s="2401"/>
      <c r="AP16" s="2401"/>
      <c r="AQ16" s="2401"/>
      <c r="AR16" s="2401"/>
      <c r="AS16" s="2401"/>
      <c r="AT16" s="2401"/>
      <c r="AU16" s="2401"/>
      <c r="AV16" s="2401"/>
      <c r="AW16" s="2401"/>
      <c r="AX16" s="2401"/>
      <c r="AY16" s="2401"/>
      <c r="AZ16" s="2401"/>
      <c r="BA16" s="2401"/>
      <c r="BB16" s="2401"/>
      <c r="BC16" s="2401"/>
      <c r="BD16" s="2401"/>
      <c r="BE16" s="2401"/>
      <c r="BF16" s="2401"/>
      <c r="BG16" s="2401"/>
      <c r="BH16" s="2401"/>
      <c r="BI16" s="2401"/>
      <c r="BJ16" s="2401"/>
      <c r="BK16" s="2401"/>
      <c r="BL16" s="2401"/>
      <c r="BM16" s="2402"/>
    </row>
    <row r="17" spans="1:65" ht="5.25" customHeight="1">
      <c r="A17" s="407"/>
      <c r="B17" s="407"/>
      <c r="C17" s="405"/>
      <c r="D17" s="2307"/>
      <c r="E17" s="2308"/>
      <c r="F17" s="2391"/>
      <c r="G17" s="2392"/>
      <c r="H17" s="2392"/>
      <c r="I17" s="2393"/>
      <c r="J17" s="2391"/>
      <c r="K17" s="2392"/>
      <c r="L17" s="2392"/>
      <c r="M17" s="2392"/>
      <c r="N17" s="2392"/>
      <c r="O17" s="2392"/>
      <c r="P17" s="2392"/>
      <c r="Q17" s="2392"/>
      <c r="R17" s="2392"/>
      <c r="S17" s="2392"/>
      <c r="T17" s="2392"/>
      <c r="U17" s="2392"/>
      <c r="V17" s="2392"/>
      <c r="W17" s="2392"/>
      <c r="X17" s="2392"/>
      <c r="Y17" s="2392"/>
      <c r="Z17" s="2392"/>
      <c r="AA17" s="2407"/>
      <c r="AB17" s="408"/>
      <c r="AD17" s="2411"/>
      <c r="AE17" s="2429"/>
      <c r="AF17" s="2400"/>
      <c r="AG17" s="2401"/>
      <c r="AH17" s="2401"/>
      <c r="AI17" s="2401"/>
      <c r="AJ17" s="2401"/>
      <c r="AK17" s="2401"/>
      <c r="AL17" s="2401"/>
      <c r="AM17" s="2401"/>
      <c r="AN17" s="2401"/>
      <c r="AO17" s="2401"/>
      <c r="AP17" s="2401"/>
      <c r="AQ17" s="2401"/>
      <c r="AR17" s="2401"/>
      <c r="AS17" s="2401"/>
      <c r="AT17" s="2401"/>
      <c r="AU17" s="2401"/>
      <c r="AV17" s="2401"/>
      <c r="AW17" s="2401"/>
      <c r="AX17" s="2401"/>
      <c r="AY17" s="2401"/>
      <c r="AZ17" s="2401"/>
      <c r="BA17" s="2401"/>
      <c r="BB17" s="2401"/>
      <c r="BC17" s="2401"/>
      <c r="BD17" s="2401"/>
      <c r="BE17" s="2401"/>
      <c r="BF17" s="2401"/>
      <c r="BG17" s="2401"/>
      <c r="BH17" s="2401"/>
      <c r="BI17" s="2401"/>
      <c r="BJ17" s="2401"/>
      <c r="BK17" s="2401"/>
      <c r="BL17" s="2401"/>
      <c r="BM17" s="2402"/>
    </row>
    <row r="18" spans="1:65" ht="5.25" customHeight="1" thickBot="1">
      <c r="A18" s="407"/>
      <c r="B18" s="407"/>
      <c r="C18" s="405"/>
      <c r="D18" s="2307"/>
      <c r="E18" s="2308"/>
      <c r="F18" s="2391"/>
      <c r="G18" s="2392"/>
      <c r="H18" s="2392"/>
      <c r="I18" s="2393"/>
      <c r="J18" s="2391"/>
      <c r="K18" s="2392"/>
      <c r="L18" s="2392"/>
      <c r="M18" s="2392"/>
      <c r="N18" s="2392"/>
      <c r="O18" s="2392"/>
      <c r="P18" s="2392"/>
      <c r="Q18" s="2392"/>
      <c r="R18" s="2392"/>
      <c r="S18" s="2392"/>
      <c r="T18" s="2392"/>
      <c r="U18" s="2392"/>
      <c r="V18" s="2392"/>
      <c r="W18" s="2392"/>
      <c r="X18" s="2392"/>
      <c r="Y18" s="2392"/>
      <c r="Z18" s="2392"/>
      <c r="AA18" s="2407"/>
      <c r="AB18" s="408"/>
      <c r="AD18" s="2413"/>
      <c r="AE18" s="2430"/>
      <c r="AF18" s="2403"/>
      <c r="AG18" s="2404"/>
      <c r="AH18" s="2404"/>
      <c r="AI18" s="2404"/>
      <c r="AJ18" s="2404"/>
      <c r="AK18" s="2404"/>
      <c r="AL18" s="2404"/>
      <c r="AM18" s="2404"/>
      <c r="AN18" s="2404"/>
      <c r="AO18" s="2404"/>
      <c r="AP18" s="2404"/>
      <c r="AQ18" s="2404"/>
      <c r="AR18" s="2404"/>
      <c r="AS18" s="2404"/>
      <c r="AT18" s="2404"/>
      <c r="AU18" s="2404"/>
      <c r="AV18" s="2404"/>
      <c r="AW18" s="2404"/>
      <c r="AX18" s="2404"/>
      <c r="AY18" s="2404"/>
      <c r="AZ18" s="2404"/>
      <c r="BA18" s="2404"/>
      <c r="BB18" s="2404"/>
      <c r="BC18" s="2404"/>
      <c r="BD18" s="2404"/>
      <c r="BE18" s="2404"/>
      <c r="BF18" s="2404"/>
      <c r="BG18" s="2404"/>
      <c r="BH18" s="2404"/>
      <c r="BI18" s="2404"/>
      <c r="BJ18" s="2404"/>
      <c r="BK18" s="2404"/>
      <c r="BL18" s="2404"/>
      <c r="BM18" s="2405"/>
    </row>
    <row r="19" spans="1:65" ht="5.25" customHeight="1">
      <c r="A19" s="407"/>
      <c r="B19" s="407"/>
      <c r="C19" s="389"/>
      <c r="D19" s="2307"/>
      <c r="E19" s="2308"/>
      <c r="F19" s="2391"/>
      <c r="G19" s="2392"/>
      <c r="H19" s="2392"/>
      <c r="I19" s="2393"/>
      <c r="J19" s="2391"/>
      <c r="K19" s="2392"/>
      <c r="L19" s="2392"/>
      <c r="M19" s="2392"/>
      <c r="N19" s="2392"/>
      <c r="O19" s="2392"/>
      <c r="P19" s="2392"/>
      <c r="Q19" s="2392"/>
      <c r="R19" s="2392"/>
      <c r="S19" s="2392"/>
      <c r="T19" s="2392"/>
      <c r="U19" s="2392"/>
      <c r="V19" s="2392"/>
      <c r="W19" s="2392"/>
      <c r="X19" s="2392"/>
      <c r="Y19" s="2392"/>
      <c r="Z19" s="2392"/>
      <c r="AA19" s="2407"/>
      <c r="AB19" s="408"/>
      <c r="AD19" s="2415" t="s">
        <v>431</v>
      </c>
      <c r="AE19" s="2416"/>
      <c r="AF19" s="2416"/>
      <c r="AG19" s="2416"/>
      <c r="AH19" s="2416"/>
      <c r="AI19" s="2416"/>
      <c r="AJ19" s="2416"/>
      <c r="AK19" s="2416"/>
      <c r="AL19" s="2416"/>
      <c r="AM19" s="2416"/>
      <c r="AN19" s="2416"/>
      <c r="AO19" s="2416"/>
      <c r="AP19" s="2416"/>
      <c r="AQ19" s="2416"/>
      <c r="AR19" s="2416"/>
      <c r="AS19" s="2416"/>
      <c r="AT19" s="2416"/>
      <c r="AU19" s="2416"/>
      <c r="AV19" s="2417"/>
      <c r="AW19" s="2577" t="s">
        <v>432</v>
      </c>
      <c r="AX19" s="2578"/>
      <c r="AY19" s="2578"/>
      <c r="AZ19" s="2578"/>
      <c r="BA19" s="2578"/>
      <c r="BB19" s="2578"/>
      <c r="BC19" s="2578"/>
      <c r="BD19" s="2579"/>
      <c r="BE19" s="2567"/>
      <c r="BF19" s="2568"/>
      <c r="BG19" s="2568"/>
      <c r="BH19" s="2568"/>
      <c r="BI19" s="2568"/>
      <c r="BJ19" s="2568"/>
      <c r="BK19" s="2568"/>
      <c r="BL19" s="2537" t="s">
        <v>294</v>
      </c>
      <c r="BM19" s="2538"/>
    </row>
    <row r="20" spans="1:65" ht="5.25" customHeight="1">
      <c r="A20" s="407"/>
      <c r="B20" s="407"/>
      <c r="C20" s="389"/>
      <c r="D20" s="2307"/>
      <c r="E20" s="2308"/>
      <c r="F20" s="2391"/>
      <c r="G20" s="2392"/>
      <c r="H20" s="2392"/>
      <c r="I20" s="2393"/>
      <c r="J20" s="2391"/>
      <c r="K20" s="2392"/>
      <c r="L20" s="2392"/>
      <c r="M20" s="2392"/>
      <c r="N20" s="2392"/>
      <c r="O20" s="2392"/>
      <c r="P20" s="2392"/>
      <c r="Q20" s="2392"/>
      <c r="R20" s="2392"/>
      <c r="S20" s="2392"/>
      <c r="T20" s="2392"/>
      <c r="U20" s="2392"/>
      <c r="V20" s="2392"/>
      <c r="W20" s="2392"/>
      <c r="X20" s="2392"/>
      <c r="Y20" s="2392"/>
      <c r="Z20" s="2392"/>
      <c r="AA20" s="2407"/>
      <c r="AB20" s="408"/>
      <c r="AD20" s="2418"/>
      <c r="AE20" s="1405"/>
      <c r="AF20" s="1405"/>
      <c r="AG20" s="1405"/>
      <c r="AH20" s="1405"/>
      <c r="AI20" s="1405"/>
      <c r="AJ20" s="1405"/>
      <c r="AK20" s="1405"/>
      <c r="AL20" s="1405"/>
      <c r="AM20" s="1405"/>
      <c r="AN20" s="1405"/>
      <c r="AO20" s="1405"/>
      <c r="AP20" s="1405"/>
      <c r="AQ20" s="1405"/>
      <c r="AR20" s="1405"/>
      <c r="AS20" s="1405"/>
      <c r="AT20" s="1405"/>
      <c r="AU20" s="1405"/>
      <c r="AV20" s="1406"/>
      <c r="AW20" s="1525"/>
      <c r="AX20" s="1526"/>
      <c r="AY20" s="1526"/>
      <c r="AZ20" s="1526"/>
      <c r="BA20" s="1526"/>
      <c r="BB20" s="1526"/>
      <c r="BC20" s="1526"/>
      <c r="BD20" s="1527"/>
      <c r="BE20" s="2332"/>
      <c r="BF20" s="2569"/>
      <c r="BG20" s="2569"/>
      <c r="BH20" s="2569"/>
      <c r="BI20" s="2569"/>
      <c r="BJ20" s="2569"/>
      <c r="BK20" s="2569"/>
      <c r="BL20" s="2372"/>
      <c r="BM20" s="2373"/>
    </row>
    <row r="21" spans="1:65" ht="5.25" customHeight="1">
      <c r="A21" s="407"/>
      <c r="B21" s="407"/>
      <c r="C21" s="389"/>
      <c r="D21" s="2307"/>
      <c r="E21" s="2308"/>
      <c r="F21" s="2391"/>
      <c r="G21" s="2392"/>
      <c r="H21" s="2392"/>
      <c r="I21" s="2393"/>
      <c r="J21" s="2391"/>
      <c r="K21" s="2392"/>
      <c r="L21" s="2392"/>
      <c r="M21" s="2392"/>
      <c r="N21" s="2392"/>
      <c r="O21" s="2392"/>
      <c r="P21" s="2392"/>
      <c r="Q21" s="2392"/>
      <c r="R21" s="2392"/>
      <c r="S21" s="2392"/>
      <c r="T21" s="2392"/>
      <c r="U21" s="2392"/>
      <c r="V21" s="2392"/>
      <c r="W21" s="2392"/>
      <c r="X21" s="2392"/>
      <c r="Y21" s="2392"/>
      <c r="Z21" s="2392"/>
      <c r="AA21" s="2407"/>
      <c r="AB21" s="408"/>
      <c r="AD21" s="2418"/>
      <c r="AE21" s="1405"/>
      <c r="AF21" s="1405"/>
      <c r="AG21" s="1405"/>
      <c r="AH21" s="1405"/>
      <c r="AI21" s="1405"/>
      <c r="AJ21" s="1405"/>
      <c r="AK21" s="1405"/>
      <c r="AL21" s="1405"/>
      <c r="AM21" s="1405"/>
      <c r="AN21" s="1405"/>
      <c r="AO21" s="1405"/>
      <c r="AP21" s="1405"/>
      <c r="AQ21" s="1405"/>
      <c r="AR21" s="1405"/>
      <c r="AS21" s="1405"/>
      <c r="AT21" s="1405"/>
      <c r="AU21" s="1405"/>
      <c r="AV21" s="1406"/>
      <c r="AW21" s="1525"/>
      <c r="AX21" s="1526"/>
      <c r="AY21" s="1526"/>
      <c r="AZ21" s="1526"/>
      <c r="BA21" s="1526"/>
      <c r="BB21" s="1526"/>
      <c r="BC21" s="1526"/>
      <c r="BD21" s="1527"/>
      <c r="BE21" s="2332"/>
      <c r="BF21" s="2569"/>
      <c r="BG21" s="2569"/>
      <c r="BH21" s="2569"/>
      <c r="BI21" s="2569"/>
      <c r="BJ21" s="2569"/>
      <c r="BK21" s="2569"/>
      <c r="BL21" s="2372"/>
      <c r="BM21" s="2373"/>
    </row>
    <row r="22" spans="1:65" ht="5.25" customHeight="1" thickBot="1">
      <c r="A22" s="407"/>
      <c r="B22" s="407"/>
      <c r="C22" s="389"/>
      <c r="D22" s="2307"/>
      <c r="E22" s="2308"/>
      <c r="F22" s="2391"/>
      <c r="G22" s="2392"/>
      <c r="H22" s="2392"/>
      <c r="I22" s="2393"/>
      <c r="J22" s="2391"/>
      <c r="K22" s="2392"/>
      <c r="L22" s="2392"/>
      <c r="M22" s="2392"/>
      <c r="N22" s="2392"/>
      <c r="O22" s="2392"/>
      <c r="P22" s="2392"/>
      <c r="Q22" s="2392"/>
      <c r="R22" s="2392"/>
      <c r="S22" s="2392"/>
      <c r="T22" s="2392"/>
      <c r="U22" s="2392"/>
      <c r="V22" s="2392"/>
      <c r="W22" s="2392"/>
      <c r="X22" s="2392"/>
      <c r="Y22" s="2392"/>
      <c r="Z22" s="2392"/>
      <c r="AA22" s="2407"/>
      <c r="AB22" s="408"/>
      <c r="AD22" s="2419"/>
      <c r="AE22" s="2420"/>
      <c r="AF22" s="2420"/>
      <c r="AG22" s="2420"/>
      <c r="AH22" s="2420"/>
      <c r="AI22" s="2420"/>
      <c r="AJ22" s="2420"/>
      <c r="AK22" s="2420"/>
      <c r="AL22" s="2420"/>
      <c r="AM22" s="2420"/>
      <c r="AN22" s="2420"/>
      <c r="AO22" s="2420"/>
      <c r="AP22" s="2420"/>
      <c r="AQ22" s="2420"/>
      <c r="AR22" s="2420"/>
      <c r="AS22" s="2420"/>
      <c r="AT22" s="2420"/>
      <c r="AU22" s="2420"/>
      <c r="AV22" s="2421"/>
      <c r="AW22" s="2580"/>
      <c r="AX22" s="2581"/>
      <c r="AY22" s="2581"/>
      <c r="AZ22" s="2581"/>
      <c r="BA22" s="2581"/>
      <c r="BB22" s="2581"/>
      <c r="BC22" s="2581"/>
      <c r="BD22" s="2582"/>
      <c r="BE22" s="2570"/>
      <c r="BF22" s="2571"/>
      <c r="BG22" s="2571"/>
      <c r="BH22" s="2571"/>
      <c r="BI22" s="2571"/>
      <c r="BJ22" s="2571"/>
      <c r="BK22" s="2571"/>
      <c r="BL22" s="2572"/>
      <c r="BM22" s="2573"/>
    </row>
    <row r="23" spans="1:65" ht="5.25" customHeight="1">
      <c r="A23" s="407"/>
      <c r="B23" s="407"/>
      <c r="C23" s="389"/>
      <c r="D23" s="2307"/>
      <c r="E23" s="2308"/>
      <c r="F23" s="2394"/>
      <c r="G23" s="2395"/>
      <c r="H23" s="2395"/>
      <c r="I23" s="2396"/>
      <c r="J23" s="2394"/>
      <c r="K23" s="2395"/>
      <c r="L23" s="2395"/>
      <c r="M23" s="2395"/>
      <c r="N23" s="2395"/>
      <c r="O23" s="2395"/>
      <c r="P23" s="2395"/>
      <c r="Q23" s="2395"/>
      <c r="R23" s="2395"/>
      <c r="S23" s="2395"/>
      <c r="T23" s="2395"/>
      <c r="U23" s="2395"/>
      <c r="V23" s="2395"/>
      <c r="W23" s="2395"/>
      <c r="X23" s="2395"/>
      <c r="Y23" s="2395"/>
      <c r="Z23" s="2395"/>
      <c r="AA23" s="2408"/>
      <c r="AB23" s="408"/>
      <c r="AD23" s="2422" t="s">
        <v>297</v>
      </c>
      <c r="AE23" s="2423"/>
      <c r="AF23" s="2427" t="s">
        <v>396</v>
      </c>
      <c r="AG23" s="2358"/>
      <c r="AH23" s="2358"/>
      <c r="AI23" s="2358"/>
      <c r="AJ23" s="2358"/>
      <c r="AK23" s="2358"/>
      <c r="AL23" s="2358"/>
      <c r="AM23" s="2358"/>
      <c r="AN23" s="2541"/>
      <c r="AO23" s="2542"/>
      <c r="AP23" s="2542"/>
      <c r="AQ23" s="2542"/>
      <c r="AR23" s="2542"/>
      <c r="AS23" s="2542"/>
      <c r="AT23" s="2542"/>
      <c r="AU23" s="2376" t="s">
        <v>294</v>
      </c>
      <c r="AV23" s="2377"/>
      <c r="AW23" s="2264" t="s">
        <v>401</v>
      </c>
      <c r="AX23" s="2265"/>
      <c r="AY23" s="2265"/>
      <c r="AZ23" s="2265"/>
      <c r="BA23" s="2265"/>
      <c r="BB23" s="2265"/>
      <c r="BC23" s="2265"/>
      <c r="BD23" s="2265"/>
      <c r="BE23" s="2559"/>
      <c r="BF23" s="2560"/>
      <c r="BG23" s="2560"/>
      <c r="BH23" s="2560"/>
      <c r="BI23" s="2560"/>
      <c r="BJ23" s="2560"/>
      <c r="BK23" s="2560"/>
      <c r="BL23" s="2376" t="s">
        <v>294</v>
      </c>
      <c r="BM23" s="2556"/>
    </row>
    <row r="24" spans="1:65" ht="5.25" customHeight="1">
      <c r="A24" s="407"/>
      <c r="B24" s="407"/>
      <c r="C24" s="384"/>
      <c r="D24" s="2307"/>
      <c r="E24" s="2308"/>
      <c r="F24" s="2311" t="s">
        <v>405</v>
      </c>
      <c r="G24" s="2311"/>
      <c r="H24" s="2311"/>
      <c r="I24" s="2311"/>
      <c r="J24" s="2095"/>
      <c r="K24" s="2095"/>
      <c r="L24" s="2095"/>
      <c r="M24" s="2095"/>
      <c r="N24" s="2095"/>
      <c r="O24" s="2095"/>
      <c r="P24" s="2095"/>
      <c r="Q24" s="2095"/>
      <c r="R24" s="2095"/>
      <c r="S24" s="2095"/>
      <c r="T24" s="2095"/>
      <c r="U24" s="2095"/>
      <c r="V24" s="2095"/>
      <c r="W24" s="2095"/>
      <c r="X24" s="2095"/>
      <c r="Y24" s="2095"/>
      <c r="Z24" s="2095"/>
      <c r="AA24" s="2349"/>
      <c r="AB24" s="408"/>
      <c r="AD24" s="2424"/>
      <c r="AE24" s="1457"/>
      <c r="AF24" s="2359"/>
      <c r="AG24" s="2359"/>
      <c r="AH24" s="2359"/>
      <c r="AI24" s="2359"/>
      <c r="AJ24" s="2359"/>
      <c r="AK24" s="2359"/>
      <c r="AL24" s="2359"/>
      <c r="AM24" s="2359"/>
      <c r="AN24" s="2543"/>
      <c r="AO24" s="2544"/>
      <c r="AP24" s="2544"/>
      <c r="AQ24" s="2544"/>
      <c r="AR24" s="2544"/>
      <c r="AS24" s="2544"/>
      <c r="AT24" s="2544"/>
      <c r="AU24" s="2378"/>
      <c r="AV24" s="2379"/>
      <c r="AW24" s="2266"/>
      <c r="AX24" s="2266"/>
      <c r="AY24" s="2266"/>
      <c r="AZ24" s="2266"/>
      <c r="BA24" s="2266"/>
      <c r="BB24" s="2266"/>
      <c r="BC24" s="2266"/>
      <c r="BD24" s="2266"/>
      <c r="BE24" s="2561"/>
      <c r="BF24" s="2562"/>
      <c r="BG24" s="2562"/>
      <c r="BH24" s="2562"/>
      <c r="BI24" s="2562"/>
      <c r="BJ24" s="2562"/>
      <c r="BK24" s="2562"/>
      <c r="BL24" s="2378"/>
      <c r="BM24" s="2557"/>
    </row>
    <row r="25" spans="1:65" ht="5.25" customHeight="1">
      <c r="A25" s="407"/>
      <c r="B25" s="407"/>
      <c r="C25" s="384"/>
      <c r="D25" s="2307"/>
      <c r="E25" s="2308"/>
      <c r="F25" s="2311"/>
      <c r="G25" s="2311"/>
      <c r="H25" s="2311"/>
      <c r="I25" s="2311"/>
      <c r="J25" s="2095"/>
      <c r="K25" s="2095"/>
      <c r="L25" s="2095"/>
      <c r="M25" s="2095"/>
      <c r="N25" s="2095"/>
      <c r="O25" s="2095"/>
      <c r="P25" s="2095"/>
      <c r="Q25" s="2095"/>
      <c r="R25" s="2095"/>
      <c r="S25" s="2095"/>
      <c r="T25" s="2095"/>
      <c r="U25" s="2095"/>
      <c r="V25" s="2095"/>
      <c r="W25" s="2095"/>
      <c r="X25" s="2095"/>
      <c r="Y25" s="2095"/>
      <c r="Z25" s="2095"/>
      <c r="AA25" s="2349"/>
      <c r="AB25" s="408"/>
      <c r="AD25" s="2424"/>
      <c r="AE25" s="1457"/>
      <c r="AF25" s="2359"/>
      <c r="AG25" s="2359"/>
      <c r="AH25" s="2359"/>
      <c r="AI25" s="2359"/>
      <c r="AJ25" s="2359"/>
      <c r="AK25" s="2359"/>
      <c r="AL25" s="2359"/>
      <c r="AM25" s="2359"/>
      <c r="AN25" s="2543"/>
      <c r="AO25" s="2544"/>
      <c r="AP25" s="2544"/>
      <c r="AQ25" s="2544"/>
      <c r="AR25" s="2544"/>
      <c r="AS25" s="2544"/>
      <c r="AT25" s="2544"/>
      <c r="AU25" s="2378"/>
      <c r="AV25" s="2379"/>
      <c r="AW25" s="2266"/>
      <c r="AX25" s="2266"/>
      <c r="AY25" s="2266"/>
      <c r="AZ25" s="2266"/>
      <c r="BA25" s="2266"/>
      <c r="BB25" s="2266"/>
      <c r="BC25" s="2266"/>
      <c r="BD25" s="2266"/>
      <c r="BE25" s="2561"/>
      <c r="BF25" s="2562"/>
      <c r="BG25" s="2562"/>
      <c r="BH25" s="2562"/>
      <c r="BI25" s="2562"/>
      <c r="BJ25" s="2562"/>
      <c r="BK25" s="2562"/>
      <c r="BL25" s="2378"/>
      <c r="BM25" s="2557"/>
    </row>
    <row r="26" spans="1:65" ht="5.25" customHeight="1">
      <c r="A26" s="407"/>
      <c r="B26" s="407"/>
      <c r="C26" s="384"/>
      <c r="D26" s="2307"/>
      <c r="E26" s="2308"/>
      <c r="F26" s="2311"/>
      <c r="G26" s="2311"/>
      <c r="H26" s="2311"/>
      <c r="I26" s="2311"/>
      <c r="J26" s="2095"/>
      <c r="K26" s="2095"/>
      <c r="L26" s="2095"/>
      <c r="M26" s="2095"/>
      <c r="N26" s="2095"/>
      <c r="O26" s="2095"/>
      <c r="P26" s="2095"/>
      <c r="Q26" s="2095"/>
      <c r="R26" s="2095"/>
      <c r="S26" s="2095"/>
      <c r="T26" s="2095"/>
      <c r="U26" s="2095"/>
      <c r="V26" s="2095"/>
      <c r="W26" s="2095"/>
      <c r="X26" s="2095"/>
      <c r="Y26" s="2095"/>
      <c r="Z26" s="2095"/>
      <c r="AA26" s="2349"/>
      <c r="AB26" s="408"/>
      <c r="AD26" s="2424"/>
      <c r="AE26" s="1457"/>
      <c r="AF26" s="2262"/>
      <c r="AG26" s="2262"/>
      <c r="AH26" s="2262"/>
      <c r="AI26" s="2262"/>
      <c r="AJ26" s="2262"/>
      <c r="AK26" s="2262"/>
      <c r="AL26" s="2262"/>
      <c r="AM26" s="2262"/>
      <c r="AN26" s="2543"/>
      <c r="AO26" s="2544"/>
      <c r="AP26" s="2544"/>
      <c r="AQ26" s="2544"/>
      <c r="AR26" s="2544"/>
      <c r="AS26" s="2544"/>
      <c r="AT26" s="2544"/>
      <c r="AU26" s="2378"/>
      <c r="AV26" s="2379"/>
      <c r="AW26" s="2267"/>
      <c r="AX26" s="2267"/>
      <c r="AY26" s="2267"/>
      <c r="AZ26" s="2267"/>
      <c r="BA26" s="2267"/>
      <c r="BB26" s="2267"/>
      <c r="BC26" s="2267"/>
      <c r="BD26" s="2267"/>
      <c r="BE26" s="2561"/>
      <c r="BF26" s="2562"/>
      <c r="BG26" s="2562"/>
      <c r="BH26" s="2562"/>
      <c r="BI26" s="2562"/>
      <c r="BJ26" s="2562"/>
      <c r="BK26" s="2562"/>
      <c r="BL26" s="2378"/>
      <c r="BM26" s="2557"/>
    </row>
    <row r="27" spans="1:65" ht="5.25" customHeight="1">
      <c r="A27" s="407"/>
      <c r="B27" s="407"/>
      <c r="C27" s="384"/>
      <c r="D27" s="2309"/>
      <c r="E27" s="2310"/>
      <c r="F27" s="2311"/>
      <c r="G27" s="2311"/>
      <c r="H27" s="2311"/>
      <c r="I27" s="2311"/>
      <c r="J27" s="2095"/>
      <c r="K27" s="2095"/>
      <c r="L27" s="2095"/>
      <c r="M27" s="2095"/>
      <c r="N27" s="2095"/>
      <c r="O27" s="2095"/>
      <c r="P27" s="2095"/>
      <c r="Q27" s="2095"/>
      <c r="R27" s="2095"/>
      <c r="S27" s="2095"/>
      <c r="T27" s="2095"/>
      <c r="U27" s="2095"/>
      <c r="V27" s="2095"/>
      <c r="W27" s="2095"/>
      <c r="X27" s="2095"/>
      <c r="Y27" s="2095"/>
      <c r="Z27" s="2095"/>
      <c r="AA27" s="2349"/>
      <c r="AB27" s="408"/>
      <c r="AD27" s="2424"/>
      <c r="AE27" s="1457"/>
      <c r="AF27" s="2262"/>
      <c r="AG27" s="2262"/>
      <c r="AH27" s="2262"/>
      <c r="AI27" s="2262"/>
      <c r="AJ27" s="2262"/>
      <c r="AK27" s="2262"/>
      <c r="AL27" s="2262"/>
      <c r="AM27" s="2262"/>
      <c r="AN27" s="2545"/>
      <c r="AO27" s="2546"/>
      <c r="AP27" s="2546"/>
      <c r="AQ27" s="2546"/>
      <c r="AR27" s="2546"/>
      <c r="AS27" s="2546"/>
      <c r="AT27" s="2546"/>
      <c r="AU27" s="2380"/>
      <c r="AV27" s="2381"/>
      <c r="AW27" s="2267"/>
      <c r="AX27" s="2267"/>
      <c r="AY27" s="2267"/>
      <c r="AZ27" s="2267"/>
      <c r="BA27" s="2267"/>
      <c r="BB27" s="2267"/>
      <c r="BC27" s="2267"/>
      <c r="BD27" s="2267"/>
      <c r="BE27" s="2574"/>
      <c r="BF27" s="2575"/>
      <c r="BG27" s="2575"/>
      <c r="BH27" s="2575"/>
      <c r="BI27" s="2575"/>
      <c r="BJ27" s="2575"/>
      <c r="BK27" s="2575"/>
      <c r="BL27" s="2380"/>
      <c r="BM27" s="2576"/>
    </row>
    <row r="28" spans="1:65" ht="5.25" customHeight="1">
      <c r="A28" s="407"/>
      <c r="B28" s="407"/>
      <c r="C28" s="384"/>
      <c r="D28" s="2074" t="s">
        <v>416</v>
      </c>
      <c r="E28" s="2075"/>
      <c r="F28" s="2075"/>
      <c r="G28" s="2075"/>
      <c r="H28" s="2304" t="s">
        <v>429</v>
      </c>
      <c r="I28" s="2304"/>
      <c r="J28" s="2304"/>
      <c r="K28" s="2304"/>
      <c r="L28" s="2304"/>
      <c r="M28" s="2304"/>
      <c r="N28" s="2304"/>
      <c r="O28" s="2304"/>
      <c r="P28" s="2075" t="s">
        <v>416</v>
      </c>
      <c r="Q28" s="2075"/>
      <c r="R28" s="2075"/>
      <c r="S28" s="2075"/>
      <c r="T28" s="2304" t="s">
        <v>429</v>
      </c>
      <c r="U28" s="2304"/>
      <c r="V28" s="2304"/>
      <c r="W28" s="2304"/>
      <c r="X28" s="2304"/>
      <c r="Y28" s="2304"/>
      <c r="Z28" s="2304"/>
      <c r="AA28" s="2436"/>
      <c r="AB28" s="408"/>
      <c r="AD28" s="2424"/>
      <c r="AE28" s="1457"/>
      <c r="AF28" s="2261" t="s">
        <v>453</v>
      </c>
      <c r="AG28" s="2262"/>
      <c r="AH28" s="2262"/>
      <c r="AI28" s="2262"/>
      <c r="AJ28" s="2262"/>
      <c r="AK28" s="2262"/>
      <c r="AL28" s="2262"/>
      <c r="AM28" s="2262"/>
      <c r="AN28" s="2263"/>
      <c r="AO28" s="2263"/>
      <c r="AP28" s="2263"/>
      <c r="AQ28" s="2263"/>
      <c r="AR28" s="2263"/>
      <c r="AS28" s="2263"/>
      <c r="AT28" s="2263"/>
      <c r="AU28" s="2263"/>
      <c r="AV28" s="2263"/>
      <c r="AW28" s="2267" t="s">
        <v>397</v>
      </c>
      <c r="AX28" s="2267"/>
      <c r="AY28" s="2267"/>
      <c r="AZ28" s="2267"/>
      <c r="BA28" s="2267"/>
      <c r="BB28" s="2267"/>
      <c r="BC28" s="2267"/>
      <c r="BD28" s="2267"/>
      <c r="BE28" s="2263"/>
      <c r="BF28" s="2263"/>
      <c r="BG28" s="2263"/>
      <c r="BH28" s="2263"/>
      <c r="BI28" s="2263"/>
      <c r="BJ28" s="2263"/>
      <c r="BK28" s="2263"/>
      <c r="BL28" s="2263"/>
      <c r="BM28" s="2314"/>
    </row>
    <row r="29" spans="1:65" ht="5.25" customHeight="1">
      <c r="A29" s="407"/>
      <c r="B29" s="407"/>
      <c r="C29" s="384"/>
      <c r="D29" s="2074"/>
      <c r="E29" s="2075"/>
      <c r="F29" s="2075"/>
      <c r="G29" s="2075"/>
      <c r="H29" s="2304"/>
      <c r="I29" s="2304"/>
      <c r="J29" s="2304"/>
      <c r="K29" s="2304"/>
      <c r="L29" s="2304"/>
      <c r="M29" s="2304"/>
      <c r="N29" s="2304"/>
      <c r="O29" s="2304"/>
      <c r="P29" s="2075"/>
      <c r="Q29" s="2075"/>
      <c r="R29" s="2075"/>
      <c r="S29" s="2075"/>
      <c r="T29" s="2304"/>
      <c r="U29" s="2304"/>
      <c r="V29" s="2304"/>
      <c r="W29" s="2304"/>
      <c r="X29" s="2304"/>
      <c r="Y29" s="2304"/>
      <c r="Z29" s="2304"/>
      <c r="AA29" s="2436"/>
      <c r="AB29" s="408"/>
      <c r="AD29" s="2424"/>
      <c r="AE29" s="1457"/>
      <c r="AF29" s="2262"/>
      <c r="AG29" s="2262"/>
      <c r="AH29" s="2262"/>
      <c r="AI29" s="2262"/>
      <c r="AJ29" s="2262"/>
      <c r="AK29" s="2262"/>
      <c r="AL29" s="2262"/>
      <c r="AM29" s="2262"/>
      <c r="AN29" s="2263"/>
      <c r="AO29" s="2263"/>
      <c r="AP29" s="2263"/>
      <c r="AQ29" s="2263"/>
      <c r="AR29" s="2263"/>
      <c r="AS29" s="2263"/>
      <c r="AT29" s="2263"/>
      <c r="AU29" s="2263"/>
      <c r="AV29" s="2263"/>
      <c r="AW29" s="2267"/>
      <c r="AX29" s="2267"/>
      <c r="AY29" s="2267"/>
      <c r="AZ29" s="2267"/>
      <c r="BA29" s="2267"/>
      <c r="BB29" s="2267"/>
      <c r="BC29" s="2267"/>
      <c r="BD29" s="2267"/>
      <c r="BE29" s="2263"/>
      <c r="BF29" s="2263"/>
      <c r="BG29" s="2263"/>
      <c r="BH29" s="2263"/>
      <c r="BI29" s="2263"/>
      <c r="BJ29" s="2263"/>
      <c r="BK29" s="2263"/>
      <c r="BL29" s="2263"/>
      <c r="BM29" s="2314"/>
    </row>
    <row r="30" spans="1:65" ht="5.25" customHeight="1">
      <c r="A30" s="407"/>
      <c r="B30" s="407"/>
      <c r="C30" s="384"/>
      <c r="D30" s="2074"/>
      <c r="E30" s="2075"/>
      <c r="F30" s="2075"/>
      <c r="G30" s="2075"/>
      <c r="H30" s="2304"/>
      <c r="I30" s="2304"/>
      <c r="J30" s="2304"/>
      <c r="K30" s="2304"/>
      <c r="L30" s="2304"/>
      <c r="M30" s="2304"/>
      <c r="N30" s="2304"/>
      <c r="O30" s="2304"/>
      <c r="P30" s="2075"/>
      <c r="Q30" s="2075"/>
      <c r="R30" s="2075"/>
      <c r="S30" s="2075"/>
      <c r="T30" s="2304"/>
      <c r="U30" s="2304"/>
      <c r="V30" s="2304"/>
      <c r="W30" s="2304"/>
      <c r="X30" s="2304"/>
      <c r="Y30" s="2304"/>
      <c r="Z30" s="2304"/>
      <c r="AA30" s="2436"/>
      <c r="AB30" s="408"/>
      <c r="AD30" s="2424"/>
      <c r="AE30" s="1457"/>
      <c r="AF30" s="2262"/>
      <c r="AG30" s="2262"/>
      <c r="AH30" s="2262"/>
      <c r="AI30" s="2262"/>
      <c r="AJ30" s="2262"/>
      <c r="AK30" s="2262"/>
      <c r="AL30" s="2262"/>
      <c r="AM30" s="2262"/>
      <c r="AN30" s="2263"/>
      <c r="AO30" s="2263"/>
      <c r="AP30" s="2263"/>
      <c r="AQ30" s="2263"/>
      <c r="AR30" s="2263"/>
      <c r="AS30" s="2263"/>
      <c r="AT30" s="2263"/>
      <c r="AU30" s="2263"/>
      <c r="AV30" s="2263"/>
      <c r="AW30" s="2267"/>
      <c r="AX30" s="2267"/>
      <c r="AY30" s="2267"/>
      <c r="AZ30" s="2267"/>
      <c r="BA30" s="2267"/>
      <c r="BB30" s="2267"/>
      <c r="BC30" s="2267"/>
      <c r="BD30" s="2267"/>
      <c r="BE30" s="2263"/>
      <c r="BF30" s="2263"/>
      <c r="BG30" s="2263"/>
      <c r="BH30" s="2263"/>
      <c r="BI30" s="2263"/>
      <c r="BJ30" s="2263"/>
      <c r="BK30" s="2263"/>
      <c r="BL30" s="2263"/>
      <c r="BM30" s="2314"/>
    </row>
    <row r="31" spans="1:65" ht="5.25" customHeight="1">
      <c r="A31" s="407"/>
      <c r="B31" s="407"/>
      <c r="C31" s="384"/>
      <c r="D31" s="2074"/>
      <c r="E31" s="2075"/>
      <c r="F31" s="2075"/>
      <c r="G31" s="2075"/>
      <c r="H31" s="2304"/>
      <c r="I31" s="2304"/>
      <c r="J31" s="2304"/>
      <c r="K31" s="2304"/>
      <c r="L31" s="2304"/>
      <c r="M31" s="2304"/>
      <c r="N31" s="2304"/>
      <c r="O31" s="2304"/>
      <c r="P31" s="2075"/>
      <c r="Q31" s="2075"/>
      <c r="R31" s="2075"/>
      <c r="S31" s="2075"/>
      <c r="T31" s="2304"/>
      <c r="U31" s="2304"/>
      <c r="V31" s="2304"/>
      <c r="W31" s="2304"/>
      <c r="X31" s="2304"/>
      <c r="Y31" s="2304"/>
      <c r="Z31" s="2304"/>
      <c r="AA31" s="2436"/>
      <c r="AB31" s="408"/>
      <c r="AD31" s="2424"/>
      <c r="AE31" s="1457"/>
      <c r="AF31" s="2262"/>
      <c r="AG31" s="2262"/>
      <c r="AH31" s="2262"/>
      <c r="AI31" s="2262"/>
      <c r="AJ31" s="2262"/>
      <c r="AK31" s="2262"/>
      <c r="AL31" s="2262"/>
      <c r="AM31" s="2262"/>
      <c r="AN31" s="2263"/>
      <c r="AO31" s="2263"/>
      <c r="AP31" s="2263"/>
      <c r="AQ31" s="2263"/>
      <c r="AR31" s="2263"/>
      <c r="AS31" s="2263"/>
      <c r="AT31" s="2263"/>
      <c r="AU31" s="2263"/>
      <c r="AV31" s="2263"/>
      <c r="AW31" s="2267"/>
      <c r="AX31" s="2267"/>
      <c r="AY31" s="2267"/>
      <c r="AZ31" s="2267"/>
      <c r="BA31" s="2267"/>
      <c r="BB31" s="2267"/>
      <c r="BC31" s="2267"/>
      <c r="BD31" s="2267"/>
      <c r="BE31" s="2263"/>
      <c r="BF31" s="2263"/>
      <c r="BG31" s="2263"/>
      <c r="BH31" s="2263"/>
      <c r="BI31" s="2263"/>
      <c r="BJ31" s="2263"/>
      <c r="BK31" s="2263"/>
      <c r="BL31" s="2263"/>
      <c r="BM31" s="2314"/>
    </row>
    <row r="32" spans="1:65" ht="5.25" customHeight="1">
      <c r="A32" s="407"/>
      <c r="B32" s="407"/>
      <c r="C32" s="384"/>
      <c r="D32" s="2074" t="s">
        <v>407</v>
      </c>
      <c r="E32" s="2075"/>
      <c r="F32" s="2075"/>
      <c r="G32" s="2075"/>
      <c r="H32" s="2192"/>
      <c r="I32" s="2193"/>
      <c r="J32" s="2193"/>
      <c r="K32" s="2193"/>
      <c r="L32" s="2193"/>
      <c r="M32" s="2193"/>
      <c r="N32" s="2441" t="s">
        <v>457</v>
      </c>
      <c r="O32" s="2442"/>
      <c r="P32" s="2075" t="s">
        <v>413</v>
      </c>
      <c r="Q32" s="2075"/>
      <c r="R32" s="2075"/>
      <c r="S32" s="2075"/>
      <c r="T32" s="2448"/>
      <c r="U32" s="2449"/>
      <c r="V32" s="2449"/>
      <c r="W32" s="2449"/>
      <c r="X32" s="2449"/>
      <c r="Y32" s="2449"/>
      <c r="Z32" s="2441" t="s">
        <v>457</v>
      </c>
      <c r="AA32" s="2445"/>
      <c r="AB32" s="347"/>
      <c r="AD32" s="2424"/>
      <c r="AE32" s="1457"/>
      <c r="AF32" s="2262"/>
      <c r="AG32" s="2262"/>
      <c r="AH32" s="2262"/>
      <c r="AI32" s="2262"/>
      <c r="AJ32" s="2262"/>
      <c r="AK32" s="2262"/>
      <c r="AL32" s="2262"/>
      <c r="AM32" s="2262"/>
      <c r="AN32" s="2263"/>
      <c r="AO32" s="2263"/>
      <c r="AP32" s="2263"/>
      <c r="AQ32" s="2263"/>
      <c r="AR32" s="2263"/>
      <c r="AS32" s="2263"/>
      <c r="AT32" s="2263"/>
      <c r="AU32" s="2263"/>
      <c r="AV32" s="2263"/>
      <c r="AW32" s="2267"/>
      <c r="AX32" s="2267"/>
      <c r="AY32" s="2267"/>
      <c r="AZ32" s="2267"/>
      <c r="BA32" s="2267"/>
      <c r="BB32" s="2267"/>
      <c r="BC32" s="2267"/>
      <c r="BD32" s="2267"/>
      <c r="BE32" s="2263"/>
      <c r="BF32" s="2263"/>
      <c r="BG32" s="2263"/>
      <c r="BH32" s="2263"/>
      <c r="BI32" s="2263"/>
      <c r="BJ32" s="2263"/>
      <c r="BK32" s="2263"/>
      <c r="BL32" s="2263"/>
      <c r="BM32" s="2314"/>
    </row>
    <row r="33" spans="1:66" ht="5.25" customHeight="1">
      <c r="A33" s="407"/>
      <c r="B33" s="407"/>
      <c r="C33" s="384"/>
      <c r="D33" s="2074"/>
      <c r="E33" s="2075"/>
      <c r="F33" s="2075"/>
      <c r="G33" s="2075"/>
      <c r="H33" s="2188"/>
      <c r="I33" s="2447"/>
      <c r="J33" s="2447"/>
      <c r="K33" s="2447"/>
      <c r="L33" s="2447"/>
      <c r="M33" s="2447"/>
      <c r="N33" s="2317"/>
      <c r="O33" s="2322"/>
      <c r="P33" s="2075"/>
      <c r="Q33" s="2075"/>
      <c r="R33" s="2075"/>
      <c r="S33" s="2075"/>
      <c r="T33" s="2450"/>
      <c r="U33" s="2451"/>
      <c r="V33" s="2451"/>
      <c r="W33" s="2451"/>
      <c r="X33" s="2451"/>
      <c r="Y33" s="2451"/>
      <c r="Z33" s="2317"/>
      <c r="AA33" s="2318"/>
      <c r="AD33" s="2424"/>
      <c r="AE33" s="1457"/>
      <c r="AF33" s="2261" t="s">
        <v>398</v>
      </c>
      <c r="AG33" s="2262"/>
      <c r="AH33" s="2262"/>
      <c r="AI33" s="2262"/>
      <c r="AJ33" s="2262"/>
      <c r="AK33" s="2262"/>
      <c r="AL33" s="2262"/>
      <c r="AM33" s="2262"/>
      <c r="AN33" s="2263"/>
      <c r="AO33" s="2263"/>
      <c r="AP33" s="2263"/>
      <c r="AQ33" s="2263"/>
      <c r="AR33" s="2263"/>
      <c r="AS33" s="2263"/>
      <c r="AT33" s="2263"/>
      <c r="AU33" s="2263"/>
      <c r="AV33" s="2263"/>
      <c r="AW33" s="2439"/>
      <c r="AX33" s="2439"/>
      <c r="AY33" s="2439"/>
      <c r="AZ33" s="2439"/>
      <c r="BA33" s="2439"/>
      <c r="BB33" s="2439"/>
      <c r="BC33" s="2439"/>
      <c r="BD33" s="2439"/>
      <c r="BE33" s="2283"/>
      <c r="BF33" s="2283"/>
      <c r="BG33" s="2283"/>
      <c r="BH33" s="2283"/>
      <c r="BI33" s="2283"/>
      <c r="BJ33" s="2283"/>
      <c r="BK33" s="2283"/>
      <c r="BL33" s="2283"/>
      <c r="BM33" s="2284"/>
    </row>
    <row r="34" spans="1:66" ht="5.25" customHeight="1">
      <c r="A34" s="407"/>
      <c r="B34" s="407"/>
      <c r="C34" s="384"/>
      <c r="D34" s="2074"/>
      <c r="E34" s="2075"/>
      <c r="F34" s="2075"/>
      <c r="G34" s="2075"/>
      <c r="H34" s="2188"/>
      <c r="I34" s="2447"/>
      <c r="J34" s="2447"/>
      <c r="K34" s="2447"/>
      <c r="L34" s="2447"/>
      <c r="M34" s="2447"/>
      <c r="N34" s="2317"/>
      <c r="O34" s="2322"/>
      <c r="P34" s="2075"/>
      <c r="Q34" s="2075"/>
      <c r="R34" s="2075"/>
      <c r="S34" s="2075"/>
      <c r="T34" s="2450"/>
      <c r="U34" s="2451"/>
      <c r="V34" s="2451"/>
      <c r="W34" s="2451"/>
      <c r="X34" s="2451"/>
      <c r="Y34" s="2451"/>
      <c r="Z34" s="2317"/>
      <c r="AA34" s="2318"/>
      <c r="AD34" s="2424"/>
      <c r="AE34" s="1457"/>
      <c r="AF34" s="2262"/>
      <c r="AG34" s="2262"/>
      <c r="AH34" s="2262"/>
      <c r="AI34" s="2262"/>
      <c r="AJ34" s="2262"/>
      <c r="AK34" s="2262"/>
      <c r="AL34" s="2262"/>
      <c r="AM34" s="2262"/>
      <c r="AN34" s="2263"/>
      <c r="AO34" s="2263"/>
      <c r="AP34" s="2263"/>
      <c r="AQ34" s="2263"/>
      <c r="AR34" s="2263"/>
      <c r="AS34" s="2263"/>
      <c r="AT34" s="2263"/>
      <c r="AU34" s="2263"/>
      <c r="AV34" s="2263"/>
      <c r="AW34" s="2439"/>
      <c r="AX34" s="2439"/>
      <c r="AY34" s="2439"/>
      <c r="AZ34" s="2439"/>
      <c r="BA34" s="2439"/>
      <c r="BB34" s="2439"/>
      <c r="BC34" s="2439"/>
      <c r="BD34" s="2439"/>
      <c r="BE34" s="2283"/>
      <c r="BF34" s="2283"/>
      <c r="BG34" s="2283"/>
      <c r="BH34" s="2283"/>
      <c r="BI34" s="2283"/>
      <c r="BJ34" s="2283"/>
      <c r="BK34" s="2283"/>
      <c r="BL34" s="2283"/>
      <c r="BM34" s="2284"/>
    </row>
    <row r="35" spans="1:66" ht="5.25" customHeight="1">
      <c r="A35" s="407"/>
      <c r="B35" s="407"/>
      <c r="C35" s="384"/>
      <c r="D35" s="2074"/>
      <c r="E35" s="2075"/>
      <c r="F35" s="2075"/>
      <c r="G35" s="2075"/>
      <c r="H35" s="2190"/>
      <c r="I35" s="2191"/>
      <c r="J35" s="2191"/>
      <c r="K35" s="2191"/>
      <c r="L35" s="2191"/>
      <c r="M35" s="2191"/>
      <c r="N35" s="2443"/>
      <c r="O35" s="2444"/>
      <c r="P35" s="2075"/>
      <c r="Q35" s="2075"/>
      <c r="R35" s="2075"/>
      <c r="S35" s="2075"/>
      <c r="T35" s="2452"/>
      <c r="U35" s="2453"/>
      <c r="V35" s="2453"/>
      <c r="W35" s="2453"/>
      <c r="X35" s="2453"/>
      <c r="Y35" s="2453"/>
      <c r="Z35" s="2443"/>
      <c r="AA35" s="2446"/>
      <c r="AB35" s="347"/>
      <c r="AD35" s="2424"/>
      <c r="AE35" s="1457"/>
      <c r="AF35" s="2262"/>
      <c r="AG35" s="2262"/>
      <c r="AH35" s="2262"/>
      <c r="AI35" s="2262"/>
      <c r="AJ35" s="2262"/>
      <c r="AK35" s="2262"/>
      <c r="AL35" s="2262"/>
      <c r="AM35" s="2262"/>
      <c r="AN35" s="2263"/>
      <c r="AO35" s="2263"/>
      <c r="AP35" s="2263"/>
      <c r="AQ35" s="2263"/>
      <c r="AR35" s="2263"/>
      <c r="AS35" s="2263"/>
      <c r="AT35" s="2263"/>
      <c r="AU35" s="2263"/>
      <c r="AV35" s="2263"/>
      <c r="AW35" s="2439"/>
      <c r="AX35" s="2439"/>
      <c r="AY35" s="2439"/>
      <c r="AZ35" s="2439"/>
      <c r="BA35" s="2439"/>
      <c r="BB35" s="2439"/>
      <c r="BC35" s="2439"/>
      <c r="BD35" s="2439"/>
      <c r="BE35" s="2283"/>
      <c r="BF35" s="2283"/>
      <c r="BG35" s="2283"/>
      <c r="BH35" s="2283"/>
      <c r="BI35" s="2283"/>
      <c r="BJ35" s="2283"/>
      <c r="BK35" s="2283"/>
      <c r="BL35" s="2283"/>
      <c r="BM35" s="2284"/>
    </row>
    <row r="36" spans="1:66" ht="5.25" customHeight="1">
      <c r="A36" s="407"/>
      <c r="B36" s="407"/>
      <c r="C36" s="384"/>
      <c r="D36" s="2074" t="s">
        <v>408</v>
      </c>
      <c r="E36" s="2075"/>
      <c r="F36" s="2075"/>
      <c r="G36" s="2075"/>
      <c r="H36" s="2342"/>
      <c r="I36" s="2342"/>
      <c r="J36" s="2342"/>
      <c r="K36" s="2342"/>
      <c r="L36" s="2342"/>
      <c r="M36" s="2342"/>
      <c r="N36" s="2342"/>
      <c r="O36" s="2342"/>
      <c r="P36" s="2075" t="s">
        <v>414</v>
      </c>
      <c r="Q36" s="2075"/>
      <c r="R36" s="2075"/>
      <c r="S36" s="2075"/>
      <c r="T36" s="2342"/>
      <c r="U36" s="2342"/>
      <c r="V36" s="2342"/>
      <c r="W36" s="2342"/>
      <c r="X36" s="2342"/>
      <c r="Y36" s="2342"/>
      <c r="Z36" s="2342"/>
      <c r="AA36" s="2343"/>
      <c r="AD36" s="2424"/>
      <c r="AE36" s="1457"/>
      <c r="AF36" s="2262"/>
      <c r="AG36" s="2262"/>
      <c r="AH36" s="2262"/>
      <c r="AI36" s="2262"/>
      <c r="AJ36" s="2262"/>
      <c r="AK36" s="2262"/>
      <c r="AL36" s="2262"/>
      <c r="AM36" s="2262"/>
      <c r="AN36" s="2263"/>
      <c r="AO36" s="2263"/>
      <c r="AP36" s="2263"/>
      <c r="AQ36" s="2263"/>
      <c r="AR36" s="2263"/>
      <c r="AS36" s="2263"/>
      <c r="AT36" s="2263"/>
      <c r="AU36" s="2263"/>
      <c r="AV36" s="2263"/>
      <c r="AW36" s="2439"/>
      <c r="AX36" s="2439"/>
      <c r="AY36" s="2439"/>
      <c r="AZ36" s="2439"/>
      <c r="BA36" s="2439"/>
      <c r="BB36" s="2439"/>
      <c r="BC36" s="2439"/>
      <c r="BD36" s="2439"/>
      <c r="BE36" s="2283"/>
      <c r="BF36" s="2283"/>
      <c r="BG36" s="2283"/>
      <c r="BH36" s="2283"/>
      <c r="BI36" s="2283"/>
      <c r="BJ36" s="2283"/>
      <c r="BK36" s="2283"/>
      <c r="BL36" s="2283"/>
      <c r="BM36" s="2284"/>
    </row>
    <row r="37" spans="1:66" ht="5.25" customHeight="1" thickBot="1">
      <c r="A37" s="407"/>
      <c r="B37" s="407"/>
      <c r="C37" s="384"/>
      <c r="D37" s="2074"/>
      <c r="E37" s="2075"/>
      <c r="F37" s="2075"/>
      <c r="G37" s="2075"/>
      <c r="H37" s="2342"/>
      <c r="I37" s="2342"/>
      <c r="J37" s="2342"/>
      <c r="K37" s="2342"/>
      <c r="L37" s="2342"/>
      <c r="M37" s="2342"/>
      <c r="N37" s="2342"/>
      <c r="O37" s="2342"/>
      <c r="P37" s="2075"/>
      <c r="Q37" s="2075"/>
      <c r="R37" s="2075"/>
      <c r="S37" s="2075"/>
      <c r="T37" s="2342"/>
      <c r="U37" s="2342"/>
      <c r="V37" s="2342"/>
      <c r="W37" s="2342"/>
      <c r="X37" s="2342"/>
      <c r="Y37" s="2342"/>
      <c r="Z37" s="2342"/>
      <c r="AA37" s="2343"/>
      <c r="AD37" s="2425"/>
      <c r="AE37" s="2426"/>
      <c r="AF37" s="2276"/>
      <c r="AG37" s="2276"/>
      <c r="AH37" s="2276"/>
      <c r="AI37" s="2276"/>
      <c r="AJ37" s="2276"/>
      <c r="AK37" s="2276"/>
      <c r="AL37" s="2276"/>
      <c r="AM37" s="2276"/>
      <c r="AN37" s="2275"/>
      <c r="AO37" s="2275"/>
      <c r="AP37" s="2275"/>
      <c r="AQ37" s="2275"/>
      <c r="AR37" s="2275"/>
      <c r="AS37" s="2275"/>
      <c r="AT37" s="2275"/>
      <c r="AU37" s="2275"/>
      <c r="AV37" s="2275"/>
      <c r="AW37" s="2440"/>
      <c r="AX37" s="2440"/>
      <c r="AY37" s="2440"/>
      <c r="AZ37" s="2440"/>
      <c r="BA37" s="2440"/>
      <c r="BB37" s="2440"/>
      <c r="BC37" s="2440"/>
      <c r="BD37" s="2440"/>
      <c r="BE37" s="2285"/>
      <c r="BF37" s="2285"/>
      <c r="BG37" s="2285"/>
      <c r="BH37" s="2285"/>
      <c r="BI37" s="2285"/>
      <c r="BJ37" s="2285"/>
      <c r="BK37" s="2285"/>
      <c r="BL37" s="2285"/>
      <c r="BM37" s="2286"/>
    </row>
    <row r="38" spans="1:66" ht="5.25" customHeight="1">
      <c r="A38" s="407"/>
      <c r="B38" s="407"/>
      <c r="C38" s="365"/>
      <c r="D38" s="2074"/>
      <c r="E38" s="2075"/>
      <c r="F38" s="2075"/>
      <c r="G38" s="2075"/>
      <c r="H38" s="2342"/>
      <c r="I38" s="2342"/>
      <c r="J38" s="2342"/>
      <c r="K38" s="2342"/>
      <c r="L38" s="2342"/>
      <c r="M38" s="2342"/>
      <c r="N38" s="2342"/>
      <c r="O38" s="2342"/>
      <c r="P38" s="2075"/>
      <c r="Q38" s="2075"/>
      <c r="R38" s="2075"/>
      <c r="S38" s="2075"/>
      <c r="T38" s="2342"/>
      <c r="U38" s="2342"/>
      <c r="V38" s="2342"/>
      <c r="W38" s="2342"/>
      <c r="X38" s="2342"/>
      <c r="Y38" s="2342"/>
      <c r="Z38" s="2342"/>
      <c r="AA38" s="2343"/>
      <c r="AD38" s="2431" t="s">
        <v>403</v>
      </c>
      <c r="AE38" s="2432"/>
      <c r="AF38" s="2358" t="s">
        <v>299</v>
      </c>
      <c r="AG38" s="2358"/>
      <c r="AH38" s="2358"/>
      <c r="AI38" s="2358"/>
      <c r="AJ38" s="2358"/>
      <c r="AK38" s="2358"/>
      <c r="AL38" s="2358"/>
      <c r="AM38" s="2358"/>
      <c r="AN38" s="2541"/>
      <c r="AO38" s="2542"/>
      <c r="AP38" s="2542"/>
      <c r="AQ38" s="2542"/>
      <c r="AR38" s="2542"/>
      <c r="AS38" s="2542"/>
      <c r="AT38" s="2542"/>
      <c r="AU38" s="2376" t="s">
        <v>294</v>
      </c>
      <c r="AV38" s="2377"/>
      <c r="AW38" s="2264" t="s">
        <v>399</v>
      </c>
      <c r="AX38" s="2265"/>
      <c r="AY38" s="2265"/>
      <c r="AZ38" s="2265"/>
      <c r="BA38" s="2265"/>
      <c r="BB38" s="2265"/>
      <c r="BC38" s="2265"/>
      <c r="BD38" s="2265"/>
      <c r="BE38" s="2541"/>
      <c r="BF38" s="2542"/>
      <c r="BG38" s="2542"/>
      <c r="BH38" s="2542"/>
      <c r="BI38" s="2542"/>
      <c r="BJ38" s="2542"/>
      <c r="BK38" s="2542"/>
      <c r="BL38" s="2376" t="s">
        <v>294</v>
      </c>
      <c r="BM38" s="2376"/>
      <c r="BN38" s="423"/>
    </row>
    <row r="39" spans="1:66" ht="5.25" customHeight="1">
      <c r="A39" s="407"/>
      <c r="B39" s="407"/>
      <c r="C39" s="365"/>
      <c r="D39" s="2074"/>
      <c r="E39" s="2075"/>
      <c r="F39" s="2075"/>
      <c r="G39" s="2075"/>
      <c r="H39" s="2342"/>
      <c r="I39" s="2342"/>
      <c r="J39" s="2342"/>
      <c r="K39" s="2342"/>
      <c r="L39" s="2342"/>
      <c r="M39" s="2342"/>
      <c r="N39" s="2342"/>
      <c r="O39" s="2342"/>
      <c r="P39" s="2075"/>
      <c r="Q39" s="2075"/>
      <c r="R39" s="2075"/>
      <c r="S39" s="2075"/>
      <c r="T39" s="2342"/>
      <c r="U39" s="2342"/>
      <c r="V39" s="2342"/>
      <c r="W39" s="2342"/>
      <c r="X39" s="2342"/>
      <c r="Y39" s="2342"/>
      <c r="Z39" s="2342"/>
      <c r="AA39" s="2343"/>
      <c r="AD39" s="2433"/>
      <c r="AE39" s="1616"/>
      <c r="AF39" s="2359"/>
      <c r="AG39" s="2359"/>
      <c r="AH39" s="2359"/>
      <c r="AI39" s="2359"/>
      <c r="AJ39" s="2359"/>
      <c r="AK39" s="2359"/>
      <c r="AL39" s="2359"/>
      <c r="AM39" s="2359"/>
      <c r="AN39" s="2543"/>
      <c r="AO39" s="2544"/>
      <c r="AP39" s="2544"/>
      <c r="AQ39" s="2544"/>
      <c r="AR39" s="2544"/>
      <c r="AS39" s="2544"/>
      <c r="AT39" s="2544"/>
      <c r="AU39" s="2378"/>
      <c r="AV39" s="2379"/>
      <c r="AW39" s="2266"/>
      <c r="AX39" s="2266"/>
      <c r="AY39" s="2266"/>
      <c r="AZ39" s="2266"/>
      <c r="BA39" s="2266"/>
      <c r="BB39" s="2266"/>
      <c r="BC39" s="2266"/>
      <c r="BD39" s="2266"/>
      <c r="BE39" s="2543"/>
      <c r="BF39" s="2544"/>
      <c r="BG39" s="2544"/>
      <c r="BH39" s="2544"/>
      <c r="BI39" s="2544"/>
      <c r="BJ39" s="2544"/>
      <c r="BK39" s="2544"/>
      <c r="BL39" s="2378"/>
      <c r="BM39" s="2378"/>
      <c r="BN39" s="423"/>
    </row>
    <row r="40" spans="1:66" ht="5.25" customHeight="1">
      <c r="A40" s="407"/>
      <c r="B40" s="407"/>
      <c r="C40" s="365"/>
      <c r="D40" s="2074" t="s">
        <v>409</v>
      </c>
      <c r="E40" s="2075"/>
      <c r="F40" s="2075"/>
      <c r="G40" s="2075"/>
      <c r="H40" s="2345"/>
      <c r="I40" s="2345"/>
      <c r="J40" s="2345"/>
      <c r="K40" s="2345"/>
      <c r="L40" s="2345"/>
      <c r="M40" s="2345"/>
      <c r="N40" s="2345"/>
      <c r="O40" s="2345"/>
      <c r="P40" s="2075" t="s">
        <v>415</v>
      </c>
      <c r="Q40" s="2075"/>
      <c r="R40" s="2075"/>
      <c r="S40" s="2075"/>
      <c r="T40" s="2342"/>
      <c r="U40" s="2342"/>
      <c r="V40" s="2342"/>
      <c r="W40" s="2342"/>
      <c r="X40" s="2342"/>
      <c r="Y40" s="2342"/>
      <c r="Z40" s="2342"/>
      <c r="AA40" s="2343"/>
      <c r="AD40" s="2433"/>
      <c r="AE40" s="1616"/>
      <c r="AF40" s="2359"/>
      <c r="AG40" s="2359"/>
      <c r="AH40" s="2359"/>
      <c r="AI40" s="2359"/>
      <c r="AJ40" s="2359"/>
      <c r="AK40" s="2359"/>
      <c r="AL40" s="2359"/>
      <c r="AM40" s="2359"/>
      <c r="AN40" s="2543"/>
      <c r="AO40" s="2544"/>
      <c r="AP40" s="2544"/>
      <c r="AQ40" s="2544"/>
      <c r="AR40" s="2544"/>
      <c r="AS40" s="2544"/>
      <c r="AT40" s="2544"/>
      <c r="AU40" s="2378"/>
      <c r="AV40" s="2379"/>
      <c r="AW40" s="2266"/>
      <c r="AX40" s="2266"/>
      <c r="AY40" s="2266"/>
      <c r="AZ40" s="2266"/>
      <c r="BA40" s="2266"/>
      <c r="BB40" s="2266"/>
      <c r="BC40" s="2266"/>
      <c r="BD40" s="2266"/>
      <c r="BE40" s="2543"/>
      <c r="BF40" s="2544"/>
      <c r="BG40" s="2544"/>
      <c r="BH40" s="2544"/>
      <c r="BI40" s="2544"/>
      <c r="BJ40" s="2544"/>
      <c r="BK40" s="2544"/>
      <c r="BL40" s="2378"/>
      <c r="BM40" s="2378"/>
      <c r="BN40" s="423"/>
    </row>
    <row r="41" spans="1:66" ht="5.25" customHeight="1">
      <c r="A41" s="407"/>
      <c r="B41" s="407"/>
      <c r="C41" s="365"/>
      <c r="D41" s="2074"/>
      <c r="E41" s="2075"/>
      <c r="F41" s="2075"/>
      <c r="G41" s="2075"/>
      <c r="H41" s="2345"/>
      <c r="I41" s="2345"/>
      <c r="J41" s="2345"/>
      <c r="K41" s="2345"/>
      <c r="L41" s="2345"/>
      <c r="M41" s="2345"/>
      <c r="N41" s="2345"/>
      <c r="O41" s="2345"/>
      <c r="P41" s="2075"/>
      <c r="Q41" s="2075"/>
      <c r="R41" s="2075"/>
      <c r="S41" s="2075"/>
      <c r="T41" s="2342"/>
      <c r="U41" s="2342"/>
      <c r="V41" s="2342"/>
      <c r="W41" s="2342"/>
      <c r="X41" s="2342"/>
      <c r="Y41" s="2342"/>
      <c r="Z41" s="2342"/>
      <c r="AA41" s="2343"/>
      <c r="AD41" s="2433"/>
      <c r="AE41" s="1616"/>
      <c r="AF41" s="2262"/>
      <c r="AG41" s="2262"/>
      <c r="AH41" s="2262"/>
      <c r="AI41" s="2262"/>
      <c r="AJ41" s="2262"/>
      <c r="AK41" s="2262"/>
      <c r="AL41" s="2262"/>
      <c r="AM41" s="2262"/>
      <c r="AN41" s="2543"/>
      <c r="AO41" s="2544"/>
      <c r="AP41" s="2544"/>
      <c r="AQ41" s="2544"/>
      <c r="AR41" s="2544"/>
      <c r="AS41" s="2544"/>
      <c r="AT41" s="2544"/>
      <c r="AU41" s="2378"/>
      <c r="AV41" s="2379"/>
      <c r="AW41" s="2267"/>
      <c r="AX41" s="2267"/>
      <c r="AY41" s="2267"/>
      <c r="AZ41" s="2267"/>
      <c r="BA41" s="2267"/>
      <c r="BB41" s="2267"/>
      <c r="BC41" s="2267"/>
      <c r="BD41" s="2267"/>
      <c r="BE41" s="2543"/>
      <c r="BF41" s="2544"/>
      <c r="BG41" s="2544"/>
      <c r="BH41" s="2544"/>
      <c r="BI41" s="2544"/>
      <c r="BJ41" s="2544"/>
      <c r="BK41" s="2544"/>
      <c r="BL41" s="2378"/>
      <c r="BM41" s="2378"/>
      <c r="BN41" s="423"/>
    </row>
    <row r="42" spans="1:66" ht="5.25" customHeight="1">
      <c r="A42" s="407"/>
      <c r="B42" s="407"/>
      <c r="C42" s="365"/>
      <c r="D42" s="2074"/>
      <c r="E42" s="2075"/>
      <c r="F42" s="2075"/>
      <c r="G42" s="2075"/>
      <c r="H42" s="2345"/>
      <c r="I42" s="2345"/>
      <c r="J42" s="2345"/>
      <c r="K42" s="2345"/>
      <c r="L42" s="2345"/>
      <c r="M42" s="2345"/>
      <c r="N42" s="2345"/>
      <c r="O42" s="2345"/>
      <c r="P42" s="2075"/>
      <c r="Q42" s="2075"/>
      <c r="R42" s="2075"/>
      <c r="S42" s="2075"/>
      <c r="T42" s="2342"/>
      <c r="U42" s="2342"/>
      <c r="V42" s="2342"/>
      <c r="W42" s="2342"/>
      <c r="X42" s="2342"/>
      <c r="Y42" s="2342"/>
      <c r="Z42" s="2342"/>
      <c r="AA42" s="2343"/>
      <c r="AD42" s="2433"/>
      <c r="AE42" s="1616"/>
      <c r="AF42" s="2262"/>
      <c r="AG42" s="2262"/>
      <c r="AH42" s="2262"/>
      <c r="AI42" s="2262"/>
      <c r="AJ42" s="2262"/>
      <c r="AK42" s="2262"/>
      <c r="AL42" s="2262"/>
      <c r="AM42" s="2262"/>
      <c r="AN42" s="2545"/>
      <c r="AO42" s="2546"/>
      <c r="AP42" s="2546"/>
      <c r="AQ42" s="2546"/>
      <c r="AR42" s="2546"/>
      <c r="AS42" s="2546"/>
      <c r="AT42" s="2546"/>
      <c r="AU42" s="2380"/>
      <c r="AV42" s="2381"/>
      <c r="AW42" s="2267"/>
      <c r="AX42" s="2267"/>
      <c r="AY42" s="2267"/>
      <c r="AZ42" s="2267"/>
      <c r="BA42" s="2267"/>
      <c r="BB42" s="2267"/>
      <c r="BC42" s="2267"/>
      <c r="BD42" s="2267"/>
      <c r="BE42" s="2545"/>
      <c r="BF42" s="2546"/>
      <c r="BG42" s="2546"/>
      <c r="BH42" s="2546"/>
      <c r="BI42" s="2546"/>
      <c r="BJ42" s="2546"/>
      <c r="BK42" s="2546"/>
      <c r="BL42" s="2380"/>
      <c r="BM42" s="2380"/>
      <c r="BN42" s="423"/>
    </row>
    <row r="43" spans="1:66" ht="5.25" customHeight="1">
      <c r="A43" s="407"/>
      <c r="B43" s="407"/>
      <c r="C43" s="365"/>
      <c r="D43" s="2074"/>
      <c r="E43" s="2075"/>
      <c r="F43" s="2075"/>
      <c r="G43" s="2075"/>
      <c r="H43" s="2345"/>
      <c r="I43" s="2345"/>
      <c r="J43" s="2345"/>
      <c r="K43" s="2345"/>
      <c r="L43" s="2345"/>
      <c r="M43" s="2345"/>
      <c r="N43" s="2345"/>
      <c r="O43" s="2345"/>
      <c r="P43" s="2075"/>
      <c r="Q43" s="2075"/>
      <c r="R43" s="2075"/>
      <c r="S43" s="2075"/>
      <c r="T43" s="2342"/>
      <c r="U43" s="2342"/>
      <c r="V43" s="2342"/>
      <c r="W43" s="2342"/>
      <c r="X43" s="2342"/>
      <c r="Y43" s="2342"/>
      <c r="Z43" s="2342"/>
      <c r="AA43" s="2343"/>
      <c r="AD43" s="2433"/>
      <c r="AE43" s="1616"/>
      <c r="AF43" s="2262" t="s">
        <v>300</v>
      </c>
      <c r="AG43" s="2262"/>
      <c r="AH43" s="2262"/>
      <c r="AI43" s="2262"/>
      <c r="AJ43" s="2262"/>
      <c r="AK43" s="2262"/>
      <c r="AL43" s="2262"/>
      <c r="AM43" s="2262"/>
      <c r="AN43" s="2263"/>
      <c r="AO43" s="2263"/>
      <c r="AP43" s="2263"/>
      <c r="AQ43" s="2263"/>
      <c r="AR43" s="2263"/>
      <c r="AS43" s="2263"/>
      <c r="AT43" s="2263"/>
      <c r="AU43" s="2263"/>
      <c r="AV43" s="2263"/>
      <c r="AW43" s="2312" t="s">
        <v>400</v>
      </c>
      <c r="AX43" s="2267"/>
      <c r="AY43" s="2267"/>
      <c r="AZ43" s="2267"/>
      <c r="BA43" s="2267"/>
      <c r="BB43" s="2267"/>
      <c r="BC43" s="2267"/>
      <c r="BD43" s="2267"/>
      <c r="BE43" s="2263"/>
      <c r="BF43" s="2263"/>
      <c r="BG43" s="2263"/>
      <c r="BH43" s="2263"/>
      <c r="BI43" s="2263"/>
      <c r="BJ43" s="2263"/>
      <c r="BK43" s="2263"/>
      <c r="BL43" s="2263"/>
      <c r="BM43" s="2313"/>
      <c r="BN43" s="423"/>
    </row>
    <row r="44" spans="1:66" ht="5.25" customHeight="1">
      <c r="A44" s="407"/>
      <c r="B44" s="407"/>
      <c r="C44" s="365"/>
      <c r="D44" s="2074" t="s">
        <v>410</v>
      </c>
      <c r="E44" s="2075"/>
      <c r="F44" s="2075"/>
      <c r="G44" s="2075"/>
      <c r="H44" s="2342"/>
      <c r="I44" s="2342"/>
      <c r="J44" s="2342"/>
      <c r="K44" s="2342"/>
      <c r="L44" s="2342"/>
      <c r="M44" s="2342"/>
      <c r="N44" s="2342"/>
      <c r="O44" s="2342"/>
      <c r="P44" s="2075" t="s">
        <v>419</v>
      </c>
      <c r="Q44" s="2075"/>
      <c r="R44" s="2075"/>
      <c r="S44" s="2075"/>
      <c r="T44" s="2342"/>
      <c r="U44" s="2342"/>
      <c r="V44" s="2342"/>
      <c r="W44" s="2342"/>
      <c r="X44" s="2342"/>
      <c r="Y44" s="2342"/>
      <c r="Z44" s="2342"/>
      <c r="AA44" s="2343"/>
      <c r="AD44" s="2433"/>
      <c r="AE44" s="1616"/>
      <c r="AF44" s="2262"/>
      <c r="AG44" s="2262"/>
      <c r="AH44" s="2262"/>
      <c r="AI44" s="2262"/>
      <c r="AJ44" s="2262"/>
      <c r="AK44" s="2262"/>
      <c r="AL44" s="2262"/>
      <c r="AM44" s="2262"/>
      <c r="AN44" s="2263"/>
      <c r="AO44" s="2263"/>
      <c r="AP44" s="2263"/>
      <c r="AQ44" s="2263"/>
      <c r="AR44" s="2263"/>
      <c r="AS44" s="2263"/>
      <c r="AT44" s="2263"/>
      <c r="AU44" s="2263"/>
      <c r="AV44" s="2263"/>
      <c r="AW44" s="2267"/>
      <c r="AX44" s="2267"/>
      <c r="AY44" s="2267"/>
      <c r="AZ44" s="2267"/>
      <c r="BA44" s="2267"/>
      <c r="BB44" s="2267"/>
      <c r="BC44" s="2267"/>
      <c r="BD44" s="2267"/>
      <c r="BE44" s="2263"/>
      <c r="BF44" s="2263"/>
      <c r="BG44" s="2263"/>
      <c r="BH44" s="2263"/>
      <c r="BI44" s="2263"/>
      <c r="BJ44" s="2263"/>
      <c r="BK44" s="2263"/>
      <c r="BL44" s="2263"/>
      <c r="BM44" s="2314"/>
    </row>
    <row r="45" spans="1:66" ht="5.25" customHeight="1">
      <c r="A45" s="407"/>
      <c r="B45" s="407"/>
      <c r="C45" s="365"/>
      <c r="D45" s="2074"/>
      <c r="E45" s="2075"/>
      <c r="F45" s="2075"/>
      <c r="G45" s="2075"/>
      <c r="H45" s="2342"/>
      <c r="I45" s="2342"/>
      <c r="J45" s="2342"/>
      <c r="K45" s="2342"/>
      <c r="L45" s="2342"/>
      <c r="M45" s="2342"/>
      <c r="N45" s="2342"/>
      <c r="O45" s="2342"/>
      <c r="P45" s="2075"/>
      <c r="Q45" s="2075"/>
      <c r="R45" s="2075"/>
      <c r="S45" s="2075"/>
      <c r="T45" s="2342"/>
      <c r="U45" s="2342"/>
      <c r="V45" s="2342"/>
      <c r="W45" s="2342"/>
      <c r="X45" s="2342"/>
      <c r="Y45" s="2342"/>
      <c r="Z45" s="2342"/>
      <c r="AA45" s="2343"/>
      <c r="AD45" s="2433"/>
      <c r="AE45" s="1616"/>
      <c r="AF45" s="2262"/>
      <c r="AG45" s="2262"/>
      <c r="AH45" s="2262"/>
      <c r="AI45" s="2262"/>
      <c r="AJ45" s="2262"/>
      <c r="AK45" s="2262"/>
      <c r="AL45" s="2262"/>
      <c r="AM45" s="2262"/>
      <c r="AN45" s="2263"/>
      <c r="AO45" s="2263"/>
      <c r="AP45" s="2263"/>
      <c r="AQ45" s="2263"/>
      <c r="AR45" s="2263"/>
      <c r="AS45" s="2263"/>
      <c r="AT45" s="2263"/>
      <c r="AU45" s="2263"/>
      <c r="AV45" s="2263"/>
      <c r="AW45" s="2267"/>
      <c r="AX45" s="2267"/>
      <c r="AY45" s="2267"/>
      <c r="AZ45" s="2267"/>
      <c r="BA45" s="2267"/>
      <c r="BB45" s="2267"/>
      <c r="BC45" s="2267"/>
      <c r="BD45" s="2267"/>
      <c r="BE45" s="2263"/>
      <c r="BF45" s="2263"/>
      <c r="BG45" s="2263"/>
      <c r="BH45" s="2263"/>
      <c r="BI45" s="2263"/>
      <c r="BJ45" s="2263"/>
      <c r="BK45" s="2263"/>
      <c r="BL45" s="2263"/>
      <c r="BM45" s="2314"/>
    </row>
    <row r="46" spans="1:66" ht="5.25" customHeight="1">
      <c r="A46" s="407"/>
      <c r="B46" s="407"/>
      <c r="C46" s="365"/>
      <c r="D46" s="2074"/>
      <c r="E46" s="2075"/>
      <c r="F46" s="2075"/>
      <c r="G46" s="2075"/>
      <c r="H46" s="2342"/>
      <c r="I46" s="2342"/>
      <c r="J46" s="2342"/>
      <c r="K46" s="2342"/>
      <c r="L46" s="2342"/>
      <c r="M46" s="2342"/>
      <c r="N46" s="2342"/>
      <c r="O46" s="2342"/>
      <c r="P46" s="2075"/>
      <c r="Q46" s="2075"/>
      <c r="R46" s="2075"/>
      <c r="S46" s="2075"/>
      <c r="T46" s="2342"/>
      <c r="U46" s="2342"/>
      <c r="V46" s="2342"/>
      <c r="W46" s="2342"/>
      <c r="X46" s="2342"/>
      <c r="Y46" s="2342"/>
      <c r="Z46" s="2342"/>
      <c r="AA46" s="2343"/>
      <c r="AD46" s="2433"/>
      <c r="AE46" s="1616"/>
      <c r="AF46" s="2262"/>
      <c r="AG46" s="2262"/>
      <c r="AH46" s="2262"/>
      <c r="AI46" s="2262"/>
      <c r="AJ46" s="2262"/>
      <c r="AK46" s="2262"/>
      <c r="AL46" s="2262"/>
      <c r="AM46" s="2262"/>
      <c r="AN46" s="2263"/>
      <c r="AO46" s="2263"/>
      <c r="AP46" s="2263"/>
      <c r="AQ46" s="2263"/>
      <c r="AR46" s="2263"/>
      <c r="AS46" s="2263"/>
      <c r="AT46" s="2263"/>
      <c r="AU46" s="2263"/>
      <c r="AV46" s="2263"/>
      <c r="AW46" s="2267"/>
      <c r="AX46" s="2267"/>
      <c r="AY46" s="2267"/>
      <c r="AZ46" s="2267"/>
      <c r="BA46" s="2267"/>
      <c r="BB46" s="2267"/>
      <c r="BC46" s="2267"/>
      <c r="BD46" s="2267"/>
      <c r="BE46" s="2263"/>
      <c r="BF46" s="2263"/>
      <c r="BG46" s="2263"/>
      <c r="BH46" s="2263"/>
      <c r="BI46" s="2263"/>
      <c r="BJ46" s="2263"/>
      <c r="BK46" s="2263"/>
      <c r="BL46" s="2263"/>
      <c r="BM46" s="2314"/>
    </row>
    <row r="47" spans="1:66" ht="5.25" customHeight="1">
      <c r="A47" s="407"/>
      <c r="B47" s="407"/>
      <c r="C47" s="365"/>
      <c r="D47" s="2074"/>
      <c r="E47" s="2075"/>
      <c r="F47" s="2075"/>
      <c r="G47" s="2075"/>
      <c r="H47" s="2342"/>
      <c r="I47" s="2342"/>
      <c r="J47" s="2342"/>
      <c r="K47" s="2342"/>
      <c r="L47" s="2342"/>
      <c r="M47" s="2342"/>
      <c r="N47" s="2342"/>
      <c r="O47" s="2342"/>
      <c r="P47" s="2075"/>
      <c r="Q47" s="2075"/>
      <c r="R47" s="2075"/>
      <c r="S47" s="2075"/>
      <c r="T47" s="2342"/>
      <c r="U47" s="2342"/>
      <c r="V47" s="2342"/>
      <c r="W47" s="2342"/>
      <c r="X47" s="2342"/>
      <c r="Y47" s="2342"/>
      <c r="Z47" s="2342"/>
      <c r="AA47" s="2343"/>
      <c r="AD47" s="2433"/>
      <c r="AE47" s="1616"/>
      <c r="AF47" s="2262"/>
      <c r="AG47" s="2262"/>
      <c r="AH47" s="2262"/>
      <c r="AI47" s="2262"/>
      <c r="AJ47" s="2262"/>
      <c r="AK47" s="2262"/>
      <c r="AL47" s="2262"/>
      <c r="AM47" s="2262"/>
      <c r="AN47" s="2263"/>
      <c r="AO47" s="2263"/>
      <c r="AP47" s="2263"/>
      <c r="AQ47" s="2263"/>
      <c r="AR47" s="2263"/>
      <c r="AS47" s="2263"/>
      <c r="AT47" s="2263"/>
      <c r="AU47" s="2263"/>
      <c r="AV47" s="2263"/>
      <c r="AW47" s="2267"/>
      <c r="AX47" s="2267"/>
      <c r="AY47" s="2267"/>
      <c r="AZ47" s="2267"/>
      <c r="BA47" s="2267"/>
      <c r="BB47" s="2267"/>
      <c r="BC47" s="2267"/>
      <c r="BD47" s="2267"/>
      <c r="BE47" s="2263"/>
      <c r="BF47" s="2263"/>
      <c r="BG47" s="2263"/>
      <c r="BH47" s="2263"/>
      <c r="BI47" s="2263"/>
      <c r="BJ47" s="2263"/>
      <c r="BK47" s="2263"/>
      <c r="BL47" s="2263"/>
      <c r="BM47" s="2314"/>
    </row>
    <row r="48" spans="1:66" ht="5.25" customHeight="1">
      <c r="A48" s="407"/>
      <c r="B48" s="407"/>
      <c r="C48" s="365"/>
      <c r="D48" s="2074" t="s">
        <v>411</v>
      </c>
      <c r="E48" s="2075"/>
      <c r="F48" s="2075"/>
      <c r="G48" s="2075"/>
      <c r="H48" s="2342"/>
      <c r="I48" s="2342"/>
      <c r="J48" s="2342"/>
      <c r="K48" s="2342"/>
      <c r="L48" s="2342"/>
      <c r="M48" s="2342"/>
      <c r="N48" s="2342"/>
      <c r="O48" s="2342"/>
      <c r="P48" s="2075" t="s">
        <v>420</v>
      </c>
      <c r="Q48" s="2075"/>
      <c r="R48" s="2075"/>
      <c r="S48" s="2075"/>
      <c r="T48" s="2342"/>
      <c r="U48" s="2342"/>
      <c r="V48" s="2342"/>
      <c r="W48" s="2342"/>
      <c r="X48" s="2342"/>
      <c r="Y48" s="2342"/>
      <c r="Z48" s="2342"/>
      <c r="AA48" s="2343"/>
      <c r="AD48" s="2433"/>
      <c r="AE48" s="1616"/>
      <c r="AF48" s="2261" t="s">
        <v>433</v>
      </c>
      <c r="AG48" s="2262"/>
      <c r="AH48" s="2262"/>
      <c r="AI48" s="2262"/>
      <c r="AJ48" s="2262"/>
      <c r="AK48" s="2262"/>
      <c r="AL48" s="2262"/>
      <c r="AM48" s="2262"/>
      <c r="AN48" s="2263"/>
      <c r="AO48" s="2263"/>
      <c r="AP48" s="2263"/>
      <c r="AQ48" s="2263"/>
      <c r="AR48" s="2263"/>
      <c r="AS48" s="2263"/>
      <c r="AT48" s="2263"/>
      <c r="AU48" s="2263"/>
      <c r="AV48" s="2263"/>
      <c r="AW48" s="2547"/>
      <c r="AX48" s="2548"/>
      <c r="AY48" s="2548"/>
      <c r="AZ48" s="2548"/>
      <c r="BA48" s="2548"/>
      <c r="BB48" s="2548"/>
      <c r="BC48" s="2548"/>
      <c r="BD48" s="2548"/>
      <c r="BE48" s="2548"/>
      <c r="BF48" s="2548"/>
      <c r="BG48" s="2548"/>
      <c r="BH48" s="2548"/>
      <c r="BI48" s="2548"/>
      <c r="BJ48" s="2548"/>
      <c r="BK48" s="2548"/>
      <c r="BL48" s="2548"/>
      <c r="BM48" s="2549"/>
    </row>
    <row r="49" spans="1:65" ht="5.25" customHeight="1">
      <c r="A49" s="407"/>
      <c r="B49" s="407"/>
      <c r="C49" s="365"/>
      <c r="D49" s="2074"/>
      <c r="E49" s="2075"/>
      <c r="F49" s="2075"/>
      <c r="G49" s="2075"/>
      <c r="H49" s="2342"/>
      <c r="I49" s="2342"/>
      <c r="J49" s="2342"/>
      <c r="K49" s="2342"/>
      <c r="L49" s="2342"/>
      <c r="M49" s="2342"/>
      <c r="N49" s="2342"/>
      <c r="O49" s="2342"/>
      <c r="P49" s="2075"/>
      <c r="Q49" s="2075"/>
      <c r="R49" s="2075"/>
      <c r="S49" s="2075"/>
      <c r="T49" s="2342"/>
      <c r="U49" s="2342"/>
      <c r="V49" s="2342"/>
      <c r="W49" s="2342"/>
      <c r="X49" s="2342"/>
      <c r="Y49" s="2342"/>
      <c r="Z49" s="2342"/>
      <c r="AA49" s="2343"/>
      <c r="AD49" s="2433"/>
      <c r="AE49" s="1616"/>
      <c r="AF49" s="2262"/>
      <c r="AG49" s="2262"/>
      <c r="AH49" s="2262"/>
      <c r="AI49" s="2262"/>
      <c r="AJ49" s="2262"/>
      <c r="AK49" s="2262"/>
      <c r="AL49" s="2262"/>
      <c r="AM49" s="2262"/>
      <c r="AN49" s="2263"/>
      <c r="AO49" s="2263"/>
      <c r="AP49" s="2263"/>
      <c r="AQ49" s="2263"/>
      <c r="AR49" s="2263"/>
      <c r="AS49" s="2263"/>
      <c r="AT49" s="2263"/>
      <c r="AU49" s="2263"/>
      <c r="AV49" s="2263"/>
      <c r="AW49" s="2550"/>
      <c r="AX49" s="2551"/>
      <c r="AY49" s="2551"/>
      <c r="AZ49" s="2551"/>
      <c r="BA49" s="2551"/>
      <c r="BB49" s="2551"/>
      <c r="BC49" s="2551"/>
      <c r="BD49" s="2551"/>
      <c r="BE49" s="2551"/>
      <c r="BF49" s="2551"/>
      <c r="BG49" s="2551"/>
      <c r="BH49" s="2551"/>
      <c r="BI49" s="2551"/>
      <c r="BJ49" s="2551"/>
      <c r="BK49" s="2551"/>
      <c r="BL49" s="2551"/>
      <c r="BM49" s="2552"/>
    </row>
    <row r="50" spans="1:65" ht="5.25" customHeight="1">
      <c r="A50" s="407"/>
      <c r="B50" s="407"/>
      <c r="C50" s="365"/>
      <c r="D50" s="2074"/>
      <c r="E50" s="2075"/>
      <c r="F50" s="2075"/>
      <c r="G50" s="2075"/>
      <c r="H50" s="2342"/>
      <c r="I50" s="2342"/>
      <c r="J50" s="2342"/>
      <c r="K50" s="2342"/>
      <c r="L50" s="2342"/>
      <c r="M50" s="2342"/>
      <c r="N50" s="2342"/>
      <c r="O50" s="2342"/>
      <c r="P50" s="2075"/>
      <c r="Q50" s="2075"/>
      <c r="R50" s="2075"/>
      <c r="S50" s="2075"/>
      <c r="T50" s="2342"/>
      <c r="U50" s="2342"/>
      <c r="V50" s="2342"/>
      <c r="W50" s="2342"/>
      <c r="X50" s="2342"/>
      <c r="Y50" s="2342"/>
      <c r="Z50" s="2342"/>
      <c r="AA50" s="2343"/>
      <c r="AD50" s="2433"/>
      <c r="AE50" s="1616"/>
      <c r="AF50" s="2262"/>
      <c r="AG50" s="2262"/>
      <c r="AH50" s="2262"/>
      <c r="AI50" s="2262"/>
      <c r="AJ50" s="2262"/>
      <c r="AK50" s="2262"/>
      <c r="AL50" s="2262"/>
      <c r="AM50" s="2262"/>
      <c r="AN50" s="2263"/>
      <c r="AO50" s="2263"/>
      <c r="AP50" s="2263"/>
      <c r="AQ50" s="2263"/>
      <c r="AR50" s="2263"/>
      <c r="AS50" s="2263"/>
      <c r="AT50" s="2263"/>
      <c r="AU50" s="2263"/>
      <c r="AV50" s="2263"/>
      <c r="AW50" s="2550"/>
      <c r="AX50" s="2551"/>
      <c r="AY50" s="2551"/>
      <c r="AZ50" s="2551"/>
      <c r="BA50" s="2551"/>
      <c r="BB50" s="2551"/>
      <c r="BC50" s="2551"/>
      <c r="BD50" s="2551"/>
      <c r="BE50" s="2551"/>
      <c r="BF50" s="2551"/>
      <c r="BG50" s="2551"/>
      <c r="BH50" s="2551"/>
      <c r="BI50" s="2551"/>
      <c r="BJ50" s="2551"/>
      <c r="BK50" s="2551"/>
      <c r="BL50" s="2551"/>
      <c r="BM50" s="2552"/>
    </row>
    <row r="51" spans="1:65" ht="5.25" customHeight="1">
      <c r="A51" s="407"/>
      <c r="B51" s="407"/>
      <c r="C51" s="365"/>
      <c r="D51" s="2074"/>
      <c r="E51" s="2075"/>
      <c r="F51" s="2075"/>
      <c r="G51" s="2075"/>
      <c r="H51" s="2342"/>
      <c r="I51" s="2342"/>
      <c r="J51" s="2342"/>
      <c r="K51" s="2342"/>
      <c r="L51" s="2342"/>
      <c r="M51" s="2342"/>
      <c r="N51" s="2342"/>
      <c r="O51" s="2342"/>
      <c r="P51" s="2075"/>
      <c r="Q51" s="2075"/>
      <c r="R51" s="2075"/>
      <c r="S51" s="2075"/>
      <c r="T51" s="2342"/>
      <c r="U51" s="2342"/>
      <c r="V51" s="2342"/>
      <c r="W51" s="2342"/>
      <c r="X51" s="2342"/>
      <c r="Y51" s="2342"/>
      <c r="Z51" s="2342"/>
      <c r="AA51" s="2343"/>
      <c r="AD51" s="2433"/>
      <c r="AE51" s="1616"/>
      <c r="AF51" s="2262"/>
      <c r="AG51" s="2262"/>
      <c r="AH51" s="2262"/>
      <c r="AI51" s="2262"/>
      <c r="AJ51" s="2262"/>
      <c r="AK51" s="2262"/>
      <c r="AL51" s="2262"/>
      <c r="AM51" s="2262"/>
      <c r="AN51" s="2263"/>
      <c r="AO51" s="2263"/>
      <c r="AP51" s="2263"/>
      <c r="AQ51" s="2263"/>
      <c r="AR51" s="2263"/>
      <c r="AS51" s="2263"/>
      <c r="AT51" s="2263"/>
      <c r="AU51" s="2263"/>
      <c r="AV51" s="2263"/>
      <c r="AW51" s="2550"/>
      <c r="AX51" s="2551"/>
      <c r="AY51" s="2551"/>
      <c r="AZ51" s="2551"/>
      <c r="BA51" s="2551"/>
      <c r="BB51" s="2551"/>
      <c r="BC51" s="2551"/>
      <c r="BD51" s="2551"/>
      <c r="BE51" s="2551"/>
      <c r="BF51" s="2551"/>
      <c r="BG51" s="2551"/>
      <c r="BH51" s="2551"/>
      <c r="BI51" s="2551"/>
      <c r="BJ51" s="2551"/>
      <c r="BK51" s="2551"/>
      <c r="BL51" s="2551"/>
      <c r="BM51" s="2552"/>
    </row>
    <row r="52" spans="1:65" ht="5.25" customHeight="1" thickBot="1">
      <c r="A52" s="407"/>
      <c r="B52" s="407"/>
      <c r="C52" s="365"/>
      <c r="D52" s="2074" t="s">
        <v>412</v>
      </c>
      <c r="E52" s="2075"/>
      <c r="F52" s="2075"/>
      <c r="G52" s="2075"/>
      <c r="H52" s="2342"/>
      <c r="I52" s="2342"/>
      <c r="J52" s="2342"/>
      <c r="K52" s="2342"/>
      <c r="L52" s="2342"/>
      <c r="M52" s="2342"/>
      <c r="N52" s="2342"/>
      <c r="O52" s="2342"/>
      <c r="P52" s="2075" t="s">
        <v>421</v>
      </c>
      <c r="Q52" s="2075"/>
      <c r="R52" s="2075"/>
      <c r="S52" s="2075"/>
      <c r="T52" s="2342"/>
      <c r="U52" s="2342"/>
      <c r="V52" s="2342"/>
      <c r="W52" s="2342"/>
      <c r="X52" s="2342"/>
      <c r="Y52" s="2342"/>
      <c r="Z52" s="2342"/>
      <c r="AA52" s="2343"/>
      <c r="AD52" s="2434"/>
      <c r="AE52" s="2435"/>
      <c r="AF52" s="2276"/>
      <c r="AG52" s="2276"/>
      <c r="AH52" s="2276"/>
      <c r="AI52" s="2276"/>
      <c r="AJ52" s="2276"/>
      <c r="AK52" s="2276"/>
      <c r="AL52" s="2276"/>
      <c r="AM52" s="2276"/>
      <c r="AN52" s="2275"/>
      <c r="AO52" s="2275"/>
      <c r="AP52" s="2275"/>
      <c r="AQ52" s="2275"/>
      <c r="AR52" s="2275"/>
      <c r="AS52" s="2275"/>
      <c r="AT52" s="2275"/>
      <c r="AU52" s="2275"/>
      <c r="AV52" s="2275"/>
      <c r="AW52" s="2553"/>
      <c r="AX52" s="2554"/>
      <c r="AY52" s="2554"/>
      <c r="AZ52" s="2554"/>
      <c r="BA52" s="2554"/>
      <c r="BB52" s="2554"/>
      <c r="BC52" s="2554"/>
      <c r="BD52" s="2554"/>
      <c r="BE52" s="2554"/>
      <c r="BF52" s="2554"/>
      <c r="BG52" s="2554"/>
      <c r="BH52" s="2554"/>
      <c r="BI52" s="2554"/>
      <c r="BJ52" s="2554"/>
      <c r="BK52" s="2554"/>
      <c r="BL52" s="2554"/>
      <c r="BM52" s="2555"/>
    </row>
    <row r="53" spans="1:65" ht="5.25" customHeight="1">
      <c r="A53" s="407"/>
      <c r="B53" s="407"/>
      <c r="C53" s="365"/>
      <c r="D53" s="2074"/>
      <c r="E53" s="2075"/>
      <c r="F53" s="2075"/>
      <c r="G53" s="2075"/>
      <c r="H53" s="2342"/>
      <c r="I53" s="2342"/>
      <c r="J53" s="2342"/>
      <c r="K53" s="2342"/>
      <c r="L53" s="2342"/>
      <c r="M53" s="2342"/>
      <c r="N53" s="2342"/>
      <c r="O53" s="2342"/>
      <c r="P53" s="2075"/>
      <c r="Q53" s="2075"/>
      <c r="R53" s="2075"/>
      <c r="S53" s="2075"/>
      <c r="T53" s="2342"/>
      <c r="U53" s="2342"/>
      <c r="V53" s="2342"/>
      <c r="W53" s="2342"/>
      <c r="X53" s="2342"/>
      <c r="Y53" s="2342"/>
      <c r="Z53" s="2342"/>
      <c r="AA53" s="2343"/>
      <c r="AD53" s="2224" t="s">
        <v>333</v>
      </c>
      <c r="AE53" s="2225"/>
      <c r="AF53" s="2230" t="s">
        <v>301</v>
      </c>
      <c r="AG53" s="2231"/>
      <c r="AH53" s="2231"/>
      <c r="AI53" s="2231"/>
      <c r="AJ53" s="2231"/>
      <c r="AK53" s="2231"/>
      <c r="AL53" s="2231"/>
      <c r="AM53" s="2232"/>
      <c r="AN53" s="2559"/>
      <c r="AO53" s="2560"/>
      <c r="AP53" s="2560"/>
      <c r="AQ53" s="2560"/>
      <c r="AR53" s="2560"/>
      <c r="AS53" s="2560"/>
      <c r="AT53" s="2560"/>
      <c r="AU53" s="2376" t="s">
        <v>294</v>
      </c>
      <c r="AV53" s="2377"/>
      <c r="AW53" s="2239" t="s">
        <v>404</v>
      </c>
      <c r="AX53" s="2240"/>
      <c r="AY53" s="2240"/>
      <c r="AZ53" s="2240"/>
      <c r="BA53" s="2240"/>
      <c r="BB53" s="2240"/>
      <c r="BC53" s="2240"/>
      <c r="BD53" s="2241"/>
      <c r="BE53" s="2559"/>
      <c r="BF53" s="2560"/>
      <c r="BG53" s="2560"/>
      <c r="BH53" s="2560"/>
      <c r="BI53" s="2560"/>
      <c r="BJ53" s="2560"/>
      <c r="BK53" s="2560"/>
      <c r="BL53" s="2376" t="s">
        <v>294</v>
      </c>
      <c r="BM53" s="2556"/>
    </row>
    <row r="54" spans="1:65" ht="5.25" customHeight="1">
      <c r="A54" s="407"/>
      <c r="B54" s="407"/>
      <c r="C54" s="365"/>
      <c r="D54" s="2074"/>
      <c r="E54" s="2075"/>
      <c r="F54" s="2075"/>
      <c r="G54" s="2075"/>
      <c r="H54" s="2342"/>
      <c r="I54" s="2342"/>
      <c r="J54" s="2342"/>
      <c r="K54" s="2342"/>
      <c r="L54" s="2342"/>
      <c r="M54" s="2342"/>
      <c r="N54" s="2342"/>
      <c r="O54" s="2342"/>
      <c r="P54" s="2075"/>
      <c r="Q54" s="2075"/>
      <c r="R54" s="2075"/>
      <c r="S54" s="2075"/>
      <c r="T54" s="2342"/>
      <c r="U54" s="2342"/>
      <c r="V54" s="2342"/>
      <c r="W54" s="2342"/>
      <c r="X54" s="2342"/>
      <c r="Y54" s="2342"/>
      <c r="Z54" s="2342"/>
      <c r="AA54" s="2343"/>
      <c r="AD54" s="2226"/>
      <c r="AE54" s="2227"/>
      <c r="AF54" s="2233"/>
      <c r="AG54" s="2234"/>
      <c r="AH54" s="2234"/>
      <c r="AI54" s="2234"/>
      <c r="AJ54" s="2234"/>
      <c r="AK54" s="2234"/>
      <c r="AL54" s="2234"/>
      <c r="AM54" s="2235"/>
      <c r="AN54" s="2561"/>
      <c r="AO54" s="2562"/>
      <c r="AP54" s="2562"/>
      <c r="AQ54" s="2562"/>
      <c r="AR54" s="2562"/>
      <c r="AS54" s="2562"/>
      <c r="AT54" s="2562"/>
      <c r="AU54" s="2378"/>
      <c r="AV54" s="2379"/>
      <c r="AW54" s="2242"/>
      <c r="AX54" s="2243"/>
      <c r="AY54" s="2243"/>
      <c r="AZ54" s="2243"/>
      <c r="BA54" s="2243"/>
      <c r="BB54" s="2243"/>
      <c r="BC54" s="2243"/>
      <c r="BD54" s="2244"/>
      <c r="BE54" s="2561"/>
      <c r="BF54" s="2562"/>
      <c r="BG54" s="2562"/>
      <c r="BH54" s="2562"/>
      <c r="BI54" s="2562"/>
      <c r="BJ54" s="2562"/>
      <c r="BK54" s="2562"/>
      <c r="BL54" s="2378"/>
      <c r="BM54" s="2557"/>
    </row>
    <row r="55" spans="1:65" ht="5.25" customHeight="1">
      <c r="A55" s="407"/>
      <c r="B55" s="407"/>
      <c r="C55" s="365"/>
      <c r="D55" s="2074"/>
      <c r="E55" s="2075"/>
      <c r="F55" s="2075"/>
      <c r="G55" s="2075"/>
      <c r="H55" s="2342"/>
      <c r="I55" s="2342"/>
      <c r="J55" s="2342"/>
      <c r="K55" s="2342"/>
      <c r="L55" s="2342"/>
      <c r="M55" s="2342"/>
      <c r="N55" s="2342"/>
      <c r="O55" s="2342"/>
      <c r="P55" s="2075"/>
      <c r="Q55" s="2075"/>
      <c r="R55" s="2075"/>
      <c r="S55" s="2075"/>
      <c r="T55" s="2342"/>
      <c r="U55" s="2342"/>
      <c r="V55" s="2342"/>
      <c r="W55" s="2342"/>
      <c r="X55" s="2342"/>
      <c r="Y55" s="2342"/>
      <c r="Z55" s="2342"/>
      <c r="AA55" s="2343"/>
      <c r="AD55" s="2226"/>
      <c r="AE55" s="2227"/>
      <c r="AF55" s="2233"/>
      <c r="AG55" s="2234"/>
      <c r="AH55" s="2234"/>
      <c r="AI55" s="2234"/>
      <c r="AJ55" s="2234"/>
      <c r="AK55" s="2234"/>
      <c r="AL55" s="2234"/>
      <c r="AM55" s="2235"/>
      <c r="AN55" s="2561"/>
      <c r="AO55" s="2562"/>
      <c r="AP55" s="2562"/>
      <c r="AQ55" s="2562"/>
      <c r="AR55" s="2562"/>
      <c r="AS55" s="2562"/>
      <c r="AT55" s="2562"/>
      <c r="AU55" s="2378"/>
      <c r="AV55" s="2379"/>
      <c r="AW55" s="2242"/>
      <c r="AX55" s="2243"/>
      <c r="AY55" s="2243"/>
      <c r="AZ55" s="2243"/>
      <c r="BA55" s="2243"/>
      <c r="BB55" s="2243"/>
      <c r="BC55" s="2243"/>
      <c r="BD55" s="2244"/>
      <c r="BE55" s="2561"/>
      <c r="BF55" s="2562"/>
      <c r="BG55" s="2562"/>
      <c r="BH55" s="2562"/>
      <c r="BI55" s="2562"/>
      <c r="BJ55" s="2562"/>
      <c r="BK55" s="2562"/>
      <c r="BL55" s="2378"/>
      <c r="BM55" s="2557"/>
    </row>
    <row r="56" spans="1:65" ht="5.25" customHeight="1" thickBot="1">
      <c r="A56" s="407"/>
      <c r="B56" s="407"/>
      <c r="C56" s="365"/>
      <c r="D56" s="2094" t="s">
        <v>417</v>
      </c>
      <c r="E56" s="2095"/>
      <c r="F56" s="2095"/>
      <c r="G56" s="2095"/>
      <c r="H56" s="2095"/>
      <c r="I56" s="2095"/>
      <c r="J56" s="2095"/>
      <c r="K56" s="2095"/>
      <c r="L56" s="2095"/>
      <c r="M56" s="2095"/>
      <c r="N56" s="2095"/>
      <c r="O56" s="2095"/>
      <c r="P56" s="2324"/>
      <c r="Q56" s="2325"/>
      <c r="R56" s="2325"/>
      <c r="S56" s="2325"/>
      <c r="T56" s="2325"/>
      <c r="U56" s="2325"/>
      <c r="V56" s="2325"/>
      <c r="W56" s="2325"/>
      <c r="X56" s="2325"/>
      <c r="Y56" s="2325"/>
      <c r="Z56" s="2370" t="s">
        <v>458</v>
      </c>
      <c r="AA56" s="2371"/>
      <c r="AD56" s="2228"/>
      <c r="AE56" s="2229"/>
      <c r="AF56" s="2236"/>
      <c r="AG56" s="2237"/>
      <c r="AH56" s="2237"/>
      <c r="AI56" s="2237"/>
      <c r="AJ56" s="2237"/>
      <c r="AK56" s="2237"/>
      <c r="AL56" s="2237"/>
      <c r="AM56" s="2238"/>
      <c r="AN56" s="2563"/>
      <c r="AO56" s="2564"/>
      <c r="AP56" s="2564"/>
      <c r="AQ56" s="2564"/>
      <c r="AR56" s="2564"/>
      <c r="AS56" s="2564"/>
      <c r="AT56" s="2564"/>
      <c r="AU56" s="2382"/>
      <c r="AV56" s="2383"/>
      <c r="AW56" s="2242"/>
      <c r="AX56" s="2243"/>
      <c r="AY56" s="2243"/>
      <c r="AZ56" s="2243"/>
      <c r="BA56" s="2243"/>
      <c r="BB56" s="2243"/>
      <c r="BC56" s="2245"/>
      <c r="BD56" s="2246"/>
      <c r="BE56" s="2563"/>
      <c r="BF56" s="2564"/>
      <c r="BG56" s="2564"/>
      <c r="BH56" s="2564"/>
      <c r="BI56" s="2564"/>
      <c r="BJ56" s="2564"/>
      <c r="BK56" s="2564"/>
      <c r="BL56" s="2382"/>
      <c r="BM56" s="2558"/>
    </row>
    <row r="57" spans="1:65" ht="5.25" customHeight="1">
      <c r="A57" s="407"/>
      <c r="B57" s="407"/>
      <c r="C57" s="365"/>
      <c r="D57" s="2094"/>
      <c r="E57" s="2095"/>
      <c r="F57" s="2095"/>
      <c r="G57" s="2095"/>
      <c r="H57" s="2095"/>
      <c r="I57" s="2095"/>
      <c r="J57" s="2095"/>
      <c r="K57" s="2095"/>
      <c r="L57" s="2095"/>
      <c r="M57" s="2095"/>
      <c r="N57" s="2095"/>
      <c r="O57" s="2095"/>
      <c r="P57" s="2326"/>
      <c r="Q57" s="2327"/>
      <c r="R57" s="2327"/>
      <c r="S57" s="2327"/>
      <c r="T57" s="2327"/>
      <c r="U57" s="2327"/>
      <c r="V57" s="2327"/>
      <c r="W57" s="2327"/>
      <c r="X57" s="2327"/>
      <c r="Y57" s="2327"/>
      <c r="Z57" s="2372"/>
      <c r="AA57" s="2373"/>
      <c r="AD57" s="2510" t="s">
        <v>331</v>
      </c>
      <c r="AE57" s="2511"/>
      <c r="AF57" s="2247" t="s">
        <v>543</v>
      </c>
      <c r="AG57" s="2248"/>
      <c r="AH57" s="2248"/>
      <c r="AI57" s="2248"/>
      <c r="AJ57" s="2248"/>
      <c r="AK57" s="2248"/>
      <c r="AL57" s="2248"/>
      <c r="AM57" s="2248"/>
      <c r="AN57" s="2248"/>
      <c r="AO57" s="2248"/>
      <c r="AP57" s="2248"/>
      <c r="AQ57" s="2248"/>
      <c r="AR57" s="2248"/>
      <c r="AS57" s="2248"/>
      <c r="AT57" s="2248"/>
      <c r="AU57" s="2248"/>
      <c r="AV57" s="2249"/>
      <c r="AW57" s="2289" t="s">
        <v>545</v>
      </c>
      <c r="AX57" s="2290"/>
      <c r="AY57" s="2290"/>
      <c r="AZ57" s="2290"/>
      <c r="BA57" s="2290"/>
      <c r="BB57" s="2291"/>
      <c r="BC57" s="2248" t="s">
        <v>544</v>
      </c>
      <c r="BD57" s="2248"/>
      <c r="BE57" s="2248"/>
      <c r="BF57" s="2248"/>
      <c r="BG57" s="2248"/>
      <c r="BH57" s="2248"/>
      <c r="BI57" s="2248"/>
      <c r="BJ57" s="2248"/>
      <c r="BK57" s="2248"/>
      <c r="BL57" s="2248"/>
      <c r="BM57" s="2287"/>
    </row>
    <row r="58" spans="1:65" ht="5.25" customHeight="1">
      <c r="A58" s="407"/>
      <c r="B58" s="407"/>
      <c r="C58" s="365"/>
      <c r="D58" s="2094"/>
      <c r="E58" s="2095"/>
      <c r="F58" s="2095"/>
      <c r="G58" s="2095"/>
      <c r="H58" s="2095"/>
      <c r="I58" s="2095"/>
      <c r="J58" s="2095"/>
      <c r="K58" s="2095"/>
      <c r="L58" s="2095"/>
      <c r="M58" s="2095"/>
      <c r="N58" s="2095"/>
      <c r="O58" s="2095"/>
      <c r="P58" s="2326"/>
      <c r="Q58" s="2327"/>
      <c r="R58" s="2327"/>
      <c r="S58" s="2327"/>
      <c r="T58" s="2327"/>
      <c r="U58" s="2327"/>
      <c r="V58" s="2327"/>
      <c r="W58" s="2327"/>
      <c r="X58" s="2327"/>
      <c r="Y58" s="2327"/>
      <c r="Z58" s="2372"/>
      <c r="AA58" s="2373"/>
      <c r="AC58" s="347"/>
      <c r="AD58" s="2512"/>
      <c r="AE58" s="2513"/>
      <c r="AF58" s="2250"/>
      <c r="AG58" s="2032"/>
      <c r="AH58" s="2032"/>
      <c r="AI58" s="2032"/>
      <c r="AJ58" s="2032"/>
      <c r="AK58" s="2032"/>
      <c r="AL58" s="2032"/>
      <c r="AM58" s="2032"/>
      <c r="AN58" s="2032"/>
      <c r="AO58" s="2032"/>
      <c r="AP58" s="2032"/>
      <c r="AQ58" s="2032"/>
      <c r="AR58" s="2032"/>
      <c r="AS58" s="2032"/>
      <c r="AT58" s="2032"/>
      <c r="AU58" s="2032"/>
      <c r="AV58" s="2251"/>
      <c r="AW58" s="2292"/>
      <c r="AX58" s="2293"/>
      <c r="AY58" s="2293"/>
      <c r="AZ58" s="2293"/>
      <c r="BA58" s="2293"/>
      <c r="BB58" s="2294"/>
      <c r="BC58" s="2032"/>
      <c r="BD58" s="2032"/>
      <c r="BE58" s="2032"/>
      <c r="BF58" s="2032"/>
      <c r="BG58" s="2032"/>
      <c r="BH58" s="2032"/>
      <c r="BI58" s="2032"/>
      <c r="BJ58" s="2032"/>
      <c r="BK58" s="2032"/>
      <c r="BL58" s="2032"/>
      <c r="BM58" s="2288"/>
    </row>
    <row r="59" spans="1:65" ht="5.25" customHeight="1">
      <c r="A59" s="407"/>
      <c r="B59" s="407"/>
      <c r="C59" s="365"/>
      <c r="D59" s="2094"/>
      <c r="E59" s="2095"/>
      <c r="F59" s="2095"/>
      <c r="G59" s="2095"/>
      <c r="H59" s="2095"/>
      <c r="I59" s="2095"/>
      <c r="J59" s="2095"/>
      <c r="K59" s="2095"/>
      <c r="L59" s="2095"/>
      <c r="M59" s="2095"/>
      <c r="N59" s="2095"/>
      <c r="O59" s="2095"/>
      <c r="P59" s="2328"/>
      <c r="Q59" s="2329"/>
      <c r="R59" s="2329"/>
      <c r="S59" s="2329"/>
      <c r="T59" s="2329"/>
      <c r="U59" s="2329"/>
      <c r="V59" s="2329"/>
      <c r="W59" s="2329"/>
      <c r="X59" s="2329"/>
      <c r="Y59" s="2329"/>
      <c r="Z59" s="2374"/>
      <c r="AA59" s="2375"/>
      <c r="AC59" s="347"/>
      <c r="AD59" s="2512"/>
      <c r="AE59" s="2513"/>
      <c r="AF59" s="2252" t="s">
        <v>529</v>
      </c>
      <c r="AG59" s="2253"/>
      <c r="AH59" s="2253"/>
      <c r="AI59" s="2253"/>
      <c r="AJ59" s="2253"/>
      <c r="AK59" s="2253"/>
      <c r="AL59" s="2253"/>
      <c r="AM59" s="2253"/>
      <c r="AN59" s="2253"/>
      <c r="AO59" s="2253"/>
      <c r="AP59" s="2253"/>
      <c r="AQ59" s="2253"/>
      <c r="AR59" s="2253"/>
      <c r="AS59" s="2253"/>
      <c r="AT59" s="2253"/>
      <c r="AU59" s="2253"/>
      <c r="AV59" s="2254"/>
      <c r="AW59" s="2292"/>
      <c r="AX59" s="2293"/>
      <c r="AY59" s="2293"/>
      <c r="AZ59" s="2293"/>
      <c r="BA59" s="2293"/>
      <c r="BB59" s="2294"/>
      <c r="BC59" s="2298" t="s">
        <v>317</v>
      </c>
      <c r="BD59" s="2299"/>
      <c r="BE59" s="2299"/>
      <c r="BF59" s="2299"/>
      <c r="BG59" s="2299"/>
      <c r="BH59" s="2299"/>
      <c r="BI59" s="2299"/>
      <c r="BJ59" s="2299"/>
      <c r="BK59" s="2299"/>
      <c r="BL59" s="2299"/>
      <c r="BM59" s="2300"/>
    </row>
    <row r="60" spans="1:65" ht="5.25" customHeight="1">
      <c r="A60" s="407"/>
      <c r="B60" s="407"/>
      <c r="C60" s="365"/>
      <c r="D60" s="2094" t="s">
        <v>418</v>
      </c>
      <c r="E60" s="2095"/>
      <c r="F60" s="2095"/>
      <c r="G60" s="2095"/>
      <c r="H60" s="2095"/>
      <c r="I60" s="2095"/>
      <c r="J60" s="2095"/>
      <c r="K60" s="2095"/>
      <c r="L60" s="2095"/>
      <c r="M60" s="2095"/>
      <c r="N60" s="2095"/>
      <c r="O60" s="2095"/>
      <c r="P60" s="2384"/>
      <c r="Q60" s="2384"/>
      <c r="R60" s="2384"/>
      <c r="S60" s="2384"/>
      <c r="T60" s="2384"/>
      <c r="U60" s="2384"/>
      <c r="V60" s="2384"/>
      <c r="W60" s="2384"/>
      <c r="X60" s="2384"/>
      <c r="Y60" s="2384"/>
      <c r="Z60" s="2384"/>
      <c r="AA60" s="2385"/>
      <c r="AC60" s="347"/>
      <c r="AD60" s="2512"/>
      <c r="AE60" s="2513"/>
      <c r="AF60" s="2252"/>
      <c r="AG60" s="2253"/>
      <c r="AH60" s="2253"/>
      <c r="AI60" s="2253"/>
      <c r="AJ60" s="2253"/>
      <c r="AK60" s="2253"/>
      <c r="AL60" s="2253"/>
      <c r="AM60" s="2253"/>
      <c r="AN60" s="2253"/>
      <c r="AO60" s="2253"/>
      <c r="AP60" s="2253"/>
      <c r="AQ60" s="2253"/>
      <c r="AR60" s="2253"/>
      <c r="AS60" s="2253"/>
      <c r="AT60" s="2253"/>
      <c r="AU60" s="2253"/>
      <c r="AV60" s="2254"/>
      <c r="AW60" s="2292"/>
      <c r="AX60" s="2293"/>
      <c r="AY60" s="2293"/>
      <c r="AZ60" s="2293"/>
      <c r="BA60" s="2293"/>
      <c r="BB60" s="2294"/>
      <c r="BC60" s="2298"/>
      <c r="BD60" s="2299"/>
      <c r="BE60" s="2299"/>
      <c r="BF60" s="2299"/>
      <c r="BG60" s="2299"/>
      <c r="BH60" s="2299"/>
      <c r="BI60" s="2299"/>
      <c r="BJ60" s="2299"/>
      <c r="BK60" s="2299"/>
      <c r="BL60" s="2299"/>
      <c r="BM60" s="2300"/>
    </row>
    <row r="61" spans="1:65" ht="5.25" customHeight="1">
      <c r="A61" s="407"/>
      <c r="B61" s="407"/>
      <c r="C61" s="365"/>
      <c r="D61" s="2094"/>
      <c r="E61" s="2095"/>
      <c r="F61" s="2095"/>
      <c r="G61" s="2095"/>
      <c r="H61" s="2095"/>
      <c r="I61" s="2095"/>
      <c r="J61" s="2095"/>
      <c r="K61" s="2095"/>
      <c r="L61" s="2095"/>
      <c r="M61" s="2095"/>
      <c r="N61" s="2095"/>
      <c r="O61" s="2095"/>
      <c r="P61" s="2384"/>
      <c r="Q61" s="2384"/>
      <c r="R61" s="2384"/>
      <c r="S61" s="2384"/>
      <c r="T61" s="2384"/>
      <c r="U61" s="2384"/>
      <c r="V61" s="2384"/>
      <c r="W61" s="2384"/>
      <c r="X61" s="2384"/>
      <c r="Y61" s="2384"/>
      <c r="Z61" s="2384"/>
      <c r="AA61" s="2385"/>
      <c r="AC61" s="347"/>
      <c r="AD61" s="2512"/>
      <c r="AE61" s="2513"/>
      <c r="AF61" s="2252"/>
      <c r="AG61" s="2253"/>
      <c r="AH61" s="2253"/>
      <c r="AI61" s="2253"/>
      <c r="AJ61" s="2253"/>
      <c r="AK61" s="2253"/>
      <c r="AL61" s="2253"/>
      <c r="AM61" s="2253"/>
      <c r="AN61" s="2253"/>
      <c r="AO61" s="2253"/>
      <c r="AP61" s="2253"/>
      <c r="AQ61" s="2253"/>
      <c r="AR61" s="2253"/>
      <c r="AS61" s="2253"/>
      <c r="AT61" s="2253"/>
      <c r="AU61" s="2253"/>
      <c r="AV61" s="2254"/>
      <c r="AW61" s="2292"/>
      <c r="AX61" s="2293"/>
      <c r="AY61" s="2293"/>
      <c r="AZ61" s="2293"/>
      <c r="BA61" s="2293"/>
      <c r="BB61" s="2294"/>
      <c r="BC61" s="2298"/>
      <c r="BD61" s="2299"/>
      <c r="BE61" s="2299"/>
      <c r="BF61" s="2299"/>
      <c r="BG61" s="2299"/>
      <c r="BH61" s="2299"/>
      <c r="BI61" s="2299"/>
      <c r="BJ61" s="2299"/>
      <c r="BK61" s="2299"/>
      <c r="BL61" s="2299"/>
      <c r="BM61" s="2300"/>
    </row>
    <row r="62" spans="1:65" ht="5.25" customHeight="1">
      <c r="A62" s="407"/>
      <c r="B62" s="407"/>
      <c r="C62" s="365"/>
      <c r="D62" s="2094"/>
      <c r="E62" s="2095"/>
      <c r="F62" s="2095"/>
      <c r="G62" s="2095"/>
      <c r="H62" s="2095"/>
      <c r="I62" s="2095"/>
      <c r="J62" s="2095"/>
      <c r="K62" s="2095"/>
      <c r="L62" s="2095"/>
      <c r="M62" s="2095"/>
      <c r="N62" s="2095"/>
      <c r="O62" s="2095"/>
      <c r="P62" s="2384"/>
      <c r="Q62" s="2384"/>
      <c r="R62" s="2384"/>
      <c r="S62" s="2384"/>
      <c r="T62" s="2384"/>
      <c r="U62" s="2384"/>
      <c r="V62" s="2384"/>
      <c r="W62" s="2384"/>
      <c r="X62" s="2384"/>
      <c r="Y62" s="2384"/>
      <c r="Z62" s="2384"/>
      <c r="AA62" s="2385"/>
      <c r="AC62" s="347"/>
      <c r="AD62" s="2512"/>
      <c r="AE62" s="2513"/>
      <c r="AF62" s="2252"/>
      <c r="AG62" s="2253"/>
      <c r="AH62" s="2253"/>
      <c r="AI62" s="2253"/>
      <c r="AJ62" s="2253"/>
      <c r="AK62" s="2253"/>
      <c r="AL62" s="2253"/>
      <c r="AM62" s="2253"/>
      <c r="AN62" s="2253"/>
      <c r="AO62" s="2253"/>
      <c r="AP62" s="2253"/>
      <c r="AQ62" s="2253"/>
      <c r="AR62" s="2253"/>
      <c r="AS62" s="2253"/>
      <c r="AT62" s="2253"/>
      <c r="AU62" s="2253"/>
      <c r="AV62" s="2254"/>
      <c r="AW62" s="2292"/>
      <c r="AX62" s="2293"/>
      <c r="AY62" s="2293"/>
      <c r="AZ62" s="2293"/>
      <c r="BA62" s="2293"/>
      <c r="BB62" s="2294"/>
      <c r="BC62" s="2298"/>
      <c r="BD62" s="2299"/>
      <c r="BE62" s="2299"/>
      <c r="BF62" s="2299"/>
      <c r="BG62" s="2299"/>
      <c r="BH62" s="2299"/>
      <c r="BI62" s="2299"/>
      <c r="BJ62" s="2299"/>
      <c r="BK62" s="2299"/>
      <c r="BL62" s="2299"/>
      <c r="BM62" s="2300"/>
    </row>
    <row r="63" spans="1:65" ht="5.25" customHeight="1" thickBot="1">
      <c r="A63" s="407"/>
      <c r="B63" s="407"/>
      <c r="C63" s="365"/>
      <c r="D63" s="2460"/>
      <c r="E63" s="2461"/>
      <c r="F63" s="2461"/>
      <c r="G63" s="2461"/>
      <c r="H63" s="2461"/>
      <c r="I63" s="2461"/>
      <c r="J63" s="2461"/>
      <c r="K63" s="2461"/>
      <c r="L63" s="2461"/>
      <c r="M63" s="2461"/>
      <c r="N63" s="2461"/>
      <c r="O63" s="2461"/>
      <c r="P63" s="2386"/>
      <c r="Q63" s="2386"/>
      <c r="R63" s="2386"/>
      <c r="S63" s="2386"/>
      <c r="T63" s="2386"/>
      <c r="U63" s="2386"/>
      <c r="V63" s="2386"/>
      <c r="W63" s="2386"/>
      <c r="X63" s="2386"/>
      <c r="Y63" s="2386"/>
      <c r="Z63" s="2386"/>
      <c r="AA63" s="2387"/>
      <c r="AC63" s="347"/>
      <c r="AD63" s="2512"/>
      <c r="AE63" s="2513"/>
      <c r="AF63" s="2252"/>
      <c r="AG63" s="2253"/>
      <c r="AH63" s="2253"/>
      <c r="AI63" s="2253"/>
      <c r="AJ63" s="2253"/>
      <c r="AK63" s="2253"/>
      <c r="AL63" s="2253"/>
      <c r="AM63" s="2253"/>
      <c r="AN63" s="2253"/>
      <c r="AO63" s="2253"/>
      <c r="AP63" s="2253"/>
      <c r="AQ63" s="2253"/>
      <c r="AR63" s="2253"/>
      <c r="AS63" s="2253"/>
      <c r="AT63" s="2253"/>
      <c r="AU63" s="2253"/>
      <c r="AV63" s="2254"/>
      <c r="AW63" s="2292"/>
      <c r="AX63" s="2293"/>
      <c r="AY63" s="2293"/>
      <c r="AZ63" s="2293"/>
      <c r="BA63" s="2293"/>
      <c r="BB63" s="2294"/>
      <c r="BC63" s="2298"/>
      <c r="BD63" s="2299"/>
      <c r="BE63" s="2299"/>
      <c r="BF63" s="2299"/>
      <c r="BG63" s="2299"/>
      <c r="BH63" s="2299"/>
      <c r="BI63" s="2299"/>
      <c r="BJ63" s="2299"/>
      <c r="BK63" s="2299"/>
      <c r="BL63" s="2299"/>
      <c r="BM63" s="2300"/>
    </row>
    <row r="64" spans="1:65" ht="5.25" customHeight="1">
      <c r="A64" s="407"/>
      <c r="B64" s="407"/>
      <c r="C64" s="365"/>
      <c r="D64" s="343"/>
      <c r="E64" s="343"/>
      <c r="F64" s="343"/>
      <c r="G64" s="343"/>
      <c r="H64" s="343"/>
      <c r="I64" s="343"/>
      <c r="J64" s="343"/>
      <c r="K64" s="343"/>
      <c r="L64" s="343"/>
      <c r="M64" s="343"/>
      <c r="N64" s="343"/>
      <c r="O64" s="343"/>
      <c r="P64" s="343"/>
      <c r="Q64" s="343"/>
      <c r="R64" s="343"/>
      <c r="S64" s="343"/>
      <c r="T64" s="343"/>
      <c r="U64" s="343"/>
      <c r="V64" s="343"/>
      <c r="W64" s="343"/>
      <c r="X64" s="343"/>
      <c r="Y64" s="343"/>
      <c r="Z64" s="343"/>
      <c r="AA64" s="343"/>
      <c r="AC64" s="347"/>
      <c r="AD64" s="2512"/>
      <c r="AE64" s="2513"/>
      <c r="AF64" s="2255"/>
      <c r="AG64" s="2256"/>
      <c r="AH64" s="2256"/>
      <c r="AI64" s="2256"/>
      <c r="AJ64" s="2256"/>
      <c r="AK64" s="2256"/>
      <c r="AL64" s="2256"/>
      <c r="AM64" s="2256"/>
      <c r="AN64" s="2256"/>
      <c r="AO64" s="2256"/>
      <c r="AP64" s="2256"/>
      <c r="AQ64" s="2256"/>
      <c r="AR64" s="2256"/>
      <c r="AS64" s="2256"/>
      <c r="AT64" s="2256"/>
      <c r="AU64" s="2256"/>
      <c r="AV64" s="2257"/>
      <c r="AW64" s="2295"/>
      <c r="AX64" s="2296"/>
      <c r="AY64" s="2296"/>
      <c r="AZ64" s="2296"/>
      <c r="BA64" s="2296"/>
      <c r="BB64" s="2297"/>
      <c r="BC64" s="2301"/>
      <c r="BD64" s="2302"/>
      <c r="BE64" s="2302"/>
      <c r="BF64" s="2302"/>
      <c r="BG64" s="2302"/>
      <c r="BH64" s="2302"/>
      <c r="BI64" s="2302"/>
      <c r="BJ64" s="2302"/>
      <c r="BK64" s="2302"/>
      <c r="BL64" s="2302"/>
      <c r="BM64" s="2303"/>
    </row>
    <row r="65" spans="1:65" ht="5.25" customHeight="1">
      <c r="A65" s="407"/>
      <c r="B65" s="407"/>
      <c r="C65" s="365"/>
      <c r="AC65" s="347"/>
      <c r="AD65" s="2512"/>
      <c r="AE65" s="2513"/>
      <c r="AF65" s="2501" t="s">
        <v>549</v>
      </c>
      <c r="AG65" s="2502"/>
      <c r="AH65" s="2502"/>
      <c r="AI65" s="2502"/>
      <c r="AJ65" s="2502"/>
      <c r="AK65" s="2502"/>
      <c r="AL65" s="2502"/>
      <c r="AM65" s="2502"/>
      <c r="AN65" s="2502"/>
      <c r="AO65" s="2502"/>
      <c r="AP65" s="2502"/>
      <c r="AQ65" s="2502"/>
      <c r="AR65" s="2502"/>
      <c r="AS65" s="2502"/>
      <c r="AT65" s="2502"/>
      <c r="AU65" s="2502"/>
      <c r="AV65" s="2502"/>
      <c r="AW65" s="2502"/>
      <c r="AX65" s="2502"/>
      <c r="AY65" s="2502"/>
      <c r="AZ65" s="2502"/>
      <c r="BA65" s="2502"/>
      <c r="BB65" s="2502"/>
      <c r="BC65" s="2502"/>
      <c r="BD65" s="2502"/>
      <c r="BE65" s="2502"/>
      <c r="BF65" s="2502"/>
      <c r="BG65" s="2502"/>
      <c r="BH65" s="2502"/>
      <c r="BI65" s="2502"/>
      <c r="BJ65" s="2502"/>
      <c r="BK65" s="2502"/>
      <c r="BL65" s="2502"/>
      <c r="BM65" s="2503"/>
    </row>
    <row r="66" spans="1:65" ht="5.25" customHeight="1">
      <c r="A66" s="407"/>
      <c r="B66" s="407"/>
      <c r="C66" s="365"/>
      <c r="AC66" s="347"/>
      <c r="AD66" s="2512"/>
      <c r="AE66" s="2513"/>
      <c r="AF66" s="2504"/>
      <c r="AG66" s="2505"/>
      <c r="AH66" s="2505"/>
      <c r="AI66" s="2505"/>
      <c r="AJ66" s="2505"/>
      <c r="AK66" s="2505"/>
      <c r="AL66" s="2505"/>
      <c r="AM66" s="2505"/>
      <c r="AN66" s="2505"/>
      <c r="AO66" s="2505"/>
      <c r="AP66" s="2505"/>
      <c r="AQ66" s="2505"/>
      <c r="AR66" s="2505"/>
      <c r="AS66" s="2505"/>
      <c r="AT66" s="2505"/>
      <c r="AU66" s="2505"/>
      <c r="AV66" s="2505"/>
      <c r="AW66" s="2505"/>
      <c r="AX66" s="2505"/>
      <c r="AY66" s="2505"/>
      <c r="AZ66" s="2505"/>
      <c r="BA66" s="2505"/>
      <c r="BB66" s="2505"/>
      <c r="BC66" s="2505"/>
      <c r="BD66" s="2505"/>
      <c r="BE66" s="2505"/>
      <c r="BF66" s="2505"/>
      <c r="BG66" s="2505"/>
      <c r="BH66" s="2505"/>
      <c r="BI66" s="2505"/>
      <c r="BJ66" s="2505"/>
      <c r="BK66" s="2505"/>
      <c r="BL66" s="2505"/>
      <c r="BM66" s="2506"/>
    </row>
    <row r="67" spans="1:65" ht="5.25" customHeight="1">
      <c r="A67" s="407"/>
      <c r="B67" s="407"/>
      <c r="C67" s="365"/>
      <c r="AC67" s="347"/>
      <c r="AD67" s="2512"/>
      <c r="AE67" s="2513"/>
      <c r="AF67" s="2504"/>
      <c r="AG67" s="2505"/>
      <c r="AH67" s="2505"/>
      <c r="AI67" s="2505"/>
      <c r="AJ67" s="2505"/>
      <c r="AK67" s="2505"/>
      <c r="AL67" s="2505"/>
      <c r="AM67" s="2505"/>
      <c r="AN67" s="2505"/>
      <c r="AO67" s="2505"/>
      <c r="AP67" s="2505"/>
      <c r="AQ67" s="2505"/>
      <c r="AR67" s="2505"/>
      <c r="AS67" s="2505"/>
      <c r="AT67" s="2505"/>
      <c r="AU67" s="2505"/>
      <c r="AV67" s="2505"/>
      <c r="AW67" s="2505"/>
      <c r="AX67" s="2505"/>
      <c r="AY67" s="2505"/>
      <c r="AZ67" s="2505"/>
      <c r="BA67" s="2505"/>
      <c r="BB67" s="2505"/>
      <c r="BC67" s="2505"/>
      <c r="BD67" s="2505"/>
      <c r="BE67" s="2505"/>
      <c r="BF67" s="2505"/>
      <c r="BG67" s="2505"/>
      <c r="BH67" s="2505"/>
      <c r="BI67" s="2505"/>
      <c r="BJ67" s="2505"/>
      <c r="BK67" s="2505"/>
      <c r="BL67" s="2505"/>
      <c r="BM67" s="2506"/>
    </row>
    <row r="68" spans="1:65" ht="5.25" customHeight="1">
      <c r="A68" s="407"/>
      <c r="B68" s="407"/>
      <c r="C68" s="365"/>
      <c r="AC68" s="347"/>
      <c r="AD68" s="2512"/>
      <c r="AE68" s="2513"/>
      <c r="AF68" s="2504"/>
      <c r="AG68" s="2505"/>
      <c r="AH68" s="2505"/>
      <c r="AI68" s="2505"/>
      <c r="AJ68" s="2505"/>
      <c r="AK68" s="2505"/>
      <c r="AL68" s="2505"/>
      <c r="AM68" s="2505"/>
      <c r="AN68" s="2505"/>
      <c r="AO68" s="2505"/>
      <c r="AP68" s="2505"/>
      <c r="AQ68" s="2505"/>
      <c r="AR68" s="2505"/>
      <c r="AS68" s="2505"/>
      <c r="AT68" s="2505"/>
      <c r="AU68" s="2505"/>
      <c r="AV68" s="2505"/>
      <c r="AW68" s="2505"/>
      <c r="AX68" s="2505"/>
      <c r="AY68" s="2505"/>
      <c r="AZ68" s="2505"/>
      <c r="BA68" s="2505"/>
      <c r="BB68" s="2505"/>
      <c r="BC68" s="2505"/>
      <c r="BD68" s="2505"/>
      <c r="BE68" s="2505"/>
      <c r="BF68" s="2505"/>
      <c r="BG68" s="2505"/>
      <c r="BH68" s="2505"/>
      <c r="BI68" s="2505"/>
      <c r="BJ68" s="2505"/>
      <c r="BK68" s="2505"/>
      <c r="BL68" s="2505"/>
      <c r="BM68" s="2506"/>
    </row>
    <row r="69" spans="1:65" ht="5.25" customHeight="1">
      <c r="A69" s="407"/>
      <c r="B69" s="407"/>
      <c r="C69" s="365"/>
      <c r="AC69" s="347"/>
      <c r="AD69" s="2512"/>
      <c r="AE69" s="2513"/>
      <c r="AF69" s="2504"/>
      <c r="AG69" s="2505"/>
      <c r="AH69" s="2505"/>
      <c r="AI69" s="2505"/>
      <c r="AJ69" s="2505"/>
      <c r="AK69" s="2505"/>
      <c r="AL69" s="2505"/>
      <c r="AM69" s="2505"/>
      <c r="AN69" s="2505"/>
      <c r="AO69" s="2505"/>
      <c r="AP69" s="2505"/>
      <c r="AQ69" s="2505"/>
      <c r="AR69" s="2505"/>
      <c r="AS69" s="2505"/>
      <c r="AT69" s="2505"/>
      <c r="AU69" s="2505"/>
      <c r="AV69" s="2505"/>
      <c r="AW69" s="2505"/>
      <c r="AX69" s="2505"/>
      <c r="AY69" s="2505"/>
      <c r="AZ69" s="2505"/>
      <c r="BA69" s="2505"/>
      <c r="BB69" s="2505"/>
      <c r="BC69" s="2505"/>
      <c r="BD69" s="2505"/>
      <c r="BE69" s="2505"/>
      <c r="BF69" s="2505"/>
      <c r="BG69" s="2505"/>
      <c r="BH69" s="2505"/>
      <c r="BI69" s="2505"/>
      <c r="BJ69" s="2505"/>
      <c r="BK69" s="2505"/>
      <c r="BL69" s="2505"/>
      <c r="BM69" s="2506"/>
    </row>
    <row r="70" spans="1:65" ht="5.25" customHeight="1">
      <c r="A70" s="407"/>
      <c r="B70" s="407"/>
      <c r="C70" s="365"/>
      <c r="AC70" s="347"/>
      <c r="AD70" s="2512"/>
      <c r="AE70" s="2513"/>
      <c r="AF70" s="2504"/>
      <c r="AG70" s="2505"/>
      <c r="AH70" s="2505"/>
      <c r="AI70" s="2505"/>
      <c r="AJ70" s="2505"/>
      <c r="AK70" s="2505"/>
      <c r="AL70" s="2505"/>
      <c r="AM70" s="2505"/>
      <c r="AN70" s="2505"/>
      <c r="AO70" s="2505"/>
      <c r="AP70" s="2505"/>
      <c r="AQ70" s="2505"/>
      <c r="AR70" s="2505"/>
      <c r="AS70" s="2505"/>
      <c r="AT70" s="2505"/>
      <c r="AU70" s="2505"/>
      <c r="AV70" s="2505"/>
      <c r="AW70" s="2505"/>
      <c r="AX70" s="2505"/>
      <c r="AY70" s="2505"/>
      <c r="AZ70" s="2505"/>
      <c r="BA70" s="2505"/>
      <c r="BB70" s="2505"/>
      <c r="BC70" s="2505"/>
      <c r="BD70" s="2505"/>
      <c r="BE70" s="2505"/>
      <c r="BF70" s="2505"/>
      <c r="BG70" s="2505"/>
      <c r="BH70" s="2505"/>
      <c r="BI70" s="2505"/>
      <c r="BJ70" s="2505"/>
      <c r="BK70" s="2505"/>
      <c r="BL70" s="2505"/>
      <c r="BM70" s="2506"/>
    </row>
    <row r="71" spans="1:65" ht="5.25" customHeight="1">
      <c r="A71" s="407"/>
      <c r="B71" s="407"/>
      <c r="C71" s="365"/>
      <c r="AC71" s="347"/>
      <c r="AD71" s="2512"/>
      <c r="AE71" s="2513"/>
      <c r="AF71" s="2504"/>
      <c r="AG71" s="2505"/>
      <c r="AH71" s="2505"/>
      <c r="AI71" s="2505"/>
      <c r="AJ71" s="2505"/>
      <c r="AK71" s="2505"/>
      <c r="AL71" s="2505"/>
      <c r="AM71" s="2505"/>
      <c r="AN71" s="2505"/>
      <c r="AO71" s="2505"/>
      <c r="AP71" s="2505"/>
      <c r="AQ71" s="2505"/>
      <c r="AR71" s="2505"/>
      <c r="AS71" s="2505"/>
      <c r="AT71" s="2505"/>
      <c r="AU71" s="2505"/>
      <c r="AV71" s="2505"/>
      <c r="AW71" s="2505"/>
      <c r="AX71" s="2505"/>
      <c r="AY71" s="2505"/>
      <c r="AZ71" s="2505"/>
      <c r="BA71" s="2505"/>
      <c r="BB71" s="2505"/>
      <c r="BC71" s="2505"/>
      <c r="BD71" s="2505"/>
      <c r="BE71" s="2505"/>
      <c r="BF71" s="2505"/>
      <c r="BG71" s="2505"/>
      <c r="BH71" s="2505"/>
      <c r="BI71" s="2505"/>
      <c r="BJ71" s="2505"/>
      <c r="BK71" s="2505"/>
      <c r="BL71" s="2505"/>
      <c r="BM71" s="2506"/>
    </row>
    <row r="72" spans="1:65" ht="5.25" customHeight="1">
      <c r="A72" s="407"/>
      <c r="B72" s="407"/>
      <c r="C72" s="365"/>
      <c r="AC72" s="347"/>
      <c r="AD72" s="2512"/>
      <c r="AE72" s="2513"/>
      <c r="AF72" s="2504"/>
      <c r="AG72" s="2505"/>
      <c r="AH72" s="2505"/>
      <c r="AI72" s="2505"/>
      <c r="AJ72" s="2505"/>
      <c r="AK72" s="2505"/>
      <c r="AL72" s="2505"/>
      <c r="AM72" s="2505"/>
      <c r="AN72" s="2505"/>
      <c r="AO72" s="2505"/>
      <c r="AP72" s="2505"/>
      <c r="AQ72" s="2505"/>
      <c r="AR72" s="2505"/>
      <c r="AS72" s="2505"/>
      <c r="AT72" s="2505"/>
      <c r="AU72" s="2505"/>
      <c r="AV72" s="2505"/>
      <c r="AW72" s="2505"/>
      <c r="AX72" s="2505"/>
      <c r="AY72" s="2505"/>
      <c r="AZ72" s="2505"/>
      <c r="BA72" s="2505"/>
      <c r="BB72" s="2505"/>
      <c r="BC72" s="2505"/>
      <c r="BD72" s="2505"/>
      <c r="BE72" s="2505"/>
      <c r="BF72" s="2505"/>
      <c r="BG72" s="2505"/>
      <c r="BH72" s="2505"/>
      <c r="BI72" s="2505"/>
      <c r="BJ72" s="2505"/>
      <c r="BK72" s="2505"/>
      <c r="BL72" s="2505"/>
      <c r="BM72" s="2506"/>
    </row>
    <row r="73" spans="1:65" ht="5.25" customHeight="1">
      <c r="A73" s="407"/>
      <c r="B73" s="407"/>
      <c r="C73" s="365"/>
      <c r="AC73" s="347"/>
      <c r="AD73" s="2512"/>
      <c r="AE73" s="2513"/>
      <c r="AF73" s="2504"/>
      <c r="AG73" s="2505"/>
      <c r="AH73" s="2505"/>
      <c r="AI73" s="2505"/>
      <c r="AJ73" s="2505"/>
      <c r="AK73" s="2505"/>
      <c r="AL73" s="2505"/>
      <c r="AM73" s="2505"/>
      <c r="AN73" s="2505"/>
      <c r="AO73" s="2505"/>
      <c r="AP73" s="2505"/>
      <c r="AQ73" s="2505"/>
      <c r="AR73" s="2505"/>
      <c r="AS73" s="2505"/>
      <c r="AT73" s="2505"/>
      <c r="AU73" s="2505"/>
      <c r="AV73" s="2505"/>
      <c r="AW73" s="2505"/>
      <c r="AX73" s="2505"/>
      <c r="AY73" s="2505"/>
      <c r="AZ73" s="2505"/>
      <c r="BA73" s="2505"/>
      <c r="BB73" s="2505"/>
      <c r="BC73" s="2505"/>
      <c r="BD73" s="2505"/>
      <c r="BE73" s="2505"/>
      <c r="BF73" s="2505"/>
      <c r="BG73" s="2505"/>
      <c r="BH73" s="2505"/>
      <c r="BI73" s="2505"/>
      <c r="BJ73" s="2505"/>
      <c r="BK73" s="2505"/>
      <c r="BL73" s="2505"/>
      <c r="BM73" s="2506"/>
    </row>
    <row r="74" spans="1:65" ht="5.25" customHeight="1" thickBot="1">
      <c r="A74" s="407"/>
      <c r="B74" s="407"/>
      <c r="C74" s="365"/>
      <c r="AC74" s="347"/>
      <c r="AD74" s="2514"/>
      <c r="AE74" s="2515"/>
      <c r="AF74" s="2507"/>
      <c r="AG74" s="2508"/>
      <c r="AH74" s="2508"/>
      <c r="AI74" s="2508"/>
      <c r="AJ74" s="2508"/>
      <c r="AK74" s="2508"/>
      <c r="AL74" s="2508"/>
      <c r="AM74" s="2508"/>
      <c r="AN74" s="2508"/>
      <c r="AO74" s="2508"/>
      <c r="AP74" s="2508"/>
      <c r="AQ74" s="2508"/>
      <c r="AR74" s="2508"/>
      <c r="AS74" s="2508"/>
      <c r="AT74" s="2508"/>
      <c r="AU74" s="2508"/>
      <c r="AV74" s="2508"/>
      <c r="AW74" s="2508"/>
      <c r="AX74" s="2508"/>
      <c r="AY74" s="2508"/>
      <c r="AZ74" s="2508"/>
      <c r="BA74" s="2508"/>
      <c r="BB74" s="2508"/>
      <c r="BC74" s="2508"/>
      <c r="BD74" s="2508"/>
      <c r="BE74" s="2508"/>
      <c r="BF74" s="2508"/>
      <c r="BG74" s="2508"/>
      <c r="BH74" s="2508"/>
      <c r="BI74" s="2508"/>
      <c r="BJ74" s="2508"/>
      <c r="BK74" s="2508"/>
      <c r="BL74" s="2508"/>
      <c r="BM74" s="2509"/>
    </row>
    <row r="75" spans="1:65" ht="5.25" customHeight="1">
      <c r="A75" s="407"/>
      <c r="B75" s="407"/>
      <c r="C75" s="365"/>
    </row>
    <row r="76" spans="1:65" ht="5.25" customHeight="1">
      <c r="A76" s="407"/>
      <c r="B76" s="407"/>
      <c r="C76" s="365"/>
      <c r="D76" s="2217" t="s">
        <v>336</v>
      </c>
      <c r="E76" s="2217"/>
      <c r="F76" s="2217"/>
      <c r="G76" s="2217"/>
      <c r="H76" s="2217"/>
      <c r="I76" s="2217"/>
      <c r="J76" s="2217"/>
      <c r="K76" s="2217"/>
      <c r="L76" s="2217"/>
      <c r="M76" s="2217"/>
      <c r="N76" s="2217"/>
      <c r="O76" s="2217"/>
      <c r="P76" s="2217"/>
      <c r="Q76" s="344"/>
      <c r="R76" s="344"/>
      <c r="S76" s="344"/>
      <c r="T76" s="344"/>
      <c r="U76" s="344"/>
      <c r="V76" s="344"/>
      <c r="W76" s="344"/>
      <c r="X76" s="343"/>
      <c r="Y76" s="343"/>
      <c r="AT76" s="2219" t="s">
        <v>451</v>
      </c>
      <c r="AU76" s="2219"/>
      <c r="AV76" s="2219"/>
      <c r="AW76" s="2219"/>
      <c r="AX76" s="2219"/>
      <c r="AY76" s="2219"/>
      <c r="AZ76" s="2219"/>
      <c r="BA76" s="2219"/>
      <c r="BB76" s="2219"/>
      <c r="BC76" s="2219"/>
      <c r="BD76" s="2219"/>
      <c r="BE76" s="2219"/>
      <c r="BF76" s="2219"/>
      <c r="BG76" s="2219"/>
      <c r="BH76" s="2219"/>
      <c r="BI76" s="2219"/>
      <c r="BJ76" s="2219"/>
      <c r="BK76" s="2219"/>
      <c r="BL76" s="2219"/>
      <c r="BM76" s="2219"/>
    </row>
    <row r="77" spans="1:65" ht="5.25" customHeight="1">
      <c r="A77" s="407"/>
      <c r="B77" s="407"/>
      <c r="C77" s="365"/>
      <c r="D77" s="2217"/>
      <c r="E77" s="2217"/>
      <c r="F77" s="2217"/>
      <c r="G77" s="2217"/>
      <c r="H77" s="2217"/>
      <c r="I77" s="2217"/>
      <c r="J77" s="2217"/>
      <c r="K77" s="2217"/>
      <c r="L77" s="2217"/>
      <c r="M77" s="2217"/>
      <c r="N77" s="2217"/>
      <c r="O77" s="2217"/>
      <c r="P77" s="2217"/>
      <c r="Q77" s="344"/>
      <c r="R77" s="344"/>
      <c r="S77" s="344"/>
      <c r="T77" s="344"/>
      <c r="U77" s="344"/>
      <c r="V77" s="344"/>
      <c r="W77" s="344"/>
      <c r="Y77" s="385"/>
      <c r="AT77" s="2219"/>
      <c r="AU77" s="2219"/>
      <c r="AV77" s="2219"/>
      <c r="AW77" s="2219"/>
      <c r="AX77" s="2219"/>
      <c r="AY77" s="2219"/>
      <c r="AZ77" s="2219"/>
      <c r="BA77" s="2219"/>
      <c r="BB77" s="2219"/>
      <c r="BC77" s="2219"/>
      <c r="BD77" s="2219"/>
      <c r="BE77" s="2219"/>
      <c r="BF77" s="2219"/>
      <c r="BG77" s="2219"/>
      <c r="BH77" s="2219"/>
      <c r="BI77" s="2219"/>
      <c r="BJ77" s="2219"/>
      <c r="BK77" s="2219"/>
      <c r="BL77" s="2219"/>
      <c r="BM77" s="2219"/>
    </row>
    <row r="78" spans="1:65" ht="5.25" customHeight="1" thickBot="1">
      <c r="A78" s="407"/>
      <c r="B78" s="407"/>
      <c r="C78" s="365"/>
      <c r="D78" s="2218"/>
      <c r="E78" s="2218"/>
      <c r="F78" s="2218"/>
      <c r="G78" s="2218"/>
      <c r="H78" s="2218"/>
      <c r="I78" s="2218"/>
      <c r="J78" s="2218"/>
      <c r="K78" s="2218"/>
      <c r="L78" s="2218"/>
      <c r="M78" s="2218"/>
      <c r="N78" s="2218"/>
      <c r="O78" s="2218"/>
      <c r="P78" s="2218"/>
      <c r="Q78" s="391"/>
      <c r="R78" s="391"/>
      <c r="S78" s="391"/>
      <c r="T78" s="391"/>
      <c r="U78" s="391"/>
      <c r="V78" s="391"/>
      <c r="W78" s="391"/>
      <c r="X78" s="362"/>
      <c r="Y78" s="362"/>
      <c r="AT78" s="2219"/>
      <c r="AU78" s="2219"/>
      <c r="AV78" s="2219"/>
      <c r="AW78" s="2219"/>
      <c r="AX78" s="2219"/>
      <c r="AY78" s="2219"/>
      <c r="AZ78" s="2219"/>
      <c r="BA78" s="2219"/>
      <c r="BB78" s="2219"/>
      <c r="BC78" s="2219"/>
      <c r="BD78" s="2219"/>
      <c r="BE78" s="2219"/>
      <c r="BF78" s="2219"/>
      <c r="BG78" s="2219"/>
      <c r="BH78" s="2219"/>
      <c r="BI78" s="2219"/>
      <c r="BJ78" s="2219"/>
      <c r="BK78" s="2219"/>
      <c r="BL78" s="2219"/>
      <c r="BM78" s="2219"/>
    </row>
    <row r="79" spans="1:65" ht="5.25" customHeight="1" thickBot="1">
      <c r="A79" s="407"/>
      <c r="B79" s="407"/>
      <c r="C79" s="365"/>
      <c r="D79" s="2566" t="s">
        <v>340</v>
      </c>
      <c r="E79" s="1755"/>
      <c r="F79" s="1755"/>
      <c r="G79" s="1755"/>
      <c r="H79" s="1755"/>
      <c r="I79" s="1755"/>
      <c r="J79" s="1755"/>
      <c r="K79" s="1755"/>
      <c r="L79" s="1755"/>
      <c r="M79" s="1755"/>
      <c r="N79" s="1755"/>
      <c r="O79" s="1755"/>
      <c r="P79" s="1755"/>
      <c r="Q79" s="2258" t="s">
        <v>338</v>
      </c>
      <c r="R79" s="2258"/>
      <c r="S79" s="2258"/>
      <c r="T79" s="2258"/>
      <c r="U79" s="2258"/>
      <c r="V79" s="2258"/>
      <c r="W79" s="2258"/>
      <c r="X79" s="2258"/>
      <c r="Y79" s="2258"/>
      <c r="Z79" s="2258" t="s">
        <v>337</v>
      </c>
      <c r="AA79" s="2258"/>
      <c r="AB79" s="2258"/>
      <c r="AC79" s="2258"/>
      <c r="AD79" s="2258"/>
      <c r="AE79" s="2258"/>
      <c r="AF79" s="2258"/>
      <c r="AG79" s="2258"/>
      <c r="AH79" s="2258"/>
      <c r="AI79" s="2258" t="s">
        <v>335</v>
      </c>
      <c r="AJ79" s="2258"/>
      <c r="AK79" s="2258"/>
      <c r="AL79" s="2258"/>
      <c r="AM79" s="2258"/>
      <c r="AN79" s="2258"/>
      <c r="AO79" s="2258"/>
      <c r="AP79" s="2258"/>
      <c r="AQ79" s="2259"/>
      <c r="AT79" s="2220"/>
      <c r="AU79" s="2220"/>
      <c r="AV79" s="2220"/>
      <c r="AW79" s="2220"/>
      <c r="AX79" s="2220"/>
      <c r="AY79" s="2220"/>
      <c r="AZ79" s="2220"/>
      <c r="BA79" s="2220"/>
      <c r="BB79" s="2220"/>
      <c r="BC79" s="2220"/>
      <c r="BD79" s="2220"/>
      <c r="BE79" s="2220"/>
      <c r="BF79" s="2220"/>
      <c r="BG79" s="2220"/>
      <c r="BH79" s="2220"/>
      <c r="BI79" s="2220"/>
      <c r="BJ79" s="2220"/>
      <c r="BK79" s="2220"/>
      <c r="BL79" s="2220"/>
      <c r="BM79" s="2220"/>
    </row>
    <row r="80" spans="1:65" ht="5.25" customHeight="1">
      <c r="A80" s="407"/>
      <c r="B80" s="407"/>
      <c r="C80" s="365"/>
      <c r="D80" s="1674"/>
      <c r="E80" s="1427"/>
      <c r="F80" s="1427"/>
      <c r="G80" s="1427"/>
      <c r="H80" s="1427"/>
      <c r="I80" s="1427"/>
      <c r="J80" s="1427"/>
      <c r="K80" s="1427"/>
      <c r="L80" s="1427"/>
      <c r="M80" s="1427"/>
      <c r="N80" s="1427"/>
      <c r="O80" s="1427"/>
      <c r="P80" s="1427"/>
      <c r="Q80" s="1613"/>
      <c r="R80" s="1613"/>
      <c r="S80" s="1613"/>
      <c r="T80" s="1613"/>
      <c r="U80" s="1613"/>
      <c r="V80" s="1613"/>
      <c r="W80" s="1613"/>
      <c r="X80" s="1613"/>
      <c r="Y80" s="1613"/>
      <c r="Z80" s="1613"/>
      <c r="AA80" s="1613"/>
      <c r="AB80" s="1613"/>
      <c r="AC80" s="1613"/>
      <c r="AD80" s="1613"/>
      <c r="AE80" s="1613"/>
      <c r="AF80" s="1613"/>
      <c r="AG80" s="1613"/>
      <c r="AH80" s="1613"/>
      <c r="AI80" s="1613"/>
      <c r="AJ80" s="1613"/>
      <c r="AK80" s="1613"/>
      <c r="AL80" s="1613"/>
      <c r="AM80" s="1613"/>
      <c r="AN80" s="1613"/>
      <c r="AO80" s="1613"/>
      <c r="AP80" s="1613"/>
      <c r="AQ80" s="2260"/>
      <c r="AT80" s="2221" t="s">
        <v>175</v>
      </c>
      <c r="AU80" s="2222"/>
      <c r="AV80" s="2222"/>
      <c r="AW80" s="2222"/>
      <c r="AX80" s="2222"/>
      <c r="AY80" s="2222"/>
      <c r="AZ80" s="2222"/>
      <c r="BA80" s="2222"/>
      <c r="BB80" s="2222"/>
      <c r="BC80" s="2222"/>
      <c r="BD80" s="2223"/>
      <c r="BE80" s="2102"/>
      <c r="BF80" s="2103"/>
      <c r="BG80" s="2103"/>
      <c r="BH80" s="2103"/>
      <c r="BI80" s="2103"/>
      <c r="BJ80" s="2103"/>
      <c r="BK80" s="2103"/>
      <c r="BL80" s="2096" t="s">
        <v>294</v>
      </c>
      <c r="BM80" s="2097"/>
    </row>
    <row r="81" spans="1:65" ht="5.25" customHeight="1">
      <c r="A81" s="407"/>
      <c r="B81" s="407"/>
      <c r="C81" s="365"/>
      <c r="D81" s="1674"/>
      <c r="E81" s="1427"/>
      <c r="F81" s="1427"/>
      <c r="G81" s="1427"/>
      <c r="H81" s="1427"/>
      <c r="I81" s="1427"/>
      <c r="J81" s="1427"/>
      <c r="K81" s="1427"/>
      <c r="L81" s="1427"/>
      <c r="M81" s="1427"/>
      <c r="N81" s="1427"/>
      <c r="O81" s="1427"/>
      <c r="P81" s="1427"/>
      <c r="Q81" s="1613"/>
      <c r="R81" s="1613"/>
      <c r="S81" s="1613"/>
      <c r="T81" s="1613"/>
      <c r="U81" s="1613"/>
      <c r="V81" s="1613"/>
      <c r="W81" s="1613"/>
      <c r="X81" s="1613"/>
      <c r="Y81" s="1613"/>
      <c r="Z81" s="1613"/>
      <c r="AA81" s="1613"/>
      <c r="AB81" s="1613"/>
      <c r="AC81" s="1613"/>
      <c r="AD81" s="1613"/>
      <c r="AE81" s="1613"/>
      <c r="AF81" s="1613"/>
      <c r="AG81" s="1613"/>
      <c r="AH81" s="1613"/>
      <c r="AI81" s="1613"/>
      <c r="AJ81" s="1613"/>
      <c r="AK81" s="1613"/>
      <c r="AL81" s="1613"/>
      <c r="AM81" s="1613"/>
      <c r="AN81" s="1613"/>
      <c r="AO81" s="1613"/>
      <c r="AP81" s="1613"/>
      <c r="AQ81" s="2260"/>
      <c r="AT81" s="2120"/>
      <c r="AU81" s="2121"/>
      <c r="AV81" s="2121"/>
      <c r="AW81" s="2121"/>
      <c r="AX81" s="2121"/>
      <c r="AY81" s="2121"/>
      <c r="AZ81" s="2121"/>
      <c r="BA81" s="2121"/>
      <c r="BB81" s="2121"/>
      <c r="BC81" s="2121"/>
      <c r="BD81" s="2122"/>
      <c r="BE81" s="2104"/>
      <c r="BF81" s="2105"/>
      <c r="BG81" s="2105"/>
      <c r="BH81" s="2105"/>
      <c r="BI81" s="2105"/>
      <c r="BJ81" s="2105"/>
      <c r="BK81" s="2105"/>
      <c r="BL81" s="2098"/>
      <c r="BM81" s="2099"/>
    </row>
    <row r="82" spans="1:65" ht="5.25" customHeight="1">
      <c r="A82" s="407"/>
      <c r="B82" s="407"/>
      <c r="C82" s="365"/>
      <c r="D82" s="2524"/>
      <c r="E82" s="2525"/>
      <c r="F82" s="2525"/>
      <c r="G82" s="2525"/>
      <c r="H82" s="2525"/>
      <c r="I82" s="2525"/>
      <c r="J82" s="2525"/>
      <c r="K82" s="2525"/>
      <c r="L82" s="2525"/>
      <c r="M82" s="2525"/>
      <c r="N82" s="2525"/>
      <c r="O82" s="2525"/>
      <c r="P82" s="2525"/>
      <c r="Q82" s="2330"/>
      <c r="R82" s="2331"/>
      <c r="S82" s="2331"/>
      <c r="T82" s="2331"/>
      <c r="U82" s="2331"/>
      <c r="V82" s="2331"/>
      <c r="W82" s="2331"/>
      <c r="X82" s="2336" t="s">
        <v>294</v>
      </c>
      <c r="Y82" s="2337"/>
      <c r="Z82" s="2330"/>
      <c r="AA82" s="2331"/>
      <c r="AB82" s="2331"/>
      <c r="AC82" s="2331"/>
      <c r="AD82" s="2331"/>
      <c r="AE82" s="2331"/>
      <c r="AF82" s="2331"/>
      <c r="AG82" s="2336" t="s">
        <v>294</v>
      </c>
      <c r="AH82" s="2337"/>
      <c r="AI82" s="2330"/>
      <c r="AJ82" s="2331"/>
      <c r="AK82" s="2331"/>
      <c r="AL82" s="2331"/>
      <c r="AM82" s="2331"/>
      <c r="AN82" s="2331"/>
      <c r="AO82" s="2331"/>
      <c r="AP82" s="2336" t="s">
        <v>294</v>
      </c>
      <c r="AQ82" s="2355"/>
      <c r="AT82" s="2120"/>
      <c r="AU82" s="2121"/>
      <c r="AV82" s="2121"/>
      <c r="AW82" s="2121"/>
      <c r="AX82" s="2121"/>
      <c r="AY82" s="2121"/>
      <c r="AZ82" s="2121"/>
      <c r="BA82" s="2121"/>
      <c r="BB82" s="2121"/>
      <c r="BC82" s="2121"/>
      <c r="BD82" s="2122"/>
      <c r="BE82" s="2104"/>
      <c r="BF82" s="2105"/>
      <c r="BG82" s="2105"/>
      <c r="BH82" s="2105"/>
      <c r="BI82" s="2105"/>
      <c r="BJ82" s="2105"/>
      <c r="BK82" s="2105"/>
      <c r="BL82" s="2098"/>
      <c r="BM82" s="2099"/>
    </row>
    <row r="83" spans="1:65" ht="5.25" customHeight="1" thickBot="1">
      <c r="A83" s="407"/>
      <c r="B83" s="407"/>
      <c r="C83" s="365"/>
      <c r="D83" s="2524"/>
      <c r="E83" s="2525"/>
      <c r="F83" s="2525"/>
      <c r="G83" s="2525"/>
      <c r="H83" s="2525"/>
      <c r="I83" s="2525"/>
      <c r="J83" s="2525"/>
      <c r="K83" s="2525"/>
      <c r="L83" s="2525"/>
      <c r="M83" s="2525"/>
      <c r="N83" s="2525"/>
      <c r="O83" s="2525"/>
      <c r="P83" s="2525"/>
      <c r="Q83" s="2332"/>
      <c r="R83" s="2333"/>
      <c r="S83" s="2333"/>
      <c r="T83" s="2333"/>
      <c r="U83" s="2333"/>
      <c r="V83" s="2333"/>
      <c r="W83" s="2333"/>
      <c r="X83" s="2338"/>
      <c r="Y83" s="2339"/>
      <c r="Z83" s="2332"/>
      <c r="AA83" s="2333"/>
      <c r="AB83" s="2333"/>
      <c r="AC83" s="2333"/>
      <c r="AD83" s="2333"/>
      <c r="AE83" s="2333"/>
      <c r="AF83" s="2333"/>
      <c r="AG83" s="2338"/>
      <c r="AH83" s="2339"/>
      <c r="AI83" s="2332"/>
      <c r="AJ83" s="2333"/>
      <c r="AK83" s="2333"/>
      <c r="AL83" s="2333"/>
      <c r="AM83" s="2333"/>
      <c r="AN83" s="2333"/>
      <c r="AO83" s="2333"/>
      <c r="AP83" s="2338"/>
      <c r="AQ83" s="2356"/>
      <c r="AT83" s="2135"/>
      <c r="AU83" s="2136"/>
      <c r="AV83" s="2136"/>
      <c r="AW83" s="2136"/>
      <c r="AX83" s="2136"/>
      <c r="AY83" s="2136"/>
      <c r="AZ83" s="2136"/>
      <c r="BA83" s="2136"/>
      <c r="BB83" s="2136"/>
      <c r="BC83" s="2136"/>
      <c r="BD83" s="2137"/>
      <c r="BE83" s="2106"/>
      <c r="BF83" s="2107"/>
      <c r="BG83" s="2107"/>
      <c r="BH83" s="2107"/>
      <c r="BI83" s="2107"/>
      <c r="BJ83" s="2107"/>
      <c r="BK83" s="2107"/>
      <c r="BL83" s="2100"/>
      <c r="BM83" s="2101"/>
    </row>
    <row r="84" spans="1:65" ht="5.25" customHeight="1">
      <c r="A84" s="407"/>
      <c r="B84" s="407"/>
      <c r="C84" s="365"/>
      <c r="D84" s="2524"/>
      <c r="E84" s="2525"/>
      <c r="F84" s="2525"/>
      <c r="G84" s="2525"/>
      <c r="H84" s="2525"/>
      <c r="I84" s="2525"/>
      <c r="J84" s="2525"/>
      <c r="K84" s="2525"/>
      <c r="L84" s="2525"/>
      <c r="M84" s="2525"/>
      <c r="N84" s="2525"/>
      <c r="O84" s="2525"/>
      <c r="P84" s="2525"/>
      <c r="Q84" s="2332"/>
      <c r="R84" s="2333"/>
      <c r="S84" s="2333"/>
      <c r="T84" s="2333"/>
      <c r="U84" s="2333"/>
      <c r="V84" s="2333"/>
      <c r="W84" s="2333"/>
      <c r="X84" s="2338"/>
      <c r="Y84" s="2339"/>
      <c r="Z84" s="2332"/>
      <c r="AA84" s="2333"/>
      <c r="AB84" s="2333"/>
      <c r="AC84" s="2333"/>
      <c r="AD84" s="2333"/>
      <c r="AE84" s="2333"/>
      <c r="AF84" s="2333"/>
      <c r="AG84" s="2338"/>
      <c r="AH84" s="2339"/>
      <c r="AI84" s="2332"/>
      <c r="AJ84" s="2333"/>
      <c r="AK84" s="2333"/>
      <c r="AL84" s="2333"/>
      <c r="AM84" s="2333"/>
      <c r="AN84" s="2333"/>
      <c r="AO84" s="2333"/>
      <c r="AP84" s="2338"/>
      <c r="AQ84" s="2356"/>
      <c r="AT84" s="2221" t="s">
        <v>342</v>
      </c>
      <c r="AU84" s="2222"/>
      <c r="AV84" s="2222"/>
      <c r="AW84" s="2222"/>
      <c r="AX84" s="2222"/>
      <c r="AY84" s="2222"/>
      <c r="AZ84" s="2222"/>
      <c r="BA84" s="2222"/>
      <c r="BB84" s="2222"/>
      <c r="BC84" s="2222"/>
      <c r="BD84" s="2223"/>
      <c r="BE84" s="2102"/>
      <c r="BF84" s="2103"/>
      <c r="BG84" s="2103"/>
      <c r="BH84" s="2103"/>
      <c r="BI84" s="2103"/>
      <c r="BJ84" s="2103"/>
      <c r="BK84" s="2103"/>
      <c r="BL84" s="2096" t="s">
        <v>294</v>
      </c>
      <c r="BM84" s="2097"/>
    </row>
    <row r="85" spans="1:65" ht="5.25" customHeight="1">
      <c r="A85" s="407"/>
      <c r="B85" s="407"/>
      <c r="C85" s="365"/>
      <c r="D85" s="2524"/>
      <c r="E85" s="2525"/>
      <c r="F85" s="2525"/>
      <c r="G85" s="2525"/>
      <c r="H85" s="2525"/>
      <c r="I85" s="2525"/>
      <c r="J85" s="2525"/>
      <c r="K85" s="2525"/>
      <c r="L85" s="2525"/>
      <c r="M85" s="2525"/>
      <c r="N85" s="2525"/>
      <c r="O85" s="2525"/>
      <c r="P85" s="2525"/>
      <c r="Q85" s="2334"/>
      <c r="R85" s="2335"/>
      <c r="S85" s="2335"/>
      <c r="T85" s="2335"/>
      <c r="U85" s="2335"/>
      <c r="V85" s="2335"/>
      <c r="W85" s="2335"/>
      <c r="X85" s="2340"/>
      <c r="Y85" s="2341"/>
      <c r="Z85" s="2334"/>
      <c r="AA85" s="2335"/>
      <c r="AB85" s="2335"/>
      <c r="AC85" s="2335"/>
      <c r="AD85" s="2335"/>
      <c r="AE85" s="2335"/>
      <c r="AF85" s="2335"/>
      <c r="AG85" s="2340"/>
      <c r="AH85" s="2341"/>
      <c r="AI85" s="2334"/>
      <c r="AJ85" s="2335"/>
      <c r="AK85" s="2335"/>
      <c r="AL85" s="2335"/>
      <c r="AM85" s="2335"/>
      <c r="AN85" s="2335"/>
      <c r="AO85" s="2335"/>
      <c r="AP85" s="2340"/>
      <c r="AQ85" s="2357"/>
      <c r="AT85" s="2120"/>
      <c r="AU85" s="2121"/>
      <c r="AV85" s="2121"/>
      <c r="AW85" s="2121"/>
      <c r="AX85" s="2121"/>
      <c r="AY85" s="2121"/>
      <c r="AZ85" s="2121"/>
      <c r="BA85" s="2121"/>
      <c r="BB85" s="2121"/>
      <c r="BC85" s="2121"/>
      <c r="BD85" s="2122"/>
      <c r="BE85" s="2104"/>
      <c r="BF85" s="2105"/>
      <c r="BG85" s="2105"/>
      <c r="BH85" s="2105"/>
      <c r="BI85" s="2105"/>
      <c r="BJ85" s="2105"/>
      <c r="BK85" s="2105"/>
      <c r="BL85" s="2098"/>
      <c r="BM85" s="2099"/>
    </row>
    <row r="86" spans="1:65" ht="5.25" customHeight="1">
      <c r="A86" s="407"/>
      <c r="B86" s="407"/>
      <c r="C86" s="365"/>
      <c r="D86" s="2524"/>
      <c r="E86" s="2525"/>
      <c r="F86" s="2525"/>
      <c r="G86" s="2525"/>
      <c r="H86" s="2525"/>
      <c r="I86" s="2525"/>
      <c r="J86" s="2525"/>
      <c r="K86" s="2525"/>
      <c r="L86" s="2525"/>
      <c r="M86" s="2525"/>
      <c r="N86" s="2525"/>
      <c r="O86" s="2525"/>
      <c r="P86" s="2525"/>
      <c r="Q86" s="2351"/>
      <c r="R86" s="2351"/>
      <c r="S86" s="2351"/>
      <c r="T86" s="2351"/>
      <c r="U86" s="2351"/>
      <c r="V86" s="2351"/>
      <c r="W86" s="2351"/>
      <c r="X86" s="2351"/>
      <c r="Y86" s="2351"/>
      <c r="Z86" s="2351"/>
      <c r="AA86" s="2351"/>
      <c r="AB86" s="2351"/>
      <c r="AC86" s="2351"/>
      <c r="AD86" s="2351"/>
      <c r="AE86" s="2351"/>
      <c r="AF86" s="2351"/>
      <c r="AG86" s="2351"/>
      <c r="AH86" s="2351"/>
      <c r="AI86" s="2351"/>
      <c r="AJ86" s="2351"/>
      <c r="AK86" s="2351"/>
      <c r="AL86" s="2351"/>
      <c r="AM86" s="2351"/>
      <c r="AN86" s="2351"/>
      <c r="AO86" s="2351"/>
      <c r="AP86" s="2351"/>
      <c r="AQ86" s="2353"/>
      <c r="AR86" s="343"/>
      <c r="AS86" s="343"/>
      <c r="AT86" s="2120"/>
      <c r="AU86" s="2121"/>
      <c r="AV86" s="2121"/>
      <c r="AW86" s="2121"/>
      <c r="AX86" s="2121"/>
      <c r="AY86" s="2121"/>
      <c r="AZ86" s="2121"/>
      <c r="BA86" s="2121"/>
      <c r="BB86" s="2121"/>
      <c r="BC86" s="2121"/>
      <c r="BD86" s="2122"/>
      <c r="BE86" s="2104"/>
      <c r="BF86" s="2105"/>
      <c r="BG86" s="2105"/>
      <c r="BH86" s="2105"/>
      <c r="BI86" s="2105"/>
      <c r="BJ86" s="2105"/>
      <c r="BK86" s="2105"/>
      <c r="BL86" s="2098"/>
      <c r="BM86" s="2099"/>
    </row>
    <row r="87" spans="1:65" ht="5.25" customHeight="1" thickBot="1">
      <c r="A87" s="407"/>
      <c r="B87" s="407"/>
      <c r="C87" s="365"/>
      <c r="D87" s="2524"/>
      <c r="E87" s="2525"/>
      <c r="F87" s="2525"/>
      <c r="G87" s="2525"/>
      <c r="H87" s="2525"/>
      <c r="I87" s="2525"/>
      <c r="J87" s="2525"/>
      <c r="K87" s="2525"/>
      <c r="L87" s="2525"/>
      <c r="M87" s="2525"/>
      <c r="N87" s="2525"/>
      <c r="O87" s="2525"/>
      <c r="P87" s="2525"/>
      <c r="Q87" s="2351"/>
      <c r="R87" s="2351"/>
      <c r="S87" s="2351"/>
      <c r="T87" s="2351"/>
      <c r="U87" s="2351"/>
      <c r="V87" s="2351"/>
      <c r="W87" s="2351"/>
      <c r="X87" s="2351"/>
      <c r="Y87" s="2351"/>
      <c r="Z87" s="2351"/>
      <c r="AA87" s="2351"/>
      <c r="AB87" s="2351"/>
      <c r="AC87" s="2351"/>
      <c r="AD87" s="2351"/>
      <c r="AE87" s="2351"/>
      <c r="AF87" s="2351"/>
      <c r="AG87" s="2351"/>
      <c r="AH87" s="2351"/>
      <c r="AI87" s="2351"/>
      <c r="AJ87" s="2351"/>
      <c r="AK87" s="2351"/>
      <c r="AL87" s="2351"/>
      <c r="AM87" s="2351"/>
      <c r="AN87" s="2351"/>
      <c r="AO87" s="2351"/>
      <c r="AP87" s="2351"/>
      <c r="AQ87" s="2353"/>
      <c r="AT87" s="2135"/>
      <c r="AU87" s="2136"/>
      <c r="AV87" s="2136"/>
      <c r="AW87" s="2136"/>
      <c r="AX87" s="2136"/>
      <c r="AY87" s="2136"/>
      <c r="AZ87" s="2136"/>
      <c r="BA87" s="2136"/>
      <c r="BB87" s="2136"/>
      <c r="BC87" s="2136"/>
      <c r="BD87" s="2137"/>
      <c r="BE87" s="2106"/>
      <c r="BF87" s="2107"/>
      <c r="BG87" s="2107"/>
      <c r="BH87" s="2107"/>
      <c r="BI87" s="2107"/>
      <c r="BJ87" s="2107"/>
      <c r="BK87" s="2107"/>
      <c r="BL87" s="2100"/>
      <c r="BM87" s="2101"/>
    </row>
    <row r="88" spans="1:65" ht="5.25" customHeight="1">
      <c r="A88" s="407"/>
      <c r="B88" s="407"/>
      <c r="C88" s="365"/>
      <c r="D88" s="2524"/>
      <c r="E88" s="2525"/>
      <c r="F88" s="2525"/>
      <c r="G88" s="2525"/>
      <c r="H88" s="2525"/>
      <c r="I88" s="2525"/>
      <c r="J88" s="2525"/>
      <c r="K88" s="2525"/>
      <c r="L88" s="2525"/>
      <c r="M88" s="2525"/>
      <c r="N88" s="2525"/>
      <c r="O88" s="2525"/>
      <c r="P88" s="2525"/>
      <c r="Q88" s="2351"/>
      <c r="R88" s="2351"/>
      <c r="S88" s="2351"/>
      <c r="T88" s="2351"/>
      <c r="U88" s="2351"/>
      <c r="V88" s="2351"/>
      <c r="W88" s="2351"/>
      <c r="X88" s="2351"/>
      <c r="Y88" s="2351"/>
      <c r="Z88" s="2351"/>
      <c r="AA88" s="2351"/>
      <c r="AB88" s="2351"/>
      <c r="AC88" s="2351"/>
      <c r="AD88" s="2351"/>
      <c r="AE88" s="2351"/>
      <c r="AF88" s="2351"/>
      <c r="AG88" s="2351"/>
      <c r="AH88" s="2351"/>
      <c r="AI88" s="2351"/>
      <c r="AJ88" s="2351"/>
      <c r="AK88" s="2351"/>
      <c r="AL88" s="2351"/>
      <c r="AM88" s="2351"/>
      <c r="AN88" s="2351"/>
      <c r="AO88" s="2351"/>
      <c r="AP88" s="2351"/>
      <c r="AQ88" s="2353"/>
      <c r="BL88" s="345"/>
      <c r="BM88" s="345"/>
    </row>
    <row r="89" spans="1:65" ht="5.25" customHeight="1" thickBot="1">
      <c r="A89" s="407"/>
      <c r="B89" s="407"/>
      <c r="C89" s="343"/>
      <c r="D89" s="2526"/>
      <c r="E89" s="2527"/>
      <c r="F89" s="2527"/>
      <c r="G89" s="2527"/>
      <c r="H89" s="2527"/>
      <c r="I89" s="2527"/>
      <c r="J89" s="2527"/>
      <c r="K89" s="2527"/>
      <c r="L89" s="2527"/>
      <c r="M89" s="2527"/>
      <c r="N89" s="2527"/>
      <c r="O89" s="2527"/>
      <c r="P89" s="2527"/>
      <c r="Q89" s="2352"/>
      <c r="R89" s="2352"/>
      <c r="S89" s="2352"/>
      <c r="T89" s="2352"/>
      <c r="U89" s="2352"/>
      <c r="V89" s="2352"/>
      <c r="W89" s="2352"/>
      <c r="X89" s="2352"/>
      <c r="Y89" s="2352"/>
      <c r="Z89" s="2352"/>
      <c r="AA89" s="2352"/>
      <c r="AB89" s="2352"/>
      <c r="AC89" s="2352"/>
      <c r="AD89" s="2352"/>
      <c r="AE89" s="2352"/>
      <c r="AF89" s="2352"/>
      <c r="AG89" s="2352"/>
      <c r="AH89" s="2352"/>
      <c r="AI89" s="2352"/>
      <c r="AJ89" s="2352"/>
      <c r="AK89" s="2352"/>
      <c r="AL89" s="2352"/>
      <c r="AM89" s="2352"/>
      <c r="AN89" s="2352"/>
      <c r="AO89" s="2352"/>
      <c r="AP89" s="2352"/>
      <c r="AQ89" s="2354"/>
      <c r="BL89" s="345"/>
      <c r="BM89" s="345"/>
    </row>
    <row r="90" spans="1:65" ht="5.25" customHeight="1">
      <c r="A90" s="407"/>
      <c r="B90" s="407"/>
      <c r="C90" s="343"/>
      <c r="D90" s="412"/>
      <c r="E90" s="412"/>
      <c r="F90" s="412"/>
      <c r="G90" s="412"/>
      <c r="H90" s="412"/>
      <c r="I90" s="412"/>
      <c r="J90" s="412"/>
      <c r="K90" s="412"/>
      <c r="L90" s="412"/>
      <c r="M90" s="412"/>
      <c r="N90" s="412"/>
      <c r="O90" s="412"/>
      <c r="P90" s="412"/>
      <c r="Q90" s="415"/>
      <c r="R90" s="415"/>
      <c r="S90" s="415"/>
      <c r="T90" s="415"/>
      <c r="U90" s="415"/>
      <c r="V90" s="415"/>
      <c r="W90" s="415"/>
      <c r="X90" s="415"/>
      <c r="Y90" s="415"/>
      <c r="Z90" s="415"/>
      <c r="AA90" s="415"/>
      <c r="AB90" s="415"/>
      <c r="AC90" s="415"/>
      <c r="AD90" s="415"/>
      <c r="AE90" s="415"/>
      <c r="AF90" s="415"/>
      <c r="AG90" s="415"/>
      <c r="AH90" s="415"/>
      <c r="AI90" s="415"/>
      <c r="AJ90" s="415"/>
      <c r="AK90" s="415"/>
      <c r="AL90" s="415"/>
      <c r="AM90" s="415"/>
      <c r="AN90" s="415"/>
      <c r="AO90" s="415"/>
      <c r="AP90" s="415"/>
      <c r="AQ90" s="415"/>
      <c r="BL90" s="345"/>
      <c r="BM90" s="345"/>
    </row>
    <row r="91" spans="1:65" ht="5.25" customHeight="1">
      <c r="A91" s="407"/>
      <c r="B91" s="407"/>
      <c r="C91" s="343"/>
      <c r="D91" s="2565" t="s">
        <v>527</v>
      </c>
      <c r="E91" s="2565"/>
      <c r="F91" s="2565"/>
      <c r="G91" s="2565"/>
      <c r="H91" s="2565"/>
      <c r="I91" s="2565"/>
      <c r="J91" s="2565"/>
      <c r="K91" s="2565"/>
      <c r="L91" s="2565"/>
      <c r="M91" s="2565"/>
      <c r="N91" s="2565"/>
      <c r="O91" s="2565"/>
      <c r="P91" s="2565"/>
      <c r="Q91" s="2565"/>
      <c r="R91" s="2565"/>
      <c r="S91" s="2565"/>
      <c r="T91" s="2565"/>
      <c r="U91" s="2565"/>
      <c r="V91" s="2565"/>
      <c r="W91" s="2565"/>
      <c r="X91" s="2565"/>
      <c r="Y91" s="2565"/>
      <c r="Z91" s="2565"/>
      <c r="AA91" s="2565"/>
      <c r="AB91" s="2565"/>
      <c r="AC91" s="2565"/>
      <c r="AD91" s="2565"/>
      <c r="AE91" s="2565"/>
      <c r="AF91" s="2565"/>
      <c r="AG91" s="2565"/>
      <c r="AH91" s="2565"/>
      <c r="AI91" s="2565"/>
      <c r="AJ91" s="2565"/>
      <c r="AK91" s="2565"/>
      <c r="AL91" s="2565"/>
      <c r="AM91" s="2565"/>
      <c r="AN91" s="416"/>
      <c r="AO91" s="416"/>
      <c r="AP91" s="1731" t="s">
        <v>460</v>
      </c>
      <c r="AQ91" s="1731"/>
      <c r="AR91" s="1731"/>
      <c r="AS91" s="1731"/>
      <c r="AT91" s="1731"/>
      <c r="AU91" s="1731"/>
      <c r="AV91" s="1731"/>
      <c r="AW91" s="1731"/>
      <c r="AX91" s="1731"/>
      <c r="AY91" s="1731"/>
      <c r="AZ91" s="1731"/>
      <c r="BA91" s="1731"/>
      <c r="BB91" s="1731"/>
      <c r="BC91" s="1731"/>
      <c r="BD91" s="1731"/>
      <c r="BE91" s="1731"/>
      <c r="BF91" s="1731"/>
      <c r="BG91" s="1731"/>
      <c r="BH91" s="1731"/>
      <c r="BI91" s="1731"/>
      <c r="BJ91" s="1731"/>
      <c r="BK91" s="1731"/>
      <c r="BL91" s="1731"/>
      <c r="BM91" s="1731"/>
    </row>
    <row r="92" spans="1:65" ht="5.25" customHeight="1">
      <c r="A92" s="407"/>
      <c r="B92" s="407"/>
      <c r="C92" s="343"/>
      <c r="D92" s="2565"/>
      <c r="E92" s="2565"/>
      <c r="F92" s="2565"/>
      <c r="G92" s="2565"/>
      <c r="H92" s="2565"/>
      <c r="I92" s="2565"/>
      <c r="J92" s="2565"/>
      <c r="K92" s="2565"/>
      <c r="L92" s="2565"/>
      <c r="M92" s="2565"/>
      <c r="N92" s="2565"/>
      <c r="O92" s="2565"/>
      <c r="P92" s="2565"/>
      <c r="Q92" s="2565"/>
      <c r="R92" s="2565"/>
      <c r="S92" s="2565"/>
      <c r="T92" s="2565"/>
      <c r="U92" s="2565"/>
      <c r="V92" s="2565"/>
      <c r="W92" s="2565"/>
      <c r="X92" s="2565"/>
      <c r="Y92" s="2565"/>
      <c r="Z92" s="2565"/>
      <c r="AA92" s="2565"/>
      <c r="AB92" s="2565"/>
      <c r="AC92" s="2565"/>
      <c r="AD92" s="2565"/>
      <c r="AE92" s="2565"/>
      <c r="AF92" s="2565"/>
      <c r="AG92" s="2565"/>
      <c r="AH92" s="2565"/>
      <c r="AI92" s="2565"/>
      <c r="AJ92" s="2565"/>
      <c r="AK92" s="2565"/>
      <c r="AL92" s="2565"/>
      <c r="AM92" s="2565"/>
      <c r="AN92" s="416"/>
      <c r="AO92" s="416"/>
      <c r="AP92" s="1731"/>
      <c r="AQ92" s="1731"/>
      <c r="AR92" s="1731"/>
      <c r="AS92" s="1731"/>
      <c r="AT92" s="1731"/>
      <c r="AU92" s="1731"/>
      <c r="AV92" s="1731"/>
      <c r="AW92" s="1731"/>
      <c r="AX92" s="1731"/>
      <c r="AY92" s="1731"/>
      <c r="AZ92" s="1731"/>
      <c r="BA92" s="1731"/>
      <c r="BB92" s="1731"/>
      <c r="BC92" s="1731"/>
      <c r="BD92" s="1731"/>
      <c r="BE92" s="1731"/>
      <c r="BF92" s="1731"/>
      <c r="BG92" s="1731"/>
      <c r="BH92" s="1731"/>
      <c r="BI92" s="1731"/>
      <c r="BJ92" s="1731"/>
      <c r="BK92" s="1731"/>
      <c r="BL92" s="1731"/>
      <c r="BM92" s="1731"/>
    </row>
    <row r="93" spans="1:65" ht="5.25" customHeight="1" thickBot="1">
      <c r="A93" s="407"/>
      <c r="B93" s="407"/>
      <c r="C93" s="343"/>
      <c r="D93" s="2565"/>
      <c r="E93" s="2565"/>
      <c r="F93" s="2565"/>
      <c r="G93" s="2565"/>
      <c r="H93" s="2565"/>
      <c r="I93" s="2565"/>
      <c r="J93" s="2565"/>
      <c r="K93" s="2565"/>
      <c r="L93" s="2565"/>
      <c r="M93" s="2565"/>
      <c r="N93" s="2565"/>
      <c r="O93" s="2565"/>
      <c r="P93" s="2565"/>
      <c r="Q93" s="2565"/>
      <c r="R93" s="2565"/>
      <c r="S93" s="2565"/>
      <c r="T93" s="2565"/>
      <c r="U93" s="2565"/>
      <c r="V93" s="2565"/>
      <c r="W93" s="2565"/>
      <c r="X93" s="2565"/>
      <c r="Y93" s="2565"/>
      <c r="Z93" s="2565"/>
      <c r="AA93" s="2565"/>
      <c r="AB93" s="2565"/>
      <c r="AC93" s="2565"/>
      <c r="AD93" s="2565"/>
      <c r="AE93" s="2565"/>
      <c r="AF93" s="2565"/>
      <c r="AG93" s="2565"/>
      <c r="AH93" s="2565"/>
      <c r="AI93" s="2565"/>
      <c r="AJ93" s="2565"/>
      <c r="AK93" s="2565"/>
      <c r="AL93" s="2565"/>
      <c r="AM93" s="2565"/>
      <c r="AN93" s="416"/>
      <c r="AO93" s="416"/>
      <c r="AP93" s="1731"/>
      <c r="AQ93" s="1731"/>
      <c r="AR93" s="1731"/>
      <c r="AS93" s="1731"/>
      <c r="AT93" s="1731"/>
      <c r="AU93" s="1731"/>
      <c r="AV93" s="1731"/>
      <c r="AW93" s="1731"/>
      <c r="AX93" s="1731"/>
      <c r="AY93" s="1731"/>
      <c r="AZ93" s="1731"/>
      <c r="BA93" s="1731"/>
      <c r="BB93" s="1731"/>
      <c r="BC93" s="1731"/>
      <c r="BD93" s="1731"/>
      <c r="BE93" s="1731"/>
      <c r="BF93" s="1731"/>
      <c r="BG93" s="1731"/>
      <c r="BH93" s="1731"/>
      <c r="BI93" s="1731"/>
      <c r="BJ93" s="1731"/>
      <c r="BK93" s="1731"/>
      <c r="BL93" s="1731"/>
      <c r="BM93" s="1731"/>
    </row>
    <row r="94" spans="1:65" ht="5.25" customHeight="1">
      <c r="A94" s="407"/>
      <c r="B94" s="407"/>
      <c r="C94" s="343"/>
      <c r="D94" s="2040" t="s">
        <v>478</v>
      </c>
      <c r="E94" s="2041"/>
      <c r="F94" s="2041"/>
      <c r="G94" s="2041"/>
      <c r="H94" s="2041"/>
      <c r="I94" s="2041"/>
      <c r="J94" s="2041"/>
      <c r="K94" s="2041"/>
      <c r="L94" s="2041"/>
      <c r="M94" s="2041"/>
      <c r="N94" s="2041"/>
      <c r="O94" s="2041"/>
      <c r="P94" s="2041"/>
      <c r="Q94" s="2041"/>
      <c r="R94" s="2041"/>
      <c r="S94" s="2041"/>
      <c r="T94" s="2041"/>
      <c r="U94" s="2042"/>
      <c r="V94" s="2046" t="s">
        <v>479</v>
      </c>
      <c r="W94" s="2041"/>
      <c r="X94" s="2041"/>
      <c r="Y94" s="2041"/>
      <c r="Z94" s="2041"/>
      <c r="AA94" s="2041"/>
      <c r="AB94" s="2041"/>
      <c r="AC94" s="2041"/>
      <c r="AD94" s="2041"/>
      <c r="AE94" s="2041"/>
      <c r="AF94" s="2041"/>
      <c r="AG94" s="2041"/>
      <c r="AH94" s="2041"/>
      <c r="AI94" s="2041"/>
      <c r="AJ94" s="2041"/>
      <c r="AK94" s="2041"/>
      <c r="AL94" s="2041"/>
      <c r="AM94" s="2047"/>
      <c r="AN94" s="413"/>
      <c r="AO94" s="413"/>
      <c r="AP94" s="2601" t="s">
        <v>528</v>
      </c>
      <c r="AQ94" s="2602"/>
      <c r="AR94" s="2602"/>
      <c r="AS94" s="2602"/>
      <c r="AT94" s="2602"/>
      <c r="AU94" s="2602"/>
      <c r="AV94" s="2602"/>
      <c r="AW94" s="2602"/>
      <c r="AX94" s="2602"/>
      <c r="AY94" s="2602"/>
      <c r="AZ94" s="2602"/>
      <c r="BA94" s="2602"/>
      <c r="BB94" s="2603"/>
      <c r="BC94" s="2535"/>
      <c r="BD94" s="2536"/>
      <c r="BE94" s="2536"/>
      <c r="BF94" s="2536"/>
      <c r="BG94" s="2536"/>
      <c r="BH94" s="2536"/>
      <c r="BI94" s="2536"/>
      <c r="BJ94" s="2536"/>
      <c r="BK94" s="2536"/>
      <c r="BL94" s="2537" t="s">
        <v>294</v>
      </c>
      <c r="BM94" s="2538"/>
    </row>
    <row r="95" spans="1:65" ht="5.25" customHeight="1">
      <c r="A95" s="407"/>
      <c r="B95" s="407"/>
      <c r="C95" s="343"/>
      <c r="D95" s="2043"/>
      <c r="E95" s="2044"/>
      <c r="F95" s="2044"/>
      <c r="G95" s="2044"/>
      <c r="H95" s="2044"/>
      <c r="I95" s="2044"/>
      <c r="J95" s="2044"/>
      <c r="K95" s="2044"/>
      <c r="L95" s="2044"/>
      <c r="M95" s="2044"/>
      <c r="N95" s="2044"/>
      <c r="O95" s="2044"/>
      <c r="P95" s="2044"/>
      <c r="Q95" s="2044"/>
      <c r="R95" s="2044"/>
      <c r="S95" s="2044"/>
      <c r="T95" s="2044"/>
      <c r="U95" s="2045"/>
      <c r="V95" s="2048"/>
      <c r="W95" s="2044"/>
      <c r="X95" s="2044"/>
      <c r="Y95" s="2044"/>
      <c r="Z95" s="2044"/>
      <c r="AA95" s="2044"/>
      <c r="AB95" s="2044"/>
      <c r="AC95" s="2044"/>
      <c r="AD95" s="2044"/>
      <c r="AE95" s="2044"/>
      <c r="AF95" s="2044"/>
      <c r="AG95" s="2044"/>
      <c r="AH95" s="2044"/>
      <c r="AI95" s="2044"/>
      <c r="AJ95" s="2044"/>
      <c r="AK95" s="2044"/>
      <c r="AL95" s="2044"/>
      <c r="AM95" s="2049"/>
      <c r="AN95" s="413"/>
      <c r="AO95" s="413"/>
      <c r="AP95" s="2604"/>
      <c r="AQ95" s="2605"/>
      <c r="AR95" s="2605"/>
      <c r="AS95" s="2605"/>
      <c r="AT95" s="2605"/>
      <c r="AU95" s="2605"/>
      <c r="AV95" s="2605"/>
      <c r="AW95" s="2605"/>
      <c r="AX95" s="2605"/>
      <c r="AY95" s="2605"/>
      <c r="AZ95" s="2605"/>
      <c r="BA95" s="2605"/>
      <c r="BB95" s="2606"/>
      <c r="BC95" s="2152"/>
      <c r="BD95" s="2153"/>
      <c r="BE95" s="2153"/>
      <c r="BF95" s="2153"/>
      <c r="BG95" s="2153"/>
      <c r="BH95" s="2153"/>
      <c r="BI95" s="2153"/>
      <c r="BJ95" s="2153"/>
      <c r="BK95" s="2153"/>
      <c r="BL95" s="2372"/>
      <c r="BM95" s="2373"/>
    </row>
    <row r="96" spans="1:65" ht="5.25" customHeight="1">
      <c r="A96" s="407"/>
      <c r="B96" s="407"/>
      <c r="C96" s="343"/>
      <c r="D96" s="2050" t="s">
        <v>480</v>
      </c>
      <c r="E96" s="2051"/>
      <c r="F96" s="2051"/>
      <c r="G96" s="2051"/>
      <c r="H96" s="2051"/>
      <c r="I96" s="2051"/>
      <c r="J96" s="2051"/>
      <c r="K96" s="2051"/>
      <c r="L96" s="2051"/>
      <c r="M96" s="2051"/>
      <c r="N96" s="2051"/>
      <c r="O96" s="2051"/>
      <c r="P96" s="2051"/>
      <c r="Q96" s="2051"/>
      <c r="R96" s="2051"/>
      <c r="S96" s="2051"/>
      <c r="T96" s="2051"/>
      <c r="U96" s="2052"/>
      <c r="V96" s="1404"/>
      <c r="W96" s="1405"/>
      <c r="X96" s="1405"/>
      <c r="Y96" s="1405"/>
      <c r="Z96" s="1405"/>
      <c r="AA96" s="1405"/>
      <c r="AB96" s="1405"/>
      <c r="AC96" s="1405"/>
      <c r="AD96" s="1405"/>
      <c r="AE96" s="1405"/>
      <c r="AF96" s="1405"/>
      <c r="AG96" s="1405"/>
      <c r="AH96" s="1405"/>
      <c r="AI96" s="1405"/>
      <c r="AJ96" s="1405"/>
      <c r="AK96" s="1405"/>
      <c r="AL96" s="1405"/>
      <c r="AM96" s="2053"/>
      <c r="AN96" s="413"/>
      <c r="AO96" s="413"/>
      <c r="AP96" s="2604"/>
      <c r="AQ96" s="2605"/>
      <c r="AR96" s="2605"/>
      <c r="AS96" s="2605"/>
      <c r="AT96" s="2605"/>
      <c r="AU96" s="2605"/>
      <c r="AV96" s="2605"/>
      <c r="AW96" s="2605"/>
      <c r="AX96" s="2605"/>
      <c r="AY96" s="2605"/>
      <c r="AZ96" s="2605"/>
      <c r="BA96" s="2605"/>
      <c r="BB96" s="2606"/>
      <c r="BC96" s="2146"/>
      <c r="BD96" s="2147"/>
      <c r="BE96" s="2147"/>
      <c r="BF96" s="2147"/>
      <c r="BG96" s="2147"/>
      <c r="BH96" s="2147"/>
      <c r="BI96" s="2147"/>
      <c r="BJ96" s="2147"/>
      <c r="BK96" s="2147"/>
      <c r="BL96" s="2539"/>
      <c r="BM96" s="2540"/>
    </row>
    <row r="97" spans="1:65" ht="5.25" customHeight="1">
      <c r="A97" s="407"/>
      <c r="B97" s="407"/>
      <c r="C97" s="343"/>
      <c r="D97" s="2050"/>
      <c r="E97" s="2051"/>
      <c r="F97" s="2051"/>
      <c r="G97" s="2051"/>
      <c r="H97" s="2051"/>
      <c r="I97" s="2051"/>
      <c r="J97" s="2051"/>
      <c r="K97" s="2051"/>
      <c r="L97" s="2051"/>
      <c r="M97" s="2051"/>
      <c r="N97" s="2051"/>
      <c r="O97" s="2051"/>
      <c r="P97" s="2051"/>
      <c r="Q97" s="2051"/>
      <c r="R97" s="2051"/>
      <c r="S97" s="2051"/>
      <c r="T97" s="2051"/>
      <c r="U97" s="2052"/>
      <c r="V97" s="1404"/>
      <c r="W97" s="1405"/>
      <c r="X97" s="1405"/>
      <c r="Y97" s="1405"/>
      <c r="Z97" s="1405"/>
      <c r="AA97" s="1405"/>
      <c r="AB97" s="1405"/>
      <c r="AC97" s="1405"/>
      <c r="AD97" s="1405"/>
      <c r="AE97" s="1405"/>
      <c r="AF97" s="1405"/>
      <c r="AG97" s="1405"/>
      <c r="AH97" s="1405"/>
      <c r="AI97" s="1405"/>
      <c r="AJ97" s="1405"/>
      <c r="AK97" s="1405"/>
      <c r="AL97" s="1405"/>
      <c r="AM97" s="2053"/>
      <c r="AN97" s="413"/>
      <c r="AO97" s="413"/>
      <c r="AP97" s="2607" t="s">
        <v>461</v>
      </c>
      <c r="AQ97" s="2608"/>
      <c r="AR97" s="2608"/>
      <c r="AS97" s="2608"/>
      <c r="AT97" s="2608"/>
      <c r="AU97" s="2608"/>
      <c r="AV97" s="2608"/>
      <c r="AW97" s="2608"/>
      <c r="AX97" s="2608"/>
      <c r="AY97" s="2608"/>
      <c r="AZ97" s="2608"/>
      <c r="BA97" s="2608"/>
      <c r="BB97" s="2609"/>
      <c r="BC97" s="2532" t="s">
        <v>463</v>
      </c>
      <c r="BD97" s="2533"/>
      <c r="BE97" s="2533"/>
      <c r="BF97" s="2533"/>
      <c r="BG97" s="2533" t="s">
        <v>464</v>
      </c>
      <c r="BH97" s="2533"/>
      <c r="BI97" s="2533"/>
      <c r="BJ97" s="2533" t="s">
        <v>465</v>
      </c>
      <c r="BK97" s="2533"/>
      <c r="BL97" s="2533"/>
      <c r="BM97" s="2534"/>
    </row>
    <row r="98" spans="1:65" ht="5.25" customHeight="1">
      <c r="A98" s="407"/>
      <c r="B98" s="407"/>
      <c r="C98" s="343"/>
      <c r="D98" s="2050" t="s">
        <v>481</v>
      </c>
      <c r="E98" s="2051"/>
      <c r="F98" s="2051"/>
      <c r="G98" s="2051"/>
      <c r="H98" s="2051"/>
      <c r="I98" s="2051"/>
      <c r="J98" s="2051"/>
      <c r="K98" s="2051"/>
      <c r="L98" s="2051"/>
      <c r="M98" s="2051"/>
      <c r="N98" s="2051"/>
      <c r="O98" s="2051"/>
      <c r="P98" s="2051"/>
      <c r="Q98" s="2051"/>
      <c r="R98" s="2051"/>
      <c r="S98" s="2051"/>
      <c r="T98" s="2051"/>
      <c r="U98" s="2052"/>
      <c r="V98" s="2054" t="s">
        <v>481</v>
      </c>
      <c r="W98" s="2051"/>
      <c r="X98" s="2051"/>
      <c r="Y98" s="2051"/>
      <c r="Z98" s="2051"/>
      <c r="AA98" s="2051"/>
      <c r="AB98" s="2051"/>
      <c r="AC98" s="2051"/>
      <c r="AD98" s="2051"/>
      <c r="AE98" s="2051"/>
      <c r="AF98" s="2051"/>
      <c r="AG98" s="2051"/>
      <c r="AH98" s="2051"/>
      <c r="AI98" s="2051"/>
      <c r="AJ98" s="2051"/>
      <c r="AK98" s="2051"/>
      <c r="AL98" s="2051"/>
      <c r="AM98" s="2055"/>
      <c r="AN98" s="413"/>
      <c r="AO98" s="413"/>
      <c r="AP98" s="2607"/>
      <c r="AQ98" s="2608"/>
      <c r="AR98" s="2608"/>
      <c r="AS98" s="2608"/>
      <c r="AT98" s="2608"/>
      <c r="AU98" s="2608"/>
      <c r="AV98" s="2608"/>
      <c r="AW98" s="2608"/>
      <c r="AX98" s="2608"/>
      <c r="AY98" s="2608"/>
      <c r="AZ98" s="2608"/>
      <c r="BA98" s="2608"/>
      <c r="BB98" s="2609"/>
      <c r="BC98" s="2532"/>
      <c r="BD98" s="2533"/>
      <c r="BE98" s="2533"/>
      <c r="BF98" s="2533"/>
      <c r="BG98" s="2533"/>
      <c r="BH98" s="2533"/>
      <c r="BI98" s="2533"/>
      <c r="BJ98" s="2533"/>
      <c r="BK98" s="2533"/>
      <c r="BL98" s="2533"/>
      <c r="BM98" s="2534"/>
    </row>
    <row r="99" spans="1:65" ht="5.25" customHeight="1">
      <c r="A99" s="407"/>
      <c r="B99" s="407"/>
      <c r="C99" s="343"/>
      <c r="D99" s="2050"/>
      <c r="E99" s="2051"/>
      <c r="F99" s="2051"/>
      <c r="G99" s="2051"/>
      <c r="H99" s="2051"/>
      <c r="I99" s="2051"/>
      <c r="J99" s="2051"/>
      <c r="K99" s="2051"/>
      <c r="L99" s="2051"/>
      <c r="M99" s="2051"/>
      <c r="N99" s="2051"/>
      <c r="O99" s="2051"/>
      <c r="P99" s="2051"/>
      <c r="Q99" s="2051"/>
      <c r="R99" s="2051"/>
      <c r="S99" s="2051"/>
      <c r="T99" s="2051"/>
      <c r="U99" s="2052"/>
      <c r="V99" s="2054"/>
      <c r="W99" s="2051"/>
      <c r="X99" s="2051"/>
      <c r="Y99" s="2051"/>
      <c r="Z99" s="2051"/>
      <c r="AA99" s="2051"/>
      <c r="AB99" s="2051"/>
      <c r="AC99" s="2051"/>
      <c r="AD99" s="2051"/>
      <c r="AE99" s="2051"/>
      <c r="AF99" s="2051"/>
      <c r="AG99" s="2051"/>
      <c r="AH99" s="2051"/>
      <c r="AI99" s="2051"/>
      <c r="AJ99" s="2051"/>
      <c r="AK99" s="2051"/>
      <c r="AL99" s="2051"/>
      <c r="AM99" s="2055"/>
      <c r="AN99" s="413"/>
      <c r="AO99" s="413"/>
      <c r="AP99" s="2607"/>
      <c r="AQ99" s="2608"/>
      <c r="AR99" s="2608"/>
      <c r="AS99" s="2608"/>
      <c r="AT99" s="2608"/>
      <c r="AU99" s="2608"/>
      <c r="AV99" s="2608"/>
      <c r="AW99" s="2608"/>
      <c r="AX99" s="2608"/>
      <c r="AY99" s="2608"/>
      <c r="AZ99" s="2608"/>
      <c r="BA99" s="2608"/>
      <c r="BB99" s="2609"/>
      <c r="BC99" s="2532"/>
      <c r="BD99" s="2533"/>
      <c r="BE99" s="2533"/>
      <c r="BF99" s="2533"/>
      <c r="BG99" s="2533"/>
      <c r="BH99" s="2533"/>
      <c r="BI99" s="2533"/>
      <c r="BJ99" s="2533"/>
      <c r="BK99" s="2533"/>
      <c r="BL99" s="2533"/>
      <c r="BM99" s="2534"/>
    </row>
    <row r="100" spans="1:65" ht="5.25" customHeight="1">
      <c r="A100" s="407"/>
      <c r="B100" s="407"/>
      <c r="C100" s="343"/>
      <c r="D100" s="2050" t="s">
        <v>482</v>
      </c>
      <c r="E100" s="2051"/>
      <c r="F100" s="2051"/>
      <c r="G100" s="2051"/>
      <c r="H100" s="2051"/>
      <c r="I100" s="2051"/>
      <c r="J100" s="2051"/>
      <c r="K100" s="2051"/>
      <c r="L100" s="2051"/>
      <c r="M100" s="2051"/>
      <c r="N100" s="2051"/>
      <c r="O100" s="2051"/>
      <c r="P100" s="2051"/>
      <c r="Q100" s="2051"/>
      <c r="R100" s="2051"/>
      <c r="S100" s="2051"/>
      <c r="T100" s="2051"/>
      <c r="U100" s="2052"/>
      <c r="V100" s="2054" t="s">
        <v>482</v>
      </c>
      <c r="W100" s="2051"/>
      <c r="X100" s="2051"/>
      <c r="Y100" s="2051"/>
      <c r="Z100" s="2051"/>
      <c r="AA100" s="2051"/>
      <c r="AB100" s="2051"/>
      <c r="AC100" s="2051"/>
      <c r="AD100" s="2051"/>
      <c r="AE100" s="2051"/>
      <c r="AF100" s="2051"/>
      <c r="AG100" s="2051"/>
      <c r="AH100" s="2051"/>
      <c r="AI100" s="2051"/>
      <c r="AJ100" s="2051"/>
      <c r="AK100" s="2051"/>
      <c r="AL100" s="2051"/>
      <c r="AM100" s="2055"/>
      <c r="AN100" s="413"/>
      <c r="AO100" s="413"/>
      <c r="AP100" s="2610" t="s">
        <v>462</v>
      </c>
      <c r="AQ100" s="2611"/>
      <c r="AR100" s="2611"/>
      <c r="AS100" s="2611"/>
      <c r="AT100" s="2611"/>
      <c r="AU100" s="2611"/>
      <c r="AV100" s="2611"/>
      <c r="AW100" s="2611"/>
      <c r="AX100" s="2611"/>
      <c r="AY100" s="2611"/>
      <c r="AZ100" s="2611"/>
      <c r="BA100" s="2611"/>
      <c r="BB100" s="2612"/>
      <c r="BC100" s="2597"/>
      <c r="BD100" s="2597"/>
      <c r="BE100" s="2597"/>
      <c r="BF100" s="2597"/>
      <c r="BG100" s="2597"/>
      <c r="BH100" s="2597"/>
      <c r="BI100" s="2597"/>
      <c r="BJ100" s="2597"/>
      <c r="BK100" s="2597"/>
      <c r="BL100" s="2597"/>
      <c r="BM100" s="2598"/>
    </row>
    <row r="101" spans="1:65" ht="5.25" customHeight="1">
      <c r="A101" s="407"/>
      <c r="B101" s="407"/>
      <c r="C101" s="343"/>
      <c r="D101" s="2050"/>
      <c r="E101" s="2051"/>
      <c r="F101" s="2051"/>
      <c r="G101" s="2051"/>
      <c r="H101" s="2051"/>
      <c r="I101" s="2051"/>
      <c r="J101" s="2051"/>
      <c r="K101" s="2051"/>
      <c r="L101" s="2051"/>
      <c r="M101" s="2051"/>
      <c r="N101" s="2051"/>
      <c r="O101" s="2051"/>
      <c r="P101" s="2051"/>
      <c r="Q101" s="2051"/>
      <c r="R101" s="2051"/>
      <c r="S101" s="2051"/>
      <c r="T101" s="2051"/>
      <c r="U101" s="2052"/>
      <c r="V101" s="2054"/>
      <c r="W101" s="2051"/>
      <c r="X101" s="2051"/>
      <c r="Y101" s="2051"/>
      <c r="Z101" s="2051"/>
      <c r="AA101" s="2051"/>
      <c r="AB101" s="2051"/>
      <c r="AC101" s="2051"/>
      <c r="AD101" s="2051"/>
      <c r="AE101" s="2051"/>
      <c r="AF101" s="2051"/>
      <c r="AG101" s="2051"/>
      <c r="AH101" s="2051"/>
      <c r="AI101" s="2051"/>
      <c r="AJ101" s="2051"/>
      <c r="AK101" s="2051"/>
      <c r="AL101" s="2051"/>
      <c r="AM101" s="2055"/>
      <c r="AN101" s="413"/>
      <c r="AO101" s="413"/>
      <c r="AP101" s="2610"/>
      <c r="AQ101" s="2611"/>
      <c r="AR101" s="2611"/>
      <c r="AS101" s="2611"/>
      <c r="AT101" s="2611"/>
      <c r="AU101" s="2611"/>
      <c r="AV101" s="2611"/>
      <c r="AW101" s="2611"/>
      <c r="AX101" s="2611"/>
      <c r="AY101" s="2611"/>
      <c r="AZ101" s="2611"/>
      <c r="BA101" s="2611"/>
      <c r="BB101" s="2612"/>
      <c r="BC101" s="2597"/>
      <c r="BD101" s="2597"/>
      <c r="BE101" s="2597"/>
      <c r="BF101" s="2597"/>
      <c r="BG101" s="2597"/>
      <c r="BH101" s="2597"/>
      <c r="BI101" s="2597"/>
      <c r="BJ101" s="2597"/>
      <c r="BK101" s="2597"/>
      <c r="BL101" s="2597"/>
      <c r="BM101" s="2598"/>
    </row>
    <row r="102" spans="1:65" ht="5.25" customHeight="1" thickBot="1">
      <c r="A102" s="407"/>
      <c r="B102" s="407"/>
      <c r="C102" s="343"/>
      <c r="D102" s="2050" t="s">
        <v>483</v>
      </c>
      <c r="E102" s="2051"/>
      <c r="F102" s="2051"/>
      <c r="G102" s="2051"/>
      <c r="H102" s="2051"/>
      <c r="I102" s="2051"/>
      <c r="J102" s="2051"/>
      <c r="K102" s="2051"/>
      <c r="L102" s="2051"/>
      <c r="M102" s="2051"/>
      <c r="N102" s="2051"/>
      <c r="O102" s="2051"/>
      <c r="P102" s="2051"/>
      <c r="Q102" s="2051"/>
      <c r="R102" s="2051"/>
      <c r="S102" s="2051"/>
      <c r="T102" s="2051"/>
      <c r="U102" s="2052"/>
      <c r="V102" s="2054" t="s">
        <v>483</v>
      </c>
      <c r="W102" s="2051"/>
      <c r="X102" s="2051"/>
      <c r="Y102" s="2051"/>
      <c r="Z102" s="2051"/>
      <c r="AA102" s="2051"/>
      <c r="AB102" s="2051"/>
      <c r="AC102" s="2051"/>
      <c r="AD102" s="2051"/>
      <c r="AE102" s="2051"/>
      <c r="AF102" s="2051"/>
      <c r="AG102" s="2051"/>
      <c r="AH102" s="2051"/>
      <c r="AI102" s="2051"/>
      <c r="AJ102" s="2051"/>
      <c r="AK102" s="2051"/>
      <c r="AL102" s="2051"/>
      <c r="AM102" s="2055"/>
      <c r="AN102" s="413"/>
      <c r="AO102" s="413"/>
      <c r="AP102" s="2613"/>
      <c r="AQ102" s="2614"/>
      <c r="AR102" s="2614"/>
      <c r="AS102" s="2614"/>
      <c r="AT102" s="2614"/>
      <c r="AU102" s="2614"/>
      <c r="AV102" s="2614"/>
      <c r="AW102" s="2614"/>
      <c r="AX102" s="2614"/>
      <c r="AY102" s="2614"/>
      <c r="AZ102" s="2614"/>
      <c r="BA102" s="2614"/>
      <c r="BB102" s="2615"/>
      <c r="BC102" s="2599"/>
      <c r="BD102" s="2599"/>
      <c r="BE102" s="2599"/>
      <c r="BF102" s="2599"/>
      <c r="BG102" s="2599"/>
      <c r="BH102" s="2599"/>
      <c r="BI102" s="2599"/>
      <c r="BJ102" s="2599"/>
      <c r="BK102" s="2599"/>
      <c r="BL102" s="2599"/>
      <c r="BM102" s="2600"/>
    </row>
    <row r="103" spans="1:65" ht="5.25" customHeight="1">
      <c r="A103" s="407"/>
      <c r="B103" s="407"/>
      <c r="C103" s="343"/>
      <c r="D103" s="2050"/>
      <c r="E103" s="2051"/>
      <c r="F103" s="2051"/>
      <c r="G103" s="2051"/>
      <c r="H103" s="2051"/>
      <c r="I103" s="2051"/>
      <c r="J103" s="2051"/>
      <c r="K103" s="2051"/>
      <c r="L103" s="2051"/>
      <c r="M103" s="2051"/>
      <c r="N103" s="2051"/>
      <c r="O103" s="2051"/>
      <c r="P103" s="2051"/>
      <c r="Q103" s="2051"/>
      <c r="R103" s="2051"/>
      <c r="S103" s="2051"/>
      <c r="T103" s="2051"/>
      <c r="U103" s="2052"/>
      <c r="V103" s="2054"/>
      <c r="W103" s="2051"/>
      <c r="X103" s="2051"/>
      <c r="Y103" s="2051"/>
      <c r="Z103" s="2051"/>
      <c r="AA103" s="2051"/>
      <c r="AB103" s="2051"/>
      <c r="AC103" s="2051"/>
      <c r="AD103" s="2051"/>
      <c r="AE103" s="2051"/>
      <c r="AF103" s="2051"/>
      <c r="AG103" s="2051"/>
      <c r="AH103" s="2051"/>
      <c r="AI103" s="2051"/>
      <c r="AJ103" s="2051"/>
      <c r="AK103" s="2051"/>
      <c r="AL103" s="2051"/>
      <c r="AM103" s="2055"/>
      <c r="AN103" s="413"/>
      <c r="AO103" s="413"/>
      <c r="AP103" s="413"/>
      <c r="AQ103" s="413"/>
      <c r="BL103" s="345"/>
      <c r="BM103" s="345"/>
    </row>
    <row r="104" spans="1:65" ht="5.25" customHeight="1" thickBot="1">
      <c r="A104" s="407"/>
      <c r="B104" s="407"/>
      <c r="C104" s="343"/>
      <c r="D104" s="428"/>
      <c r="E104" s="429"/>
      <c r="F104" s="429"/>
      <c r="G104" s="429"/>
      <c r="H104" s="429"/>
      <c r="I104" s="429"/>
      <c r="J104" s="429"/>
      <c r="K104" s="429"/>
      <c r="L104" s="429"/>
      <c r="M104" s="429"/>
      <c r="N104" s="429"/>
      <c r="O104" s="429"/>
      <c r="P104" s="429"/>
      <c r="Q104" s="429"/>
      <c r="R104" s="429"/>
      <c r="S104" s="429"/>
      <c r="T104" s="429"/>
      <c r="U104" s="431"/>
      <c r="V104" s="432"/>
      <c r="W104" s="429"/>
      <c r="X104" s="429"/>
      <c r="Y104" s="429"/>
      <c r="Z104" s="429"/>
      <c r="AA104" s="429"/>
      <c r="AB104" s="429"/>
      <c r="AC104" s="429"/>
      <c r="AD104" s="429"/>
      <c r="AE104" s="429"/>
      <c r="AF104" s="429"/>
      <c r="AG104" s="429"/>
      <c r="AH104" s="429"/>
      <c r="AI104" s="429"/>
      <c r="AJ104" s="429"/>
      <c r="AK104" s="429"/>
      <c r="AL104" s="429"/>
      <c r="AM104" s="430"/>
      <c r="AN104" s="415"/>
      <c r="AO104" s="415"/>
      <c r="AP104" s="415"/>
      <c r="AQ104" s="415"/>
      <c r="BL104" s="345"/>
      <c r="BM104" s="345"/>
    </row>
    <row r="105" spans="1:65" ht="5.25" customHeight="1">
      <c r="A105" s="407"/>
      <c r="B105" s="407"/>
      <c r="C105" s="343"/>
      <c r="D105" s="376"/>
      <c r="E105" s="376"/>
      <c r="F105" s="376"/>
      <c r="G105" s="376"/>
      <c r="H105" s="376"/>
      <c r="I105" s="376"/>
      <c r="J105" s="376"/>
      <c r="K105" s="376"/>
      <c r="L105" s="376"/>
      <c r="M105" s="376"/>
      <c r="N105" s="376"/>
      <c r="O105" s="376"/>
      <c r="P105" s="376"/>
      <c r="Q105" s="376"/>
      <c r="R105" s="376"/>
      <c r="S105" s="376"/>
      <c r="T105" s="376"/>
      <c r="U105" s="376"/>
      <c r="V105" s="376"/>
      <c r="W105" s="376"/>
      <c r="X105" s="376"/>
      <c r="Y105" s="376"/>
      <c r="Z105" s="376"/>
      <c r="AA105" s="376"/>
      <c r="AB105" s="376"/>
      <c r="AC105" s="376"/>
      <c r="AD105" s="376"/>
      <c r="AE105" s="376"/>
      <c r="AF105" s="376"/>
      <c r="AG105" s="376"/>
      <c r="AH105" s="376"/>
      <c r="AI105" s="376"/>
      <c r="AJ105" s="376"/>
      <c r="AK105" s="376"/>
      <c r="AL105" s="376"/>
      <c r="AM105" s="376"/>
      <c r="AN105" s="396"/>
      <c r="AO105" s="396"/>
      <c r="AP105" s="396"/>
      <c r="AQ105" s="396"/>
      <c r="AU105" s="447"/>
      <c r="AV105" s="447"/>
      <c r="AW105" s="447"/>
      <c r="AX105" s="447"/>
      <c r="AY105" s="447"/>
      <c r="AZ105" s="447"/>
      <c r="BA105" s="447"/>
      <c r="BB105" s="447"/>
      <c r="BC105" s="447"/>
      <c r="BD105" s="447"/>
      <c r="BE105" s="447"/>
      <c r="BF105" s="447"/>
      <c r="BG105" s="447"/>
      <c r="BH105" s="447"/>
      <c r="BI105" s="447"/>
      <c r="BJ105" s="447"/>
      <c r="BK105" s="447"/>
      <c r="BL105" s="447"/>
      <c r="BM105" s="447"/>
    </row>
    <row r="106" spans="1:65" ht="5.25" customHeight="1">
      <c r="A106" s="407"/>
      <c r="B106" s="407"/>
      <c r="C106" s="343"/>
      <c r="D106" s="2217" t="s">
        <v>315</v>
      </c>
      <c r="E106" s="2217"/>
      <c r="F106" s="2217"/>
      <c r="G106" s="2217"/>
      <c r="H106" s="2217"/>
      <c r="I106" s="2217"/>
      <c r="J106" s="2217"/>
      <c r="K106" s="2217"/>
      <c r="L106" s="2217"/>
      <c r="M106" s="2217"/>
      <c r="N106" s="2217"/>
      <c r="O106" s="2217"/>
      <c r="P106" s="2217"/>
      <c r="Q106" s="2217"/>
      <c r="R106" s="2217"/>
      <c r="S106" s="2217"/>
      <c r="T106" s="2217"/>
      <c r="U106" s="2217"/>
      <c r="V106" s="2217"/>
      <c r="W106" s="2217"/>
      <c r="X106" s="2217"/>
      <c r="Y106" s="396"/>
      <c r="Z106" s="396"/>
      <c r="AA106" s="396"/>
      <c r="AB106" s="396"/>
      <c r="AC106" s="396"/>
      <c r="AD106" s="396"/>
      <c r="AE106" s="396"/>
      <c r="AF106" s="396"/>
      <c r="AG106" s="396"/>
      <c r="AH106" s="396"/>
      <c r="AI106" s="396"/>
      <c r="AJ106" s="396"/>
      <c r="AK106" s="396"/>
      <c r="AL106" s="396"/>
      <c r="AM106" s="396"/>
      <c r="AN106" s="396"/>
      <c r="AO106" s="396"/>
      <c r="AP106" s="396"/>
      <c r="AQ106" s="396"/>
      <c r="AU106" s="453"/>
      <c r="AV106" s="453"/>
      <c r="AW106" s="453"/>
      <c r="AX106" s="453"/>
      <c r="AY106" s="453"/>
      <c r="AZ106" s="453"/>
      <c r="BA106" s="453"/>
      <c r="BB106" s="453"/>
      <c r="BC106" s="453"/>
      <c r="BD106" s="453"/>
      <c r="BE106" s="453"/>
      <c r="BF106" s="453"/>
      <c r="BG106" s="453"/>
      <c r="BH106" s="453"/>
      <c r="BI106" s="453"/>
      <c r="BJ106" s="453"/>
      <c r="BK106" s="453"/>
      <c r="BL106" s="453"/>
      <c r="BM106" s="453"/>
    </row>
    <row r="107" spans="1:65" ht="5.25" customHeight="1">
      <c r="A107" s="407"/>
      <c r="B107" s="407"/>
      <c r="C107" s="343"/>
      <c r="D107" s="2217"/>
      <c r="E107" s="2217"/>
      <c r="F107" s="2217"/>
      <c r="G107" s="2217"/>
      <c r="H107" s="2217"/>
      <c r="I107" s="2217"/>
      <c r="J107" s="2217"/>
      <c r="K107" s="2217"/>
      <c r="L107" s="2217"/>
      <c r="M107" s="2217"/>
      <c r="N107" s="2217"/>
      <c r="O107" s="2217"/>
      <c r="P107" s="2217"/>
      <c r="Q107" s="2217"/>
      <c r="R107" s="2217"/>
      <c r="S107" s="2217"/>
      <c r="T107" s="2217"/>
      <c r="U107" s="2217"/>
      <c r="V107" s="2217"/>
      <c r="W107" s="2217"/>
      <c r="X107" s="2217"/>
      <c r="Y107" s="396"/>
      <c r="Z107" s="396"/>
      <c r="AA107" s="396"/>
      <c r="AB107" s="396"/>
      <c r="AC107" s="396"/>
      <c r="AD107" s="411"/>
      <c r="AE107" s="396"/>
      <c r="AF107" s="396"/>
      <c r="AG107" s="396"/>
      <c r="AH107" s="396"/>
      <c r="AI107" s="396"/>
      <c r="AJ107" s="396"/>
      <c r="AK107" s="396"/>
      <c r="AL107" s="396"/>
      <c r="AM107" s="396"/>
      <c r="AN107" s="396"/>
      <c r="AO107" s="396"/>
      <c r="AP107" s="396"/>
      <c r="AQ107" s="396"/>
      <c r="AT107" s="2595" t="s">
        <v>547</v>
      </c>
      <c r="AU107" s="2595"/>
      <c r="AV107" s="2595"/>
      <c r="AW107" s="2595"/>
      <c r="AX107" s="2595"/>
      <c r="AY107" s="2595"/>
      <c r="AZ107" s="2595"/>
      <c r="BA107" s="2595"/>
      <c r="BB107" s="2595"/>
      <c r="BC107" s="2595"/>
      <c r="BD107" s="2595"/>
      <c r="BE107" s="2595"/>
      <c r="BF107" s="2595"/>
      <c r="BG107" s="2595"/>
      <c r="BH107" s="2595"/>
      <c r="BI107" s="2595"/>
      <c r="BJ107" s="2595"/>
      <c r="BK107" s="2595"/>
      <c r="BL107" s="2595"/>
      <c r="BM107" s="2595"/>
    </row>
    <row r="108" spans="1:65" ht="5.25" customHeight="1" thickBot="1">
      <c r="A108" s="407"/>
      <c r="B108" s="407"/>
      <c r="C108" s="343"/>
      <c r="D108" s="2218"/>
      <c r="E108" s="2218"/>
      <c r="F108" s="2218"/>
      <c r="G108" s="2218"/>
      <c r="H108" s="2218"/>
      <c r="I108" s="2218"/>
      <c r="J108" s="2218"/>
      <c r="K108" s="2218"/>
      <c r="L108" s="2218"/>
      <c r="M108" s="2218"/>
      <c r="N108" s="2218"/>
      <c r="O108" s="2218"/>
      <c r="P108" s="2218"/>
      <c r="Q108" s="2218"/>
      <c r="R108" s="2218"/>
      <c r="S108" s="2218"/>
      <c r="T108" s="2218"/>
      <c r="U108" s="2218"/>
      <c r="V108" s="2218"/>
      <c r="W108" s="2218"/>
      <c r="X108" s="2218"/>
      <c r="Y108" s="396"/>
      <c r="Z108" s="396"/>
      <c r="AA108" s="396"/>
      <c r="AB108" s="396"/>
      <c r="AC108" s="396"/>
      <c r="AD108" s="396"/>
      <c r="AE108" s="396"/>
      <c r="AF108" s="396"/>
      <c r="AG108" s="396"/>
      <c r="AH108" s="396"/>
      <c r="AI108" s="396"/>
      <c r="AJ108" s="396"/>
      <c r="AK108" s="396"/>
      <c r="AL108" s="396"/>
      <c r="AM108" s="396"/>
      <c r="AN108" s="396"/>
      <c r="AO108" s="396"/>
      <c r="AP108" s="396"/>
      <c r="AQ108" s="396"/>
      <c r="AT108" s="2595"/>
      <c r="AU108" s="2595"/>
      <c r="AV108" s="2595"/>
      <c r="AW108" s="2595"/>
      <c r="AX108" s="2595"/>
      <c r="AY108" s="2595"/>
      <c r="AZ108" s="2595"/>
      <c r="BA108" s="2595"/>
      <c r="BB108" s="2595"/>
      <c r="BC108" s="2595"/>
      <c r="BD108" s="2595"/>
      <c r="BE108" s="2595"/>
      <c r="BF108" s="2595"/>
      <c r="BG108" s="2595"/>
      <c r="BH108" s="2595"/>
      <c r="BI108" s="2595"/>
      <c r="BJ108" s="2595"/>
      <c r="BK108" s="2595"/>
      <c r="BL108" s="2595"/>
      <c r="BM108" s="2595"/>
    </row>
    <row r="109" spans="1:65" ht="5.25" customHeight="1">
      <c r="A109" s="407"/>
      <c r="B109" s="407"/>
      <c r="C109" s="343"/>
      <c r="D109" s="2470" t="s">
        <v>546</v>
      </c>
      <c r="E109" s="2471"/>
      <c r="F109" s="2471"/>
      <c r="G109" s="2471"/>
      <c r="H109" s="2471"/>
      <c r="I109" s="2471"/>
      <c r="J109" s="2471"/>
      <c r="K109" s="2471"/>
      <c r="L109" s="2471"/>
      <c r="M109" s="2471"/>
      <c r="N109" s="2471"/>
      <c r="O109" s="2471"/>
      <c r="P109" s="2471"/>
      <c r="Q109" s="2090"/>
      <c r="R109" s="1553"/>
      <c r="S109" s="1553"/>
      <c r="T109" s="1553"/>
      <c r="U109" s="1553"/>
      <c r="V109" s="1553"/>
      <c r="W109" s="1553"/>
      <c r="X109" s="2522" t="s">
        <v>457</v>
      </c>
      <c r="Y109" s="2523"/>
      <c r="Z109" s="2062" t="s">
        <v>341</v>
      </c>
      <c r="AA109" s="2063"/>
      <c r="AB109" s="2063"/>
      <c r="AC109" s="2064"/>
      <c r="AD109" s="2071" t="s">
        <v>302</v>
      </c>
      <c r="AE109" s="2071"/>
      <c r="AF109" s="2071"/>
      <c r="AG109" s="2071"/>
      <c r="AH109" s="2071"/>
      <c r="AI109" s="2090"/>
      <c r="AJ109" s="1553"/>
      <c r="AK109" s="1553"/>
      <c r="AL109" s="1553"/>
      <c r="AM109" s="1553"/>
      <c r="AN109" s="1553"/>
      <c r="AO109" s="1553"/>
      <c r="AP109" s="2522" t="s">
        <v>457</v>
      </c>
      <c r="AQ109" s="2594"/>
      <c r="AT109" s="2595"/>
      <c r="AU109" s="2595"/>
      <c r="AV109" s="2595"/>
      <c r="AW109" s="2595"/>
      <c r="AX109" s="2595"/>
      <c r="AY109" s="2595"/>
      <c r="AZ109" s="2595"/>
      <c r="BA109" s="2595"/>
      <c r="BB109" s="2595"/>
      <c r="BC109" s="2595"/>
      <c r="BD109" s="2595"/>
      <c r="BE109" s="2595"/>
      <c r="BF109" s="2595"/>
      <c r="BG109" s="2595"/>
      <c r="BH109" s="2595"/>
      <c r="BI109" s="2595"/>
      <c r="BJ109" s="2595"/>
      <c r="BK109" s="2595"/>
      <c r="BL109" s="2595"/>
      <c r="BM109" s="2595"/>
    </row>
    <row r="110" spans="1:65" ht="5.25" customHeight="1">
      <c r="A110" s="407"/>
      <c r="B110" s="407"/>
      <c r="C110" s="343"/>
      <c r="D110" s="2472"/>
      <c r="E110" s="2473"/>
      <c r="F110" s="2473"/>
      <c r="G110" s="2473"/>
      <c r="H110" s="2473"/>
      <c r="I110" s="2473"/>
      <c r="J110" s="2473"/>
      <c r="K110" s="2473"/>
      <c r="L110" s="2473"/>
      <c r="M110" s="2473"/>
      <c r="N110" s="2473"/>
      <c r="O110" s="2473"/>
      <c r="P110" s="2473"/>
      <c r="Q110" s="2091"/>
      <c r="R110" s="1555"/>
      <c r="S110" s="1555"/>
      <c r="T110" s="1555"/>
      <c r="U110" s="1555"/>
      <c r="V110" s="1555"/>
      <c r="W110" s="1555"/>
      <c r="X110" s="2338"/>
      <c r="Y110" s="2339"/>
      <c r="Z110" s="2065"/>
      <c r="AA110" s="2066"/>
      <c r="AB110" s="2066"/>
      <c r="AC110" s="2067"/>
      <c r="AD110" s="2072"/>
      <c r="AE110" s="2072"/>
      <c r="AF110" s="2072"/>
      <c r="AG110" s="2072"/>
      <c r="AH110" s="2072"/>
      <c r="AI110" s="2091"/>
      <c r="AJ110" s="1555"/>
      <c r="AK110" s="1555"/>
      <c r="AL110" s="1555"/>
      <c r="AM110" s="1555"/>
      <c r="AN110" s="1555"/>
      <c r="AO110" s="1555"/>
      <c r="AP110" s="2338"/>
      <c r="AQ110" s="2356"/>
      <c r="AT110" s="2595"/>
      <c r="AU110" s="2595"/>
      <c r="AV110" s="2595"/>
      <c r="AW110" s="2595"/>
      <c r="AX110" s="2595"/>
      <c r="AY110" s="2595"/>
      <c r="AZ110" s="2595"/>
      <c r="BA110" s="2595"/>
      <c r="BB110" s="2595"/>
      <c r="BC110" s="2595"/>
      <c r="BD110" s="2595"/>
      <c r="BE110" s="2595"/>
      <c r="BF110" s="2595"/>
      <c r="BG110" s="2595"/>
      <c r="BH110" s="2595"/>
      <c r="BI110" s="2595"/>
      <c r="BJ110" s="2595"/>
      <c r="BK110" s="2595"/>
      <c r="BL110" s="2595"/>
      <c r="BM110" s="2595"/>
    </row>
    <row r="111" spans="1:65" ht="5.25" customHeight="1">
      <c r="A111" s="407"/>
      <c r="B111" s="407"/>
      <c r="C111" s="343"/>
      <c r="D111" s="2472"/>
      <c r="E111" s="2473"/>
      <c r="F111" s="2473"/>
      <c r="G111" s="2473"/>
      <c r="H111" s="2473"/>
      <c r="I111" s="2473"/>
      <c r="J111" s="2473"/>
      <c r="K111" s="2473"/>
      <c r="L111" s="2473"/>
      <c r="M111" s="2473"/>
      <c r="N111" s="2473"/>
      <c r="O111" s="2473"/>
      <c r="P111" s="2473"/>
      <c r="Q111" s="2091"/>
      <c r="R111" s="1555"/>
      <c r="S111" s="1555"/>
      <c r="T111" s="1555"/>
      <c r="U111" s="1555"/>
      <c r="V111" s="1555"/>
      <c r="W111" s="1555"/>
      <c r="X111" s="2338"/>
      <c r="Y111" s="2339"/>
      <c r="Z111" s="2065"/>
      <c r="AA111" s="2066"/>
      <c r="AB111" s="2066"/>
      <c r="AC111" s="2067"/>
      <c r="AD111" s="2072"/>
      <c r="AE111" s="2072"/>
      <c r="AF111" s="2072"/>
      <c r="AG111" s="2072"/>
      <c r="AH111" s="2072"/>
      <c r="AI111" s="2091"/>
      <c r="AJ111" s="1555"/>
      <c r="AK111" s="1555"/>
      <c r="AL111" s="1555"/>
      <c r="AM111" s="1555"/>
      <c r="AN111" s="1555"/>
      <c r="AO111" s="1555"/>
      <c r="AP111" s="2338"/>
      <c r="AQ111" s="2356"/>
      <c r="AT111" s="2595"/>
      <c r="AU111" s="2595"/>
      <c r="AV111" s="2595"/>
      <c r="AW111" s="2595"/>
      <c r="AX111" s="2595"/>
      <c r="AY111" s="2595"/>
      <c r="AZ111" s="2595"/>
      <c r="BA111" s="2595"/>
      <c r="BB111" s="2595"/>
      <c r="BC111" s="2595"/>
      <c r="BD111" s="2595"/>
      <c r="BE111" s="2595"/>
      <c r="BF111" s="2595"/>
      <c r="BG111" s="2595"/>
      <c r="BH111" s="2595"/>
      <c r="BI111" s="2595"/>
      <c r="BJ111" s="2595"/>
      <c r="BK111" s="2595"/>
      <c r="BL111" s="2595"/>
      <c r="BM111" s="2595"/>
    </row>
    <row r="112" spans="1:65" ht="5.25" customHeight="1" thickBot="1">
      <c r="A112" s="407"/>
      <c r="B112" s="407"/>
      <c r="C112" s="344"/>
      <c r="D112" s="2472"/>
      <c r="E112" s="2473"/>
      <c r="F112" s="2473"/>
      <c r="G112" s="2473"/>
      <c r="H112" s="2473"/>
      <c r="I112" s="2473"/>
      <c r="J112" s="2473"/>
      <c r="K112" s="2473"/>
      <c r="L112" s="2473"/>
      <c r="M112" s="2473"/>
      <c r="N112" s="2473"/>
      <c r="O112" s="2473"/>
      <c r="P112" s="2473"/>
      <c r="Q112" s="2091"/>
      <c r="R112" s="1555"/>
      <c r="S112" s="1555"/>
      <c r="T112" s="1555"/>
      <c r="U112" s="1555"/>
      <c r="V112" s="1555"/>
      <c r="W112" s="1555"/>
      <c r="X112" s="2338"/>
      <c r="Y112" s="2339"/>
      <c r="Z112" s="2065"/>
      <c r="AA112" s="2066"/>
      <c r="AB112" s="2066"/>
      <c r="AC112" s="2067"/>
      <c r="AD112" s="2072"/>
      <c r="AE112" s="2072"/>
      <c r="AF112" s="2072"/>
      <c r="AG112" s="2072"/>
      <c r="AH112" s="2072"/>
      <c r="AI112" s="2091"/>
      <c r="AJ112" s="1555"/>
      <c r="AK112" s="1555"/>
      <c r="AL112" s="1555"/>
      <c r="AM112" s="1555"/>
      <c r="AN112" s="1555"/>
      <c r="AO112" s="1555"/>
      <c r="AP112" s="2338"/>
      <c r="AQ112" s="2356"/>
      <c r="AT112" s="2596"/>
      <c r="AU112" s="2596"/>
      <c r="AV112" s="2596"/>
      <c r="AW112" s="2596"/>
      <c r="AX112" s="2596"/>
      <c r="AY112" s="2596"/>
      <c r="AZ112" s="2596"/>
      <c r="BA112" s="2596"/>
      <c r="BB112" s="2596"/>
      <c r="BC112" s="2596"/>
      <c r="BD112" s="2596"/>
      <c r="BE112" s="2596"/>
      <c r="BF112" s="2596"/>
      <c r="BG112" s="2596"/>
      <c r="BH112" s="2596"/>
      <c r="BI112" s="2596"/>
      <c r="BJ112" s="2596"/>
      <c r="BK112" s="2596"/>
      <c r="BL112" s="2596"/>
      <c r="BM112" s="2596"/>
    </row>
    <row r="113" spans="1:65" s="345" customFormat="1" ht="5.25" customHeight="1">
      <c r="A113" s="407"/>
      <c r="B113" s="407"/>
      <c r="D113" s="2472"/>
      <c r="E113" s="2473"/>
      <c r="F113" s="2473"/>
      <c r="G113" s="2473"/>
      <c r="H113" s="2473"/>
      <c r="I113" s="2473"/>
      <c r="J113" s="2473"/>
      <c r="K113" s="2473"/>
      <c r="L113" s="2473"/>
      <c r="M113" s="2473"/>
      <c r="N113" s="2473"/>
      <c r="O113" s="2473"/>
      <c r="P113" s="2473"/>
      <c r="Q113" s="2092"/>
      <c r="R113" s="2093"/>
      <c r="S113" s="2093"/>
      <c r="T113" s="2093"/>
      <c r="U113" s="2093"/>
      <c r="V113" s="2093"/>
      <c r="W113" s="2093"/>
      <c r="X113" s="2340"/>
      <c r="Y113" s="2341"/>
      <c r="Z113" s="2065"/>
      <c r="AA113" s="2066"/>
      <c r="AB113" s="2066"/>
      <c r="AC113" s="2067"/>
      <c r="AD113" s="2072"/>
      <c r="AE113" s="2072"/>
      <c r="AF113" s="2072"/>
      <c r="AG113" s="2072"/>
      <c r="AH113" s="2072"/>
      <c r="AI113" s="2092"/>
      <c r="AJ113" s="2093"/>
      <c r="AK113" s="2093"/>
      <c r="AL113" s="2093"/>
      <c r="AM113" s="2093"/>
      <c r="AN113" s="2093"/>
      <c r="AO113" s="2093"/>
      <c r="AP113" s="2340"/>
      <c r="AQ113" s="2357"/>
      <c r="AT113" s="2583" t="s">
        <v>548</v>
      </c>
      <c r="AU113" s="2584"/>
      <c r="AV113" s="2584"/>
      <c r="AW113" s="2584"/>
      <c r="AX113" s="2584"/>
      <c r="AY113" s="2584"/>
      <c r="AZ113" s="2584"/>
      <c r="BA113" s="2584"/>
      <c r="BB113" s="2584"/>
      <c r="BC113" s="2584"/>
      <c r="BD113" s="2584"/>
      <c r="BE113" s="2584"/>
      <c r="BF113" s="2584"/>
      <c r="BG113" s="2584"/>
      <c r="BH113" s="2584"/>
      <c r="BI113" s="2584"/>
      <c r="BJ113" s="2584"/>
      <c r="BK113" s="2584"/>
      <c r="BL113" s="2584"/>
      <c r="BM113" s="2585"/>
    </row>
    <row r="114" spans="1:65" s="345" customFormat="1" ht="5.25" customHeight="1">
      <c r="A114" s="407"/>
      <c r="B114" s="407"/>
      <c r="D114" s="2474" t="s">
        <v>525</v>
      </c>
      <c r="E114" s="1636"/>
      <c r="F114" s="1636"/>
      <c r="G114" s="1636"/>
      <c r="H114" s="1636"/>
      <c r="I114" s="1636"/>
      <c r="J114" s="1636"/>
      <c r="K114" s="1636"/>
      <c r="L114" s="1636"/>
      <c r="M114" s="1636"/>
      <c r="N114" s="1636"/>
      <c r="O114" s="1636"/>
      <c r="P114" s="1636"/>
      <c r="Q114" s="2351"/>
      <c r="R114" s="2351"/>
      <c r="S114" s="2351"/>
      <c r="T114" s="2351"/>
      <c r="U114" s="2351"/>
      <c r="V114" s="2351"/>
      <c r="W114" s="2351"/>
      <c r="X114" s="2351"/>
      <c r="Y114" s="2528"/>
      <c r="Z114" s="2065"/>
      <c r="AA114" s="2066"/>
      <c r="AB114" s="2066"/>
      <c r="AC114" s="2067"/>
      <c r="AD114" s="2072" t="s">
        <v>303</v>
      </c>
      <c r="AE114" s="2072"/>
      <c r="AF114" s="2072"/>
      <c r="AG114" s="2072"/>
      <c r="AH114" s="2072"/>
      <c r="AI114" s="2362"/>
      <c r="AJ114" s="2362"/>
      <c r="AK114" s="2362"/>
      <c r="AL114" s="2362"/>
      <c r="AM114" s="2362"/>
      <c r="AN114" s="2362"/>
      <c r="AO114" s="2362"/>
      <c r="AP114" s="2362"/>
      <c r="AQ114" s="2592"/>
      <c r="AT114" s="2586"/>
      <c r="AU114" s="2587"/>
      <c r="AV114" s="2587"/>
      <c r="AW114" s="2587"/>
      <c r="AX114" s="2587"/>
      <c r="AY114" s="2587"/>
      <c r="AZ114" s="2587"/>
      <c r="BA114" s="2587"/>
      <c r="BB114" s="2587"/>
      <c r="BC114" s="2587"/>
      <c r="BD114" s="2587"/>
      <c r="BE114" s="2587"/>
      <c r="BF114" s="2587"/>
      <c r="BG114" s="2587"/>
      <c r="BH114" s="2587"/>
      <c r="BI114" s="2587"/>
      <c r="BJ114" s="2587"/>
      <c r="BK114" s="2587"/>
      <c r="BL114" s="2587"/>
      <c r="BM114" s="2588"/>
    </row>
    <row r="115" spans="1:65" s="345" customFormat="1" ht="5.25" customHeight="1">
      <c r="A115" s="407"/>
      <c r="B115" s="407"/>
      <c r="D115" s="2474"/>
      <c r="E115" s="1636"/>
      <c r="F115" s="1636"/>
      <c r="G115" s="1636"/>
      <c r="H115" s="1636"/>
      <c r="I115" s="1636"/>
      <c r="J115" s="1636"/>
      <c r="K115" s="1636"/>
      <c r="L115" s="1636"/>
      <c r="M115" s="1636"/>
      <c r="N115" s="1636"/>
      <c r="O115" s="1636"/>
      <c r="P115" s="1636"/>
      <c r="Q115" s="2351"/>
      <c r="R115" s="2351"/>
      <c r="S115" s="2351"/>
      <c r="T115" s="2351"/>
      <c r="U115" s="2351"/>
      <c r="V115" s="2351"/>
      <c r="W115" s="2351"/>
      <c r="X115" s="2351"/>
      <c r="Y115" s="2528"/>
      <c r="Z115" s="2065"/>
      <c r="AA115" s="2066"/>
      <c r="AB115" s="2066"/>
      <c r="AC115" s="2067"/>
      <c r="AD115" s="2072"/>
      <c r="AE115" s="2072"/>
      <c r="AF115" s="2072"/>
      <c r="AG115" s="2072"/>
      <c r="AH115" s="2072"/>
      <c r="AI115" s="2362"/>
      <c r="AJ115" s="2362"/>
      <c r="AK115" s="2362"/>
      <c r="AL115" s="2362"/>
      <c r="AM115" s="2362"/>
      <c r="AN115" s="2362"/>
      <c r="AO115" s="2362"/>
      <c r="AP115" s="2362"/>
      <c r="AQ115" s="2592"/>
      <c r="AT115" s="2586"/>
      <c r="AU115" s="2587"/>
      <c r="AV115" s="2587"/>
      <c r="AW115" s="2587"/>
      <c r="AX115" s="2587"/>
      <c r="AY115" s="2587"/>
      <c r="AZ115" s="2587"/>
      <c r="BA115" s="2587"/>
      <c r="BB115" s="2587"/>
      <c r="BC115" s="2587"/>
      <c r="BD115" s="2587"/>
      <c r="BE115" s="2587"/>
      <c r="BF115" s="2587"/>
      <c r="BG115" s="2587"/>
      <c r="BH115" s="2587"/>
      <c r="BI115" s="2587"/>
      <c r="BJ115" s="2587"/>
      <c r="BK115" s="2587"/>
      <c r="BL115" s="2587"/>
      <c r="BM115" s="2588"/>
    </row>
    <row r="116" spans="1:65" s="345" customFormat="1" ht="5.25" customHeight="1">
      <c r="A116" s="407"/>
      <c r="B116" s="407"/>
      <c r="D116" s="2474"/>
      <c r="E116" s="1636"/>
      <c r="F116" s="1636"/>
      <c r="G116" s="1636"/>
      <c r="H116" s="1636"/>
      <c r="I116" s="1636"/>
      <c r="J116" s="1636"/>
      <c r="K116" s="1636"/>
      <c r="L116" s="1636"/>
      <c r="M116" s="1636"/>
      <c r="N116" s="1636"/>
      <c r="O116" s="1636"/>
      <c r="P116" s="1636"/>
      <c r="Q116" s="2351"/>
      <c r="R116" s="2351"/>
      <c r="S116" s="2351"/>
      <c r="T116" s="2351"/>
      <c r="U116" s="2351"/>
      <c r="V116" s="2351"/>
      <c r="W116" s="2351"/>
      <c r="X116" s="2351"/>
      <c r="Y116" s="2528"/>
      <c r="Z116" s="2065"/>
      <c r="AA116" s="2066"/>
      <c r="AB116" s="2066"/>
      <c r="AC116" s="2067"/>
      <c r="AD116" s="2072"/>
      <c r="AE116" s="2072"/>
      <c r="AF116" s="2072"/>
      <c r="AG116" s="2072"/>
      <c r="AH116" s="2072"/>
      <c r="AI116" s="2362"/>
      <c r="AJ116" s="2362"/>
      <c r="AK116" s="2362"/>
      <c r="AL116" s="2362"/>
      <c r="AM116" s="2362"/>
      <c r="AN116" s="2362"/>
      <c r="AO116" s="2362"/>
      <c r="AP116" s="2362"/>
      <c r="AQ116" s="2592"/>
      <c r="AT116" s="2586"/>
      <c r="AU116" s="2587"/>
      <c r="AV116" s="2587"/>
      <c r="AW116" s="2587"/>
      <c r="AX116" s="2587"/>
      <c r="AY116" s="2587"/>
      <c r="AZ116" s="2587"/>
      <c r="BA116" s="2587"/>
      <c r="BB116" s="2587"/>
      <c r="BC116" s="2587"/>
      <c r="BD116" s="2587"/>
      <c r="BE116" s="2587"/>
      <c r="BF116" s="2587"/>
      <c r="BG116" s="2587"/>
      <c r="BH116" s="2587"/>
      <c r="BI116" s="2587"/>
      <c r="BJ116" s="2587"/>
      <c r="BK116" s="2587"/>
      <c r="BL116" s="2587"/>
      <c r="BM116" s="2588"/>
    </row>
    <row r="117" spans="1:65" s="345" customFormat="1" ht="5.25" customHeight="1">
      <c r="A117" s="407"/>
      <c r="B117" s="407"/>
      <c r="D117" s="2474"/>
      <c r="E117" s="1636"/>
      <c r="F117" s="1636"/>
      <c r="G117" s="1636"/>
      <c r="H117" s="1636"/>
      <c r="I117" s="1636"/>
      <c r="J117" s="1636"/>
      <c r="K117" s="1636"/>
      <c r="L117" s="1636"/>
      <c r="M117" s="1636"/>
      <c r="N117" s="1636"/>
      <c r="O117" s="1636"/>
      <c r="P117" s="1636"/>
      <c r="Q117" s="2351"/>
      <c r="R117" s="2351"/>
      <c r="S117" s="2351"/>
      <c r="T117" s="2351"/>
      <c r="U117" s="2351"/>
      <c r="V117" s="2351"/>
      <c r="W117" s="2351"/>
      <c r="X117" s="2351"/>
      <c r="Y117" s="2528"/>
      <c r="Z117" s="2065"/>
      <c r="AA117" s="2066"/>
      <c r="AB117" s="2066"/>
      <c r="AC117" s="2067"/>
      <c r="AD117" s="2072"/>
      <c r="AE117" s="2072"/>
      <c r="AF117" s="2072"/>
      <c r="AG117" s="2072"/>
      <c r="AH117" s="2072"/>
      <c r="AI117" s="2362"/>
      <c r="AJ117" s="2362"/>
      <c r="AK117" s="2362"/>
      <c r="AL117" s="2362"/>
      <c r="AM117" s="2362"/>
      <c r="AN117" s="2362"/>
      <c r="AO117" s="2362"/>
      <c r="AP117" s="2362"/>
      <c r="AQ117" s="2592"/>
      <c r="AT117" s="2586"/>
      <c r="AU117" s="2587"/>
      <c r="AV117" s="2587"/>
      <c r="AW117" s="2587"/>
      <c r="AX117" s="2587"/>
      <c r="AY117" s="2587"/>
      <c r="AZ117" s="2587"/>
      <c r="BA117" s="2587"/>
      <c r="BB117" s="2587"/>
      <c r="BC117" s="2587"/>
      <c r="BD117" s="2587"/>
      <c r="BE117" s="2587"/>
      <c r="BF117" s="2587"/>
      <c r="BG117" s="2587"/>
      <c r="BH117" s="2587"/>
      <c r="BI117" s="2587"/>
      <c r="BJ117" s="2587"/>
      <c r="BK117" s="2587"/>
      <c r="BL117" s="2587"/>
      <c r="BM117" s="2588"/>
    </row>
    <row r="118" spans="1:65" s="345" customFormat="1" ht="5.25" customHeight="1" thickBot="1">
      <c r="A118" s="395"/>
      <c r="B118" s="395"/>
      <c r="D118" s="2475"/>
      <c r="E118" s="2476"/>
      <c r="F118" s="2476"/>
      <c r="G118" s="2476"/>
      <c r="H118" s="2476"/>
      <c r="I118" s="2476"/>
      <c r="J118" s="2476"/>
      <c r="K118" s="2476"/>
      <c r="L118" s="2476"/>
      <c r="M118" s="2476"/>
      <c r="N118" s="2476"/>
      <c r="O118" s="2476"/>
      <c r="P118" s="2476"/>
      <c r="Q118" s="2352"/>
      <c r="R118" s="2352"/>
      <c r="S118" s="2352"/>
      <c r="T118" s="2352"/>
      <c r="U118" s="2352"/>
      <c r="V118" s="2352"/>
      <c r="W118" s="2352"/>
      <c r="X118" s="2352"/>
      <c r="Y118" s="2529"/>
      <c r="Z118" s="2068"/>
      <c r="AA118" s="2069"/>
      <c r="AB118" s="2069"/>
      <c r="AC118" s="2070"/>
      <c r="AD118" s="2073"/>
      <c r="AE118" s="2073"/>
      <c r="AF118" s="2073"/>
      <c r="AG118" s="2073"/>
      <c r="AH118" s="2073"/>
      <c r="AI118" s="2363"/>
      <c r="AJ118" s="2363"/>
      <c r="AK118" s="2363"/>
      <c r="AL118" s="2363"/>
      <c r="AM118" s="2363"/>
      <c r="AN118" s="2363"/>
      <c r="AO118" s="2363"/>
      <c r="AP118" s="2363"/>
      <c r="AQ118" s="2593"/>
      <c r="AT118" s="2589"/>
      <c r="AU118" s="2590"/>
      <c r="AV118" s="2590"/>
      <c r="AW118" s="2590"/>
      <c r="AX118" s="2590"/>
      <c r="AY118" s="2590"/>
      <c r="AZ118" s="2590"/>
      <c r="BA118" s="2590"/>
      <c r="BB118" s="2590"/>
      <c r="BC118" s="2590"/>
      <c r="BD118" s="2590"/>
      <c r="BE118" s="2590"/>
      <c r="BF118" s="2590"/>
      <c r="BG118" s="2590"/>
      <c r="BH118" s="2590"/>
      <c r="BI118" s="2590"/>
      <c r="BJ118" s="2590"/>
      <c r="BK118" s="2590"/>
      <c r="BL118" s="2590"/>
      <c r="BM118" s="2591"/>
    </row>
    <row r="119" spans="1:65" s="345" customFormat="1" ht="5.25" customHeight="1">
      <c r="A119" s="395"/>
      <c r="B119" s="395"/>
    </row>
    <row r="120" spans="1:65" s="345" customFormat="1" ht="5.25" customHeight="1">
      <c r="A120" s="395"/>
      <c r="B120" s="395"/>
      <c r="D120" s="2217" t="s">
        <v>327</v>
      </c>
      <c r="E120" s="2530"/>
      <c r="F120" s="2530"/>
      <c r="G120" s="2530"/>
      <c r="H120" s="2530"/>
      <c r="I120" s="2530"/>
      <c r="J120" s="2530"/>
      <c r="K120" s="2530"/>
      <c r="L120" s="2530"/>
      <c r="M120" s="2530"/>
      <c r="N120" s="2530"/>
      <c r="O120" s="2530"/>
      <c r="P120" s="2530"/>
      <c r="Q120" s="2530"/>
      <c r="R120" s="2530"/>
      <c r="S120" s="2530"/>
      <c r="T120" s="2530"/>
      <c r="U120" s="2530"/>
      <c r="V120" s="2530"/>
      <c r="W120" s="2530"/>
    </row>
    <row r="121" spans="1:65" s="345" customFormat="1" ht="5.25" customHeight="1">
      <c r="A121" s="407" t="s">
        <v>430</v>
      </c>
      <c r="B121" s="407"/>
      <c r="D121" s="2530"/>
      <c r="E121" s="2530"/>
      <c r="F121" s="2530"/>
      <c r="G121" s="2530"/>
      <c r="H121" s="2530"/>
      <c r="I121" s="2530"/>
      <c r="J121" s="2530"/>
      <c r="K121" s="2530"/>
      <c r="L121" s="2530"/>
      <c r="M121" s="2530"/>
      <c r="N121" s="2530"/>
      <c r="O121" s="2530"/>
      <c r="P121" s="2530"/>
      <c r="Q121" s="2530"/>
      <c r="R121" s="2530"/>
      <c r="S121" s="2530"/>
      <c r="T121" s="2530"/>
      <c r="U121" s="2530"/>
      <c r="V121" s="2530"/>
      <c r="W121" s="2530"/>
    </row>
    <row r="122" spans="1:65" s="345" customFormat="1" ht="5.25" customHeight="1" thickBot="1">
      <c r="A122" s="407"/>
      <c r="B122" s="407"/>
      <c r="D122" s="2531"/>
      <c r="E122" s="2531"/>
      <c r="F122" s="2531"/>
      <c r="G122" s="2531"/>
      <c r="H122" s="2531"/>
      <c r="I122" s="2531"/>
      <c r="J122" s="2531"/>
      <c r="K122" s="2531"/>
      <c r="L122" s="2531"/>
      <c r="M122" s="2531"/>
      <c r="N122" s="2531"/>
      <c r="O122" s="2531"/>
      <c r="P122" s="2531"/>
      <c r="Q122" s="2531"/>
      <c r="R122" s="2531"/>
      <c r="S122" s="2531"/>
      <c r="T122" s="2531"/>
      <c r="U122" s="2531"/>
      <c r="V122" s="2531"/>
      <c r="W122" s="2531"/>
    </row>
    <row r="123" spans="1:65" s="345" customFormat="1" ht="5.25" customHeight="1">
      <c r="A123" s="407"/>
      <c r="B123" s="407"/>
      <c r="D123" s="2516"/>
      <c r="E123" s="2517"/>
      <c r="F123" s="2078" t="s">
        <v>423</v>
      </c>
      <c r="G123" s="2079"/>
      <c r="H123" s="2079"/>
      <c r="I123" s="2079"/>
      <c r="J123" s="2079"/>
      <c r="K123" s="2079"/>
      <c r="L123" s="2079"/>
      <c r="M123" s="2079"/>
      <c r="N123" s="2079"/>
      <c r="O123" s="2079"/>
      <c r="P123" s="2079"/>
      <c r="Q123" s="2080"/>
      <c r="R123" s="2087" t="s">
        <v>428</v>
      </c>
      <c r="S123" s="2087"/>
      <c r="T123" s="2087"/>
      <c r="U123" s="2087"/>
      <c r="V123" s="2087"/>
      <c r="W123" s="2087"/>
      <c r="X123" s="2087"/>
      <c r="Y123" s="2087"/>
      <c r="Z123" s="2087"/>
      <c r="AA123" s="2087"/>
      <c r="AB123" s="2087"/>
      <c r="AC123" s="2087"/>
      <c r="AD123" s="2087"/>
      <c r="AE123" s="2087"/>
      <c r="AF123" s="2087"/>
      <c r="AG123" s="2087"/>
      <c r="AH123" s="2087"/>
      <c r="AI123" s="2087"/>
      <c r="AJ123" s="2087"/>
      <c r="AK123" s="2087"/>
      <c r="AL123" s="2087"/>
      <c r="AM123" s="2087"/>
      <c r="AN123" s="2087"/>
      <c r="AO123" s="2087"/>
      <c r="AP123" s="2087" t="s">
        <v>277</v>
      </c>
      <c r="AQ123" s="2087"/>
      <c r="AR123" s="2087"/>
      <c r="AS123" s="2483"/>
      <c r="AT123" s="2087" t="s">
        <v>278</v>
      </c>
      <c r="AU123" s="2087"/>
      <c r="AV123" s="2087"/>
      <c r="AW123" s="2087"/>
      <c r="AX123" s="2087"/>
      <c r="AY123" s="2087"/>
      <c r="AZ123" s="2087"/>
      <c r="BA123" s="2087"/>
      <c r="BB123" s="2494" t="s">
        <v>425</v>
      </c>
      <c r="BC123" s="2087"/>
      <c r="BD123" s="2087"/>
      <c r="BE123" s="2494" t="s">
        <v>424</v>
      </c>
      <c r="BF123" s="2087"/>
      <c r="BG123" s="2087"/>
      <c r="BH123" s="2087"/>
      <c r="BI123" s="2087"/>
      <c r="BJ123" s="2087"/>
      <c r="BK123" s="2087"/>
      <c r="BL123" s="2087"/>
      <c r="BM123" s="2495"/>
    </row>
    <row r="124" spans="1:65" s="345" customFormat="1" ht="5.25" customHeight="1">
      <c r="A124" s="407"/>
      <c r="B124" s="407"/>
      <c r="D124" s="2518"/>
      <c r="E124" s="2519"/>
      <c r="F124" s="2081"/>
      <c r="G124" s="2082"/>
      <c r="H124" s="2082"/>
      <c r="I124" s="2082"/>
      <c r="J124" s="2082"/>
      <c r="K124" s="2082"/>
      <c r="L124" s="2082"/>
      <c r="M124" s="2082"/>
      <c r="N124" s="2082"/>
      <c r="O124" s="2082"/>
      <c r="P124" s="2082"/>
      <c r="Q124" s="2083"/>
      <c r="R124" s="2088"/>
      <c r="S124" s="2088"/>
      <c r="T124" s="2088"/>
      <c r="U124" s="2088"/>
      <c r="V124" s="2088"/>
      <c r="W124" s="2088"/>
      <c r="X124" s="2088"/>
      <c r="Y124" s="2088"/>
      <c r="Z124" s="2088"/>
      <c r="AA124" s="2088"/>
      <c r="AB124" s="2088"/>
      <c r="AC124" s="2088"/>
      <c r="AD124" s="2088"/>
      <c r="AE124" s="2088"/>
      <c r="AF124" s="2088"/>
      <c r="AG124" s="2088"/>
      <c r="AH124" s="2088"/>
      <c r="AI124" s="2088"/>
      <c r="AJ124" s="2088"/>
      <c r="AK124" s="2088"/>
      <c r="AL124" s="2088"/>
      <c r="AM124" s="2088"/>
      <c r="AN124" s="2088"/>
      <c r="AO124" s="2088"/>
      <c r="AP124" s="2088"/>
      <c r="AQ124" s="2088"/>
      <c r="AR124" s="2088"/>
      <c r="AS124" s="2484"/>
      <c r="AT124" s="2088"/>
      <c r="AU124" s="2088"/>
      <c r="AV124" s="2088"/>
      <c r="AW124" s="2088"/>
      <c r="AX124" s="2088"/>
      <c r="AY124" s="2088"/>
      <c r="AZ124" s="2088"/>
      <c r="BA124" s="2088"/>
      <c r="BB124" s="2088"/>
      <c r="BC124" s="2088"/>
      <c r="BD124" s="2088"/>
      <c r="BE124" s="2088"/>
      <c r="BF124" s="2088"/>
      <c r="BG124" s="2088"/>
      <c r="BH124" s="2088"/>
      <c r="BI124" s="2088"/>
      <c r="BJ124" s="2088"/>
      <c r="BK124" s="2088"/>
      <c r="BL124" s="2088"/>
      <c r="BM124" s="2496"/>
    </row>
    <row r="125" spans="1:65" s="345" customFormat="1" ht="5.25" customHeight="1">
      <c r="A125" s="407"/>
      <c r="B125" s="407"/>
      <c r="D125" s="2518"/>
      <c r="E125" s="2519"/>
      <c r="F125" s="2081"/>
      <c r="G125" s="2082"/>
      <c r="H125" s="2082"/>
      <c r="I125" s="2082"/>
      <c r="J125" s="2082"/>
      <c r="K125" s="2082"/>
      <c r="L125" s="2082"/>
      <c r="M125" s="2082"/>
      <c r="N125" s="2082"/>
      <c r="O125" s="2082"/>
      <c r="P125" s="2082"/>
      <c r="Q125" s="2083"/>
      <c r="R125" s="2088"/>
      <c r="S125" s="2088"/>
      <c r="T125" s="2088"/>
      <c r="U125" s="2088"/>
      <c r="V125" s="2088"/>
      <c r="W125" s="2088"/>
      <c r="X125" s="2088"/>
      <c r="Y125" s="2088"/>
      <c r="Z125" s="2088"/>
      <c r="AA125" s="2088"/>
      <c r="AB125" s="2088"/>
      <c r="AC125" s="2088"/>
      <c r="AD125" s="2088"/>
      <c r="AE125" s="2088"/>
      <c r="AF125" s="2088"/>
      <c r="AG125" s="2088"/>
      <c r="AH125" s="2088"/>
      <c r="AI125" s="2088"/>
      <c r="AJ125" s="2088"/>
      <c r="AK125" s="2088"/>
      <c r="AL125" s="2088"/>
      <c r="AM125" s="2088"/>
      <c r="AN125" s="2088"/>
      <c r="AO125" s="2088"/>
      <c r="AP125" s="2088"/>
      <c r="AQ125" s="2088"/>
      <c r="AR125" s="2088"/>
      <c r="AS125" s="2484"/>
      <c r="AT125" s="2088"/>
      <c r="AU125" s="2088"/>
      <c r="AV125" s="2088"/>
      <c r="AW125" s="2088"/>
      <c r="AX125" s="2088"/>
      <c r="AY125" s="2088"/>
      <c r="AZ125" s="2088"/>
      <c r="BA125" s="2088"/>
      <c r="BB125" s="2088"/>
      <c r="BC125" s="2088"/>
      <c r="BD125" s="2088"/>
      <c r="BE125" s="2088"/>
      <c r="BF125" s="2088"/>
      <c r="BG125" s="2088"/>
      <c r="BH125" s="2088"/>
      <c r="BI125" s="2088"/>
      <c r="BJ125" s="2088"/>
      <c r="BK125" s="2088"/>
      <c r="BL125" s="2088"/>
      <c r="BM125" s="2496"/>
    </row>
    <row r="126" spans="1:65" s="345" customFormat="1" ht="5.25" customHeight="1">
      <c r="A126" s="407"/>
      <c r="B126" s="407"/>
      <c r="D126" s="2518"/>
      <c r="E126" s="2519"/>
      <c r="F126" s="2081"/>
      <c r="G126" s="2082"/>
      <c r="H126" s="2082"/>
      <c r="I126" s="2082"/>
      <c r="J126" s="2082"/>
      <c r="K126" s="2082"/>
      <c r="L126" s="2082"/>
      <c r="M126" s="2082"/>
      <c r="N126" s="2082"/>
      <c r="O126" s="2082"/>
      <c r="P126" s="2082"/>
      <c r="Q126" s="2083"/>
      <c r="R126" s="2088"/>
      <c r="S126" s="2088"/>
      <c r="T126" s="2088"/>
      <c r="U126" s="2088"/>
      <c r="V126" s="2088"/>
      <c r="W126" s="2088"/>
      <c r="X126" s="2088"/>
      <c r="Y126" s="2088"/>
      <c r="Z126" s="2088"/>
      <c r="AA126" s="2088"/>
      <c r="AB126" s="2088"/>
      <c r="AC126" s="2088"/>
      <c r="AD126" s="2088"/>
      <c r="AE126" s="2088"/>
      <c r="AF126" s="2088"/>
      <c r="AG126" s="2088"/>
      <c r="AH126" s="2088"/>
      <c r="AI126" s="2088"/>
      <c r="AJ126" s="2088"/>
      <c r="AK126" s="2088"/>
      <c r="AL126" s="2088"/>
      <c r="AM126" s="2088"/>
      <c r="AN126" s="2088"/>
      <c r="AO126" s="2088"/>
      <c r="AP126" s="2088"/>
      <c r="AQ126" s="2088"/>
      <c r="AR126" s="2088"/>
      <c r="AS126" s="2484"/>
      <c r="AT126" s="2088"/>
      <c r="AU126" s="2088"/>
      <c r="AV126" s="2088"/>
      <c r="AW126" s="2088"/>
      <c r="AX126" s="2088"/>
      <c r="AY126" s="2088"/>
      <c r="AZ126" s="2088"/>
      <c r="BA126" s="2088"/>
      <c r="BB126" s="2088"/>
      <c r="BC126" s="2088"/>
      <c r="BD126" s="2088"/>
      <c r="BE126" s="2088"/>
      <c r="BF126" s="2088"/>
      <c r="BG126" s="2088"/>
      <c r="BH126" s="2088"/>
      <c r="BI126" s="2088"/>
      <c r="BJ126" s="2088"/>
      <c r="BK126" s="2088"/>
      <c r="BL126" s="2088"/>
      <c r="BM126" s="2496"/>
    </row>
    <row r="127" spans="1:65" s="345" customFormat="1" ht="5.25" customHeight="1">
      <c r="A127" s="407"/>
      <c r="B127" s="407"/>
      <c r="D127" s="2520"/>
      <c r="E127" s="2521"/>
      <c r="F127" s="2084"/>
      <c r="G127" s="2085"/>
      <c r="H127" s="2085"/>
      <c r="I127" s="2085"/>
      <c r="J127" s="2085"/>
      <c r="K127" s="2085"/>
      <c r="L127" s="2085"/>
      <c r="M127" s="2085"/>
      <c r="N127" s="2085"/>
      <c r="O127" s="2085"/>
      <c r="P127" s="2085"/>
      <c r="Q127" s="2086"/>
      <c r="R127" s="2089"/>
      <c r="S127" s="2089"/>
      <c r="T127" s="2089"/>
      <c r="U127" s="2089"/>
      <c r="V127" s="2089"/>
      <c r="W127" s="2089"/>
      <c r="X127" s="2089"/>
      <c r="Y127" s="2089"/>
      <c r="Z127" s="2089"/>
      <c r="AA127" s="2089"/>
      <c r="AB127" s="2089"/>
      <c r="AC127" s="2089"/>
      <c r="AD127" s="2089"/>
      <c r="AE127" s="2089"/>
      <c r="AF127" s="2089"/>
      <c r="AG127" s="2089"/>
      <c r="AH127" s="2089"/>
      <c r="AI127" s="2089"/>
      <c r="AJ127" s="2089"/>
      <c r="AK127" s="2089"/>
      <c r="AL127" s="2089"/>
      <c r="AM127" s="2089"/>
      <c r="AN127" s="2089"/>
      <c r="AO127" s="2089"/>
      <c r="AP127" s="2089"/>
      <c r="AQ127" s="2089"/>
      <c r="AR127" s="2089"/>
      <c r="AS127" s="2485"/>
      <c r="AT127" s="2089"/>
      <c r="AU127" s="2089"/>
      <c r="AV127" s="2089"/>
      <c r="AW127" s="2089"/>
      <c r="AX127" s="2089"/>
      <c r="AY127" s="2089"/>
      <c r="AZ127" s="2089"/>
      <c r="BA127" s="2089"/>
      <c r="BB127" s="2089"/>
      <c r="BC127" s="2089"/>
      <c r="BD127" s="2089"/>
      <c r="BE127" s="2089"/>
      <c r="BF127" s="2089"/>
      <c r="BG127" s="2089"/>
      <c r="BH127" s="2089"/>
      <c r="BI127" s="2089"/>
      <c r="BJ127" s="2089"/>
      <c r="BK127" s="2089"/>
      <c r="BL127" s="2089"/>
      <c r="BM127" s="2497"/>
    </row>
    <row r="128" spans="1:65" s="345" customFormat="1" ht="5.25" customHeight="1">
      <c r="A128" s="407"/>
      <c r="B128" s="407"/>
      <c r="D128" s="2074">
        <v>1</v>
      </c>
      <c r="E128" s="2075"/>
      <c r="F128" s="2143"/>
      <c r="G128" s="2144"/>
      <c r="H128" s="2144"/>
      <c r="I128" s="2144"/>
      <c r="J128" s="2144"/>
      <c r="K128" s="2144"/>
      <c r="L128" s="2144"/>
      <c r="M128" s="2144"/>
      <c r="N128" s="2144"/>
      <c r="O128" s="2144"/>
      <c r="P128" s="2144"/>
      <c r="Q128" s="2145"/>
      <c r="R128" s="2108"/>
      <c r="S128" s="2109"/>
      <c r="T128" s="2109"/>
      <c r="U128" s="2109"/>
      <c r="V128" s="2109"/>
      <c r="W128" s="2109"/>
      <c r="X128" s="2109"/>
      <c r="Y128" s="2109"/>
      <c r="Z128" s="2109"/>
      <c r="AA128" s="2109"/>
      <c r="AB128" s="2109"/>
      <c r="AC128" s="2109"/>
      <c r="AD128" s="2109"/>
      <c r="AE128" s="2109"/>
      <c r="AF128" s="2109"/>
      <c r="AG128" s="2109"/>
      <c r="AH128" s="2109"/>
      <c r="AI128" s="2109"/>
      <c r="AJ128" s="2109"/>
      <c r="AK128" s="2109"/>
      <c r="AL128" s="2109"/>
      <c r="AM128" s="2109"/>
      <c r="AN128" s="2109"/>
      <c r="AO128" s="2194"/>
      <c r="AP128" s="2143"/>
      <c r="AQ128" s="2144"/>
      <c r="AR128" s="2144"/>
      <c r="AS128" s="2145"/>
      <c r="AT128" s="2454" t="s">
        <v>313</v>
      </c>
      <c r="AU128" s="2455"/>
      <c r="AV128" s="2455"/>
      <c r="AW128" s="2455"/>
      <c r="AX128" s="2455"/>
      <c r="AY128" s="2455"/>
      <c r="AZ128" s="2455"/>
      <c r="BA128" s="2456"/>
      <c r="BB128" s="2477" t="s">
        <v>391</v>
      </c>
      <c r="BC128" s="2370"/>
      <c r="BD128" s="2478"/>
      <c r="BE128" s="2176"/>
      <c r="BF128" s="2177"/>
      <c r="BG128" s="2177"/>
      <c r="BH128" s="2177"/>
      <c r="BI128" s="2177"/>
      <c r="BJ128" s="2177"/>
      <c r="BK128" s="2177"/>
      <c r="BL128" s="2170" t="s">
        <v>457</v>
      </c>
      <c r="BM128" s="2171"/>
    </row>
    <row r="129" spans="1:65" s="345" customFormat="1" ht="5.25" customHeight="1">
      <c r="A129" s="407"/>
      <c r="B129" s="407"/>
      <c r="D129" s="2074"/>
      <c r="E129" s="2075"/>
      <c r="F129" s="2146"/>
      <c r="G129" s="2147"/>
      <c r="H129" s="2147"/>
      <c r="I129" s="2147"/>
      <c r="J129" s="2147"/>
      <c r="K129" s="2147"/>
      <c r="L129" s="2147"/>
      <c r="M129" s="2147"/>
      <c r="N129" s="2147"/>
      <c r="O129" s="2147"/>
      <c r="P129" s="2147"/>
      <c r="Q129" s="2148"/>
      <c r="R129" s="2111"/>
      <c r="S129" s="2112"/>
      <c r="T129" s="2112"/>
      <c r="U129" s="2112"/>
      <c r="V129" s="2112"/>
      <c r="W129" s="2112"/>
      <c r="X129" s="2112"/>
      <c r="Y129" s="2112"/>
      <c r="Z129" s="2112"/>
      <c r="AA129" s="2112"/>
      <c r="AB129" s="2112"/>
      <c r="AC129" s="2112"/>
      <c r="AD129" s="2112"/>
      <c r="AE129" s="2112"/>
      <c r="AF129" s="2112"/>
      <c r="AG129" s="2112"/>
      <c r="AH129" s="2112"/>
      <c r="AI129" s="2112"/>
      <c r="AJ129" s="2112"/>
      <c r="AK129" s="2112"/>
      <c r="AL129" s="2112"/>
      <c r="AM129" s="2112"/>
      <c r="AN129" s="2112"/>
      <c r="AO129" s="2195"/>
      <c r="AP129" s="2152"/>
      <c r="AQ129" s="2153"/>
      <c r="AR129" s="2153"/>
      <c r="AS129" s="2154"/>
      <c r="AT129" s="2457"/>
      <c r="AU129" s="2458"/>
      <c r="AV129" s="2458"/>
      <c r="AW129" s="2458"/>
      <c r="AX129" s="2458"/>
      <c r="AY129" s="2458"/>
      <c r="AZ129" s="2458"/>
      <c r="BA129" s="2459"/>
      <c r="BB129" s="2479"/>
      <c r="BC129" s="2372"/>
      <c r="BD129" s="2480"/>
      <c r="BE129" s="2178"/>
      <c r="BF129" s="2179"/>
      <c r="BG129" s="2179"/>
      <c r="BH129" s="2179"/>
      <c r="BI129" s="2179"/>
      <c r="BJ129" s="2179"/>
      <c r="BK129" s="2179"/>
      <c r="BL129" s="2172"/>
      <c r="BM129" s="2173"/>
    </row>
    <row r="130" spans="1:65" s="345" customFormat="1" ht="5.25" customHeight="1">
      <c r="A130" s="407"/>
      <c r="B130" s="407"/>
      <c r="D130" s="2074"/>
      <c r="E130" s="2075"/>
      <c r="F130" s="2149"/>
      <c r="G130" s="2150"/>
      <c r="H130" s="2150"/>
      <c r="I130" s="2150"/>
      <c r="J130" s="2150"/>
      <c r="K130" s="2150"/>
      <c r="L130" s="2150"/>
      <c r="M130" s="2150"/>
      <c r="N130" s="2150"/>
      <c r="O130" s="2150"/>
      <c r="P130" s="2150"/>
      <c r="Q130" s="2151"/>
      <c r="R130" s="2111"/>
      <c r="S130" s="2112"/>
      <c r="T130" s="2112"/>
      <c r="U130" s="2112"/>
      <c r="V130" s="2112"/>
      <c r="W130" s="2112"/>
      <c r="X130" s="2112"/>
      <c r="Y130" s="2112"/>
      <c r="Z130" s="2112"/>
      <c r="AA130" s="2112"/>
      <c r="AB130" s="2112"/>
      <c r="AC130" s="2112"/>
      <c r="AD130" s="2112"/>
      <c r="AE130" s="2112"/>
      <c r="AF130" s="2112"/>
      <c r="AG130" s="2112"/>
      <c r="AH130" s="2112"/>
      <c r="AI130" s="2112"/>
      <c r="AJ130" s="2112"/>
      <c r="AK130" s="2112"/>
      <c r="AL130" s="2112"/>
      <c r="AM130" s="2112"/>
      <c r="AN130" s="2112"/>
      <c r="AO130" s="2195"/>
      <c r="AP130" s="2152"/>
      <c r="AQ130" s="2153"/>
      <c r="AR130" s="2153"/>
      <c r="AS130" s="2154"/>
      <c r="AT130" s="2164" t="s">
        <v>295</v>
      </c>
      <c r="AU130" s="2165"/>
      <c r="AV130" s="2165"/>
      <c r="AW130" s="2165"/>
      <c r="AX130" s="2165"/>
      <c r="AY130" s="2165"/>
      <c r="AZ130" s="2165"/>
      <c r="BA130" s="2166"/>
      <c r="BB130" s="2326"/>
      <c r="BC130" s="2327"/>
      <c r="BD130" s="2481"/>
      <c r="BE130" s="2178"/>
      <c r="BF130" s="2179"/>
      <c r="BG130" s="2179"/>
      <c r="BH130" s="2179"/>
      <c r="BI130" s="2179"/>
      <c r="BJ130" s="2179"/>
      <c r="BK130" s="2179"/>
      <c r="BL130" s="2172"/>
      <c r="BM130" s="2173"/>
    </row>
    <row r="131" spans="1:65" s="345" customFormat="1" ht="5.25" customHeight="1">
      <c r="A131" s="407"/>
      <c r="B131" s="407"/>
      <c r="D131" s="2074"/>
      <c r="E131" s="2075"/>
      <c r="F131" s="2152"/>
      <c r="G131" s="2153"/>
      <c r="H131" s="2153"/>
      <c r="I131" s="2153"/>
      <c r="J131" s="2153"/>
      <c r="K131" s="2153"/>
      <c r="L131" s="2153"/>
      <c r="M131" s="2153"/>
      <c r="N131" s="2153"/>
      <c r="O131" s="2153"/>
      <c r="P131" s="2153"/>
      <c r="Q131" s="2154"/>
      <c r="R131" s="2111"/>
      <c r="S131" s="2112"/>
      <c r="T131" s="2112"/>
      <c r="U131" s="2112"/>
      <c r="V131" s="2112"/>
      <c r="W131" s="2112"/>
      <c r="X131" s="2112"/>
      <c r="Y131" s="2112"/>
      <c r="Z131" s="2112"/>
      <c r="AA131" s="2112"/>
      <c r="AB131" s="2112"/>
      <c r="AC131" s="2112"/>
      <c r="AD131" s="2112"/>
      <c r="AE131" s="2112"/>
      <c r="AF131" s="2112"/>
      <c r="AG131" s="2112"/>
      <c r="AH131" s="2112"/>
      <c r="AI131" s="2112"/>
      <c r="AJ131" s="2112"/>
      <c r="AK131" s="2112"/>
      <c r="AL131" s="2112"/>
      <c r="AM131" s="2112"/>
      <c r="AN131" s="2112"/>
      <c r="AO131" s="2195"/>
      <c r="AP131" s="2152"/>
      <c r="AQ131" s="2153"/>
      <c r="AR131" s="2153"/>
      <c r="AS131" s="2154"/>
      <c r="AT131" s="2164"/>
      <c r="AU131" s="2165"/>
      <c r="AV131" s="2165"/>
      <c r="AW131" s="2165"/>
      <c r="AX131" s="2165"/>
      <c r="AY131" s="2165"/>
      <c r="AZ131" s="2165"/>
      <c r="BA131" s="2166"/>
      <c r="BB131" s="2326"/>
      <c r="BC131" s="2327"/>
      <c r="BD131" s="2481"/>
      <c r="BE131" s="2178"/>
      <c r="BF131" s="2179"/>
      <c r="BG131" s="2179"/>
      <c r="BH131" s="2179"/>
      <c r="BI131" s="2179"/>
      <c r="BJ131" s="2179"/>
      <c r="BK131" s="2179"/>
      <c r="BL131" s="2172"/>
      <c r="BM131" s="2173"/>
    </row>
    <row r="132" spans="1:65" s="345" customFormat="1" ht="5.25" customHeight="1">
      <c r="A132" s="407"/>
      <c r="B132" s="407"/>
      <c r="D132" s="2074"/>
      <c r="E132" s="2075"/>
      <c r="F132" s="2152"/>
      <c r="G132" s="2153"/>
      <c r="H132" s="2153"/>
      <c r="I132" s="2153"/>
      <c r="J132" s="2153"/>
      <c r="K132" s="2153"/>
      <c r="L132" s="2153"/>
      <c r="M132" s="2153"/>
      <c r="N132" s="2153"/>
      <c r="O132" s="2153"/>
      <c r="P132" s="2153"/>
      <c r="Q132" s="2154"/>
      <c r="R132" s="2111"/>
      <c r="S132" s="2112"/>
      <c r="T132" s="2112"/>
      <c r="U132" s="2112"/>
      <c r="V132" s="2112"/>
      <c r="W132" s="2112"/>
      <c r="X132" s="2112"/>
      <c r="Y132" s="2112"/>
      <c r="Z132" s="2112"/>
      <c r="AA132" s="2112"/>
      <c r="AB132" s="2112"/>
      <c r="AC132" s="2112"/>
      <c r="AD132" s="2112"/>
      <c r="AE132" s="2112"/>
      <c r="AF132" s="2112"/>
      <c r="AG132" s="2112"/>
      <c r="AH132" s="2112"/>
      <c r="AI132" s="2112"/>
      <c r="AJ132" s="2112"/>
      <c r="AK132" s="2112"/>
      <c r="AL132" s="2112"/>
      <c r="AM132" s="2112"/>
      <c r="AN132" s="2112"/>
      <c r="AO132" s="2195"/>
      <c r="AP132" s="2152"/>
      <c r="AQ132" s="2153"/>
      <c r="AR132" s="2153"/>
      <c r="AS132" s="2154"/>
      <c r="AT132" s="2164"/>
      <c r="AU132" s="2165"/>
      <c r="AV132" s="2165"/>
      <c r="AW132" s="2165"/>
      <c r="AX132" s="2165"/>
      <c r="AY132" s="2165"/>
      <c r="AZ132" s="2165"/>
      <c r="BA132" s="2166"/>
      <c r="BB132" s="2326"/>
      <c r="BC132" s="2327"/>
      <c r="BD132" s="2481"/>
      <c r="BE132" s="2178"/>
      <c r="BF132" s="2179"/>
      <c r="BG132" s="2179"/>
      <c r="BH132" s="2179"/>
      <c r="BI132" s="2179"/>
      <c r="BJ132" s="2179"/>
      <c r="BK132" s="2179"/>
      <c r="BL132" s="2172"/>
      <c r="BM132" s="2173"/>
    </row>
    <row r="133" spans="1:65" s="345" customFormat="1" ht="5.25" customHeight="1" thickBot="1">
      <c r="A133" s="407"/>
      <c r="B133" s="407"/>
      <c r="D133" s="2076"/>
      <c r="E133" s="2077"/>
      <c r="F133" s="2158"/>
      <c r="G133" s="2159"/>
      <c r="H133" s="2159"/>
      <c r="I133" s="2159"/>
      <c r="J133" s="2159"/>
      <c r="K133" s="2159"/>
      <c r="L133" s="2159"/>
      <c r="M133" s="2159"/>
      <c r="N133" s="2159"/>
      <c r="O133" s="2159"/>
      <c r="P133" s="2159"/>
      <c r="Q133" s="2160"/>
      <c r="R133" s="2114"/>
      <c r="S133" s="2115"/>
      <c r="T133" s="2115"/>
      <c r="U133" s="2115"/>
      <c r="V133" s="2115"/>
      <c r="W133" s="2115"/>
      <c r="X133" s="2115"/>
      <c r="Y133" s="2115"/>
      <c r="Z133" s="2115"/>
      <c r="AA133" s="2115"/>
      <c r="AB133" s="2115"/>
      <c r="AC133" s="2115"/>
      <c r="AD133" s="2115"/>
      <c r="AE133" s="2115"/>
      <c r="AF133" s="2115"/>
      <c r="AG133" s="2115"/>
      <c r="AH133" s="2115"/>
      <c r="AI133" s="2115"/>
      <c r="AJ133" s="2115"/>
      <c r="AK133" s="2115"/>
      <c r="AL133" s="2115"/>
      <c r="AM133" s="2115"/>
      <c r="AN133" s="2115"/>
      <c r="AO133" s="2196"/>
      <c r="AP133" s="2158"/>
      <c r="AQ133" s="2159"/>
      <c r="AR133" s="2159"/>
      <c r="AS133" s="2160"/>
      <c r="AT133" s="2167"/>
      <c r="AU133" s="2168"/>
      <c r="AV133" s="2168"/>
      <c r="AW133" s="2168"/>
      <c r="AX133" s="2168"/>
      <c r="AY133" s="2168"/>
      <c r="AZ133" s="2168"/>
      <c r="BA133" s="2169"/>
      <c r="BB133" s="2328"/>
      <c r="BC133" s="2329"/>
      <c r="BD133" s="2482"/>
      <c r="BE133" s="2180"/>
      <c r="BF133" s="2181"/>
      <c r="BG133" s="2181"/>
      <c r="BH133" s="2181"/>
      <c r="BI133" s="2181"/>
      <c r="BJ133" s="2181"/>
      <c r="BK133" s="2181"/>
      <c r="BL133" s="2174"/>
      <c r="BM133" s="2175"/>
    </row>
    <row r="134" spans="1:65" s="345" customFormat="1" ht="5.25" customHeight="1">
      <c r="A134" s="407"/>
      <c r="B134" s="407"/>
      <c r="E134" s="347"/>
      <c r="F134" s="398"/>
      <c r="G134" s="398"/>
      <c r="H134" s="398"/>
      <c r="I134" s="398"/>
      <c r="J134" s="398"/>
      <c r="K134" s="398"/>
      <c r="L134" s="398"/>
      <c r="M134" s="398"/>
      <c r="N134" s="398"/>
      <c r="O134" s="398"/>
      <c r="P134" s="398"/>
      <c r="Q134" s="398"/>
      <c r="R134" s="399"/>
      <c r="S134" s="399"/>
      <c r="T134" s="399"/>
      <c r="U134" s="399"/>
      <c r="V134" s="399"/>
      <c r="W134" s="399"/>
      <c r="X134" s="399"/>
      <c r="Y134" s="399"/>
      <c r="Z134" s="399"/>
      <c r="AA134" s="399"/>
      <c r="AB134" s="399"/>
      <c r="AC134" s="399"/>
      <c r="AD134" s="399"/>
      <c r="AE134" s="399"/>
      <c r="AF134" s="399"/>
      <c r="AG134" s="399"/>
      <c r="AH134" s="399"/>
      <c r="AI134" s="399"/>
      <c r="AJ134" s="399"/>
      <c r="AK134" s="399"/>
      <c r="AL134" s="399"/>
      <c r="AM134" s="399"/>
      <c r="AN134" s="399"/>
      <c r="AO134" s="399"/>
      <c r="AP134" s="397"/>
      <c r="AQ134" s="397"/>
      <c r="AR134" s="397"/>
      <c r="AS134" s="400"/>
      <c r="AT134" s="2074" t="s">
        <v>422</v>
      </c>
      <c r="AU134" s="2075"/>
      <c r="AV134" s="2075"/>
      <c r="AW134" s="2075"/>
      <c r="AX134" s="2075"/>
      <c r="AY134" s="2075"/>
      <c r="AZ134" s="2075"/>
      <c r="BA134" s="2075"/>
      <c r="BB134" s="2075"/>
      <c r="BC134" s="2075"/>
      <c r="BD134" s="2075"/>
      <c r="BE134" s="2075"/>
      <c r="BF134" s="2075"/>
      <c r="BG134" s="2075"/>
      <c r="BH134" s="2075" t="s">
        <v>395</v>
      </c>
      <c r="BI134" s="2075"/>
      <c r="BJ134" s="2075"/>
      <c r="BK134" s="2075"/>
      <c r="BL134" s="2075"/>
      <c r="BM134" s="2499"/>
    </row>
    <row r="135" spans="1:65" s="345" customFormat="1" ht="5.25" customHeight="1">
      <c r="A135" s="407"/>
      <c r="B135" s="407"/>
      <c r="D135" s="2462" t="s">
        <v>304</v>
      </c>
      <c r="E135" s="2462"/>
      <c r="F135" s="2462"/>
      <c r="G135" s="2462"/>
      <c r="H135" s="2462"/>
      <c r="I135" s="2462"/>
      <c r="J135" s="2462"/>
      <c r="K135" s="2462"/>
      <c r="L135" s="2462"/>
      <c r="M135" s="2462"/>
      <c r="N135" s="2462"/>
      <c r="O135" s="2462"/>
      <c r="P135" s="2462"/>
      <c r="Q135" s="2462"/>
      <c r="R135" s="2462"/>
      <c r="S135" s="2462"/>
      <c r="T135" s="2462"/>
      <c r="U135" s="2462"/>
      <c r="V135" s="2462"/>
      <c r="W135" s="2462"/>
      <c r="X135" s="2462"/>
      <c r="Y135" s="2462"/>
      <c r="Z135" s="2462"/>
      <c r="AA135" s="2462"/>
      <c r="AB135" s="363"/>
      <c r="AC135" s="363"/>
      <c r="AD135" s="363"/>
      <c r="AE135" s="363"/>
      <c r="AF135" s="363"/>
      <c r="AG135" s="363"/>
      <c r="AH135" s="363"/>
      <c r="AI135" s="363"/>
      <c r="AJ135" s="363"/>
      <c r="AK135" s="363"/>
      <c r="AL135" s="363"/>
      <c r="AM135" s="363"/>
      <c r="AN135" s="363"/>
      <c r="AO135" s="363"/>
      <c r="AP135" s="347"/>
      <c r="AQ135" s="347"/>
      <c r="AR135" s="347"/>
      <c r="AS135" s="347"/>
      <c r="AT135" s="2074"/>
      <c r="AU135" s="2075"/>
      <c r="AV135" s="2075"/>
      <c r="AW135" s="2075"/>
      <c r="AX135" s="2075"/>
      <c r="AY135" s="2075"/>
      <c r="AZ135" s="2075"/>
      <c r="BA135" s="2075"/>
      <c r="BB135" s="2075"/>
      <c r="BC135" s="2075"/>
      <c r="BD135" s="2075"/>
      <c r="BE135" s="2075"/>
      <c r="BF135" s="2075"/>
      <c r="BG135" s="2075"/>
      <c r="BH135" s="2075"/>
      <c r="BI135" s="2075"/>
      <c r="BJ135" s="2075"/>
      <c r="BK135" s="2075"/>
      <c r="BL135" s="2075"/>
      <c r="BM135" s="2499"/>
    </row>
    <row r="136" spans="1:65" s="345" customFormat="1" ht="5.25" customHeight="1">
      <c r="A136" s="407"/>
      <c r="B136" s="407"/>
      <c r="D136" s="2462"/>
      <c r="E136" s="2462"/>
      <c r="F136" s="2462"/>
      <c r="G136" s="2462"/>
      <c r="H136" s="2462"/>
      <c r="I136" s="2462"/>
      <c r="J136" s="2462"/>
      <c r="K136" s="2462"/>
      <c r="L136" s="2462"/>
      <c r="M136" s="2462"/>
      <c r="N136" s="2462"/>
      <c r="O136" s="2462"/>
      <c r="P136" s="2462"/>
      <c r="Q136" s="2462"/>
      <c r="R136" s="2462"/>
      <c r="S136" s="2462"/>
      <c r="T136" s="2462"/>
      <c r="U136" s="2462"/>
      <c r="V136" s="2462"/>
      <c r="W136" s="2462"/>
      <c r="X136" s="2462"/>
      <c r="Y136" s="2462"/>
      <c r="Z136" s="2462"/>
      <c r="AA136" s="2462"/>
      <c r="AB136" s="363"/>
      <c r="AC136" s="363"/>
      <c r="AD136" s="363"/>
      <c r="AE136" s="363"/>
      <c r="AF136" s="363"/>
      <c r="AG136" s="363"/>
      <c r="AH136" s="363"/>
      <c r="AI136" s="363"/>
      <c r="AJ136" s="363"/>
      <c r="AK136" s="363"/>
      <c r="AL136" s="363"/>
      <c r="AM136" s="363"/>
      <c r="AN136" s="363"/>
      <c r="AO136" s="363"/>
      <c r="AP136" s="347"/>
      <c r="AQ136" s="347"/>
      <c r="AR136" s="347"/>
      <c r="AS136" s="347"/>
      <c r="AT136" s="2074"/>
      <c r="AU136" s="2075"/>
      <c r="AV136" s="2075"/>
      <c r="AW136" s="2075"/>
      <c r="AX136" s="2075"/>
      <c r="AY136" s="2075"/>
      <c r="AZ136" s="2075"/>
      <c r="BA136" s="2075"/>
      <c r="BB136" s="2075"/>
      <c r="BC136" s="2075"/>
      <c r="BD136" s="2075"/>
      <c r="BE136" s="2075"/>
      <c r="BF136" s="2075"/>
      <c r="BG136" s="2075"/>
      <c r="BH136" s="2075"/>
      <c r="BI136" s="2075"/>
      <c r="BJ136" s="2075"/>
      <c r="BK136" s="2075"/>
      <c r="BL136" s="2075"/>
      <c r="BM136" s="2499"/>
    </row>
    <row r="137" spans="1:65" s="345" customFormat="1" ht="5.25" customHeight="1" thickBot="1">
      <c r="A137" s="407"/>
      <c r="B137" s="407"/>
      <c r="D137" s="2218"/>
      <c r="E137" s="2218"/>
      <c r="F137" s="2218"/>
      <c r="G137" s="2218"/>
      <c r="H137" s="2218"/>
      <c r="I137" s="2218"/>
      <c r="J137" s="2218"/>
      <c r="K137" s="2218"/>
      <c r="L137" s="2218"/>
      <c r="M137" s="2218"/>
      <c r="N137" s="2218"/>
      <c r="O137" s="2218"/>
      <c r="P137" s="2218"/>
      <c r="Q137" s="2218"/>
      <c r="R137" s="2218"/>
      <c r="S137" s="2218"/>
      <c r="T137" s="2218"/>
      <c r="U137" s="2218"/>
      <c r="V137" s="2218"/>
      <c r="W137" s="2218"/>
      <c r="X137" s="2218"/>
      <c r="Y137" s="2218"/>
      <c r="Z137" s="2218"/>
      <c r="AA137" s="2218"/>
      <c r="AB137" s="363"/>
      <c r="AC137" s="363"/>
      <c r="AD137" s="363"/>
      <c r="AE137" s="363"/>
      <c r="AF137" s="363"/>
      <c r="AG137" s="363"/>
      <c r="AH137" s="363"/>
      <c r="AI137" s="363"/>
      <c r="AJ137" s="363"/>
      <c r="AK137" s="363"/>
      <c r="AL137" s="363"/>
      <c r="AM137" s="363"/>
      <c r="AN137" s="363"/>
      <c r="AO137" s="363"/>
      <c r="AP137" s="347"/>
      <c r="AQ137" s="347"/>
      <c r="AR137" s="347"/>
      <c r="AS137" s="347"/>
      <c r="AT137" s="2076"/>
      <c r="AU137" s="2077"/>
      <c r="AV137" s="2077"/>
      <c r="AW137" s="2077"/>
      <c r="AX137" s="2077"/>
      <c r="AY137" s="2077"/>
      <c r="AZ137" s="2077"/>
      <c r="BA137" s="2077"/>
      <c r="BB137" s="2077"/>
      <c r="BC137" s="2077"/>
      <c r="BD137" s="2077"/>
      <c r="BE137" s="2498"/>
      <c r="BF137" s="2498"/>
      <c r="BG137" s="2498"/>
      <c r="BH137" s="2498"/>
      <c r="BI137" s="2498"/>
      <c r="BJ137" s="2498"/>
      <c r="BK137" s="2498"/>
      <c r="BL137" s="2498"/>
      <c r="BM137" s="2500"/>
    </row>
    <row r="138" spans="1:65" s="345" customFormat="1" ht="5.25" customHeight="1">
      <c r="A138" s="407"/>
      <c r="B138" s="407"/>
      <c r="D138" s="2463" t="s">
        <v>318</v>
      </c>
      <c r="E138" s="2464"/>
      <c r="F138" s="2464"/>
      <c r="G138" s="2464"/>
      <c r="H138" s="2464"/>
      <c r="I138" s="2464"/>
      <c r="J138" s="2464"/>
      <c r="K138" s="2464"/>
      <c r="L138" s="2464"/>
      <c r="M138" s="2465"/>
      <c r="N138" s="2186"/>
      <c r="O138" s="2187"/>
      <c r="P138" s="2187"/>
      <c r="Q138" s="2187"/>
      <c r="R138" s="2187"/>
      <c r="S138" s="2187"/>
      <c r="T138" s="2187"/>
      <c r="U138" s="2187"/>
      <c r="V138" s="2187"/>
      <c r="W138" s="2187"/>
      <c r="X138" s="2187"/>
      <c r="Y138" s="2187"/>
      <c r="Z138" s="2096" t="s">
        <v>294</v>
      </c>
      <c r="AA138" s="2097"/>
      <c r="AB138" s="381"/>
      <c r="AC138" s="381"/>
      <c r="AD138" s="381"/>
      <c r="AE138" s="381"/>
      <c r="AF138" s="381"/>
      <c r="AG138" s="381"/>
      <c r="AH138" s="381"/>
      <c r="AI138" s="381"/>
      <c r="AJ138" s="381"/>
      <c r="AK138" s="381"/>
      <c r="AL138" s="381"/>
      <c r="AM138" s="381"/>
      <c r="AN138" s="381"/>
      <c r="AO138" s="381"/>
      <c r="AP138" s="347"/>
      <c r="AQ138" s="347"/>
      <c r="AR138" s="347"/>
      <c r="AS138" s="347"/>
      <c r="AT138" s="401"/>
      <c r="AU138" s="401"/>
      <c r="AV138" s="401"/>
      <c r="AW138" s="401"/>
      <c r="AX138" s="401"/>
      <c r="AY138" s="401"/>
      <c r="AZ138" s="401"/>
      <c r="BA138" s="401"/>
      <c r="BB138" s="347"/>
      <c r="BC138" s="347"/>
      <c r="BD138" s="347"/>
      <c r="BE138" s="402"/>
      <c r="BF138" s="402"/>
      <c r="BG138" s="402"/>
      <c r="BH138" s="402"/>
      <c r="BI138" s="402"/>
      <c r="BJ138" s="402"/>
      <c r="BK138" s="402"/>
      <c r="BL138" s="402"/>
      <c r="BM138" s="402"/>
    </row>
    <row r="139" spans="1:65" s="345" customFormat="1" ht="5.25" customHeight="1">
      <c r="A139" s="407"/>
      <c r="B139" s="407"/>
      <c r="D139" s="2466"/>
      <c r="E139" s="2130"/>
      <c r="F139" s="2130"/>
      <c r="G139" s="2130"/>
      <c r="H139" s="2130"/>
      <c r="I139" s="2130"/>
      <c r="J139" s="2130"/>
      <c r="K139" s="2130"/>
      <c r="L139" s="2130"/>
      <c r="M139" s="2467"/>
      <c r="N139" s="2188"/>
      <c r="O139" s="2189"/>
      <c r="P139" s="2189"/>
      <c r="Q139" s="2189"/>
      <c r="R139" s="2189"/>
      <c r="S139" s="2189"/>
      <c r="T139" s="2189"/>
      <c r="U139" s="2189"/>
      <c r="V139" s="2189"/>
      <c r="W139" s="2189"/>
      <c r="X139" s="2189"/>
      <c r="Y139" s="2189"/>
      <c r="Z139" s="2098"/>
      <c r="AA139" s="2099"/>
      <c r="AB139" s="349"/>
      <c r="AC139" s="349"/>
      <c r="AD139" s="349"/>
      <c r="AE139" s="349"/>
      <c r="AF139" s="349"/>
      <c r="AG139" s="349"/>
      <c r="AH139" s="349"/>
      <c r="AI139" s="349"/>
      <c r="AJ139" s="349"/>
      <c r="AK139" s="349"/>
      <c r="AL139" s="349"/>
      <c r="AM139" s="349"/>
      <c r="AN139" s="349"/>
      <c r="AO139" s="349"/>
      <c r="AP139" s="347"/>
      <c r="AQ139" s="347"/>
      <c r="AR139" s="347"/>
      <c r="AS139" s="347"/>
      <c r="AT139" s="373"/>
      <c r="AU139" s="373"/>
      <c r="AV139" s="373"/>
      <c r="AW139" s="373"/>
      <c r="AX139" s="373"/>
      <c r="AY139" s="373"/>
      <c r="AZ139" s="373"/>
      <c r="BA139" s="373"/>
      <c r="BB139" s="347"/>
      <c r="BC139" s="347"/>
      <c r="BD139" s="347"/>
      <c r="BE139" s="403"/>
      <c r="BF139" s="403"/>
      <c r="BG139" s="403"/>
      <c r="BH139" s="403"/>
      <c r="BI139" s="403"/>
      <c r="BJ139" s="403"/>
      <c r="BK139" s="403"/>
      <c r="BL139" s="403"/>
      <c r="BM139" s="403"/>
    </row>
    <row r="140" spans="1:65" s="345" customFormat="1" ht="5.25" customHeight="1">
      <c r="A140" s="407"/>
      <c r="B140" s="407"/>
      <c r="D140" s="2466"/>
      <c r="E140" s="2130"/>
      <c r="F140" s="2130"/>
      <c r="G140" s="2130"/>
      <c r="H140" s="2130"/>
      <c r="I140" s="2130"/>
      <c r="J140" s="2130"/>
      <c r="K140" s="2130"/>
      <c r="L140" s="2130"/>
      <c r="M140" s="2467"/>
      <c r="N140" s="2188"/>
      <c r="O140" s="2189"/>
      <c r="P140" s="2189"/>
      <c r="Q140" s="2189"/>
      <c r="R140" s="2189"/>
      <c r="S140" s="2189"/>
      <c r="T140" s="2189"/>
      <c r="U140" s="2189"/>
      <c r="V140" s="2189"/>
      <c r="W140" s="2189"/>
      <c r="X140" s="2189"/>
      <c r="Y140" s="2189"/>
      <c r="Z140" s="2098"/>
      <c r="AA140" s="2099"/>
      <c r="AB140" s="363"/>
      <c r="AC140" s="363"/>
      <c r="AD140" s="363"/>
      <c r="AE140" s="363"/>
      <c r="AF140" s="363"/>
      <c r="AG140" s="363"/>
      <c r="AH140" s="363"/>
      <c r="AI140" s="363"/>
      <c r="AJ140" s="363"/>
      <c r="AK140" s="363"/>
      <c r="AL140" s="363"/>
      <c r="AM140" s="363"/>
      <c r="AN140" s="363"/>
      <c r="AO140" s="363"/>
      <c r="AP140" s="347"/>
      <c r="AQ140" s="347"/>
      <c r="AR140" s="347"/>
      <c r="AS140" s="347"/>
      <c r="AT140" s="348"/>
      <c r="AU140" s="348"/>
      <c r="AV140" s="348"/>
      <c r="AW140" s="348"/>
      <c r="AX140" s="348"/>
      <c r="AY140" s="348"/>
      <c r="AZ140" s="348"/>
      <c r="BA140" s="348"/>
      <c r="BB140" s="347"/>
      <c r="BC140" s="347"/>
      <c r="BD140" s="347"/>
      <c r="BE140" s="403"/>
      <c r="BF140" s="403"/>
      <c r="BG140" s="403"/>
      <c r="BH140" s="403"/>
      <c r="BI140" s="403"/>
      <c r="BJ140" s="403"/>
      <c r="BK140" s="403"/>
      <c r="BL140" s="403"/>
      <c r="BM140" s="403"/>
    </row>
    <row r="141" spans="1:65" s="345" customFormat="1" ht="5.25" customHeight="1">
      <c r="A141" s="407"/>
      <c r="B141" s="407"/>
      <c r="D141" s="2466"/>
      <c r="E141" s="2130"/>
      <c r="F141" s="2130"/>
      <c r="G141" s="2130"/>
      <c r="H141" s="2130"/>
      <c r="I141" s="2130"/>
      <c r="J141" s="2130"/>
      <c r="K141" s="2130"/>
      <c r="L141" s="2130"/>
      <c r="M141" s="2467"/>
      <c r="N141" s="2188"/>
      <c r="O141" s="2189"/>
      <c r="P141" s="2189"/>
      <c r="Q141" s="2189"/>
      <c r="R141" s="2189"/>
      <c r="S141" s="2189"/>
      <c r="T141" s="2189"/>
      <c r="U141" s="2189"/>
      <c r="V141" s="2189"/>
      <c r="W141" s="2189"/>
      <c r="X141" s="2189"/>
      <c r="Y141" s="2189"/>
      <c r="Z141" s="2098"/>
      <c r="AA141" s="2099"/>
      <c r="AB141" s="363"/>
      <c r="AC141" s="2217" t="s">
        <v>314</v>
      </c>
      <c r="AD141" s="2217"/>
      <c r="AE141" s="2217"/>
      <c r="AF141" s="2217"/>
      <c r="AG141" s="2217"/>
      <c r="AH141" s="2217"/>
      <c r="AI141" s="2217"/>
      <c r="AJ141" s="2217"/>
      <c r="AK141" s="2217"/>
      <c r="AL141" s="2217"/>
      <c r="AM141" s="2217"/>
      <c r="AN141" s="2217"/>
      <c r="AO141" s="2217"/>
      <c r="AP141" s="2217"/>
      <c r="AQ141" s="2217"/>
      <c r="AR141" s="2217"/>
      <c r="AS141" s="2217"/>
      <c r="AT141" s="2217"/>
      <c r="AU141" s="2217"/>
      <c r="AV141" s="2217"/>
      <c r="AW141" s="2217"/>
      <c r="AX141" s="2217"/>
      <c r="AY141" s="2217"/>
      <c r="AZ141" s="2217"/>
      <c r="BA141" s="2217"/>
      <c r="BB141" s="2217"/>
      <c r="BC141" s="2217"/>
      <c r="BD141" s="2217"/>
      <c r="BE141" s="2217"/>
      <c r="BF141" s="2217"/>
      <c r="BG141" s="2217"/>
      <c r="BH141" s="2217"/>
      <c r="BI141" s="2217"/>
      <c r="BJ141" s="2217"/>
      <c r="BK141" s="2217"/>
      <c r="BL141" s="2217"/>
      <c r="BM141" s="2217"/>
    </row>
    <row r="142" spans="1:65" s="345" customFormat="1" ht="5.25" customHeight="1">
      <c r="A142" s="407"/>
      <c r="B142" s="407"/>
      <c r="D142" s="2468"/>
      <c r="E142" s="2133"/>
      <c r="F142" s="2133"/>
      <c r="G142" s="2133"/>
      <c r="H142" s="2133"/>
      <c r="I142" s="2133"/>
      <c r="J142" s="2133"/>
      <c r="K142" s="2133"/>
      <c r="L142" s="2133"/>
      <c r="M142" s="2469"/>
      <c r="N142" s="2190"/>
      <c r="O142" s="2191"/>
      <c r="P142" s="2191"/>
      <c r="Q142" s="2191"/>
      <c r="R142" s="2191"/>
      <c r="S142" s="2191"/>
      <c r="T142" s="2191"/>
      <c r="U142" s="2191"/>
      <c r="V142" s="2191"/>
      <c r="W142" s="2191"/>
      <c r="X142" s="2191"/>
      <c r="Y142" s="2191"/>
      <c r="Z142" s="2182"/>
      <c r="AA142" s="2183"/>
      <c r="AB142" s="363"/>
      <c r="AC142" s="2217"/>
      <c r="AD142" s="2217"/>
      <c r="AE142" s="2217"/>
      <c r="AF142" s="2217"/>
      <c r="AG142" s="2217"/>
      <c r="AH142" s="2217"/>
      <c r="AI142" s="2217"/>
      <c r="AJ142" s="2217"/>
      <c r="AK142" s="2217"/>
      <c r="AL142" s="2217"/>
      <c r="AM142" s="2217"/>
      <c r="AN142" s="2217"/>
      <c r="AO142" s="2217"/>
      <c r="AP142" s="2217"/>
      <c r="AQ142" s="2217"/>
      <c r="AR142" s="2217"/>
      <c r="AS142" s="2217"/>
      <c r="AT142" s="2217"/>
      <c r="AU142" s="2217"/>
      <c r="AV142" s="2217"/>
      <c r="AW142" s="2217"/>
      <c r="AX142" s="2217"/>
      <c r="AY142" s="2217"/>
      <c r="AZ142" s="2217"/>
      <c r="BA142" s="2217"/>
      <c r="BB142" s="2217"/>
      <c r="BC142" s="2217"/>
      <c r="BD142" s="2217"/>
      <c r="BE142" s="2217"/>
      <c r="BF142" s="2217"/>
      <c r="BG142" s="2217"/>
      <c r="BH142" s="2217"/>
      <c r="BI142" s="2217"/>
      <c r="BJ142" s="2217"/>
      <c r="BK142" s="2217"/>
      <c r="BL142" s="2217"/>
      <c r="BM142" s="2217"/>
    </row>
    <row r="143" spans="1:65" s="345" customFormat="1" ht="5.25" customHeight="1" thickBot="1">
      <c r="A143" s="407"/>
      <c r="B143" s="407"/>
      <c r="D143" s="2117" t="s">
        <v>385</v>
      </c>
      <c r="E143" s="2118"/>
      <c r="F143" s="2118"/>
      <c r="G143" s="2118"/>
      <c r="H143" s="2118"/>
      <c r="I143" s="2118"/>
      <c r="J143" s="2118"/>
      <c r="K143" s="2118"/>
      <c r="L143" s="2118"/>
      <c r="M143" s="2119"/>
      <c r="N143" s="2192"/>
      <c r="O143" s="2193"/>
      <c r="P143" s="2193"/>
      <c r="Q143" s="2193"/>
      <c r="R143" s="2193"/>
      <c r="S143" s="2193"/>
      <c r="T143" s="2193"/>
      <c r="U143" s="2193"/>
      <c r="V143" s="2193"/>
      <c r="W143" s="2193"/>
      <c r="X143" s="2193"/>
      <c r="Y143" s="2193"/>
      <c r="Z143" s="2184" t="s">
        <v>294</v>
      </c>
      <c r="AA143" s="2185"/>
      <c r="AB143" s="363"/>
      <c r="AC143" s="2218"/>
      <c r="AD143" s="2218"/>
      <c r="AE143" s="2218"/>
      <c r="AF143" s="2218"/>
      <c r="AG143" s="2218"/>
      <c r="AH143" s="2218"/>
      <c r="AI143" s="2218"/>
      <c r="AJ143" s="2218"/>
      <c r="AK143" s="2218"/>
      <c r="AL143" s="2218"/>
      <c r="AM143" s="2218"/>
      <c r="AN143" s="2218"/>
      <c r="AO143" s="2218"/>
      <c r="AP143" s="2218"/>
      <c r="AQ143" s="2218"/>
      <c r="AR143" s="2218"/>
      <c r="AS143" s="2218"/>
      <c r="AT143" s="2218"/>
      <c r="AU143" s="2218"/>
      <c r="AV143" s="2218"/>
      <c r="AW143" s="2218"/>
      <c r="AX143" s="2218"/>
      <c r="AY143" s="2218"/>
      <c r="AZ143" s="2218"/>
      <c r="BA143" s="2218"/>
      <c r="BB143" s="2218"/>
      <c r="BC143" s="2218"/>
      <c r="BD143" s="2218"/>
      <c r="BE143" s="2218"/>
      <c r="BF143" s="2218"/>
      <c r="BG143" s="2218"/>
      <c r="BH143" s="2218"/>
      <c r="BI143" s="2218"/>
      <c r="BJ143" s="2218"/>
      <c r="BK143" s="2218"/>
      <c r="BL143" s="2218"/>
      <c r="BM143" s="2218"/>
    </row>
    <row r="144" spans="1:65" s="345" customFormat="1" ht="5.25" customHeight="1">
      <c r="A144" s="407"/>
      <c r="B144" s="407"/>
      <c r="D144" s="2120"/>
      <c r="E144" s="2121"/>
      <c r="F144" s="2121"/>
      <c r="G144" s="2121"/>
      <c r="H144" s="2121"/>
      <c r="I144" s="2121"/>
      <c r="J144" s="2121"/>
      <c r="K144" s="2121"/>
      <c r="L144" s="2121"/>
      <c r="M144" s="2122"/>
      <c r="N144" s="2188"/>
      <c r="O144" s="2189"/>
      <c r="P144" s="2189"/>
      <c r="Q144" s="2189"/>
      <c r="R144" s="2189"/>
      <c r="S144" s="2189"/>
      <c r="T144" s="2189"/>
      <c r="U144" s="2189"/>
      <c r="V144" s="2189"/>
      <c r="W144" s="2189"/>
      <c r="X144" s="2189"/>
      <c r="Y144" s="2189"/>
      <c r="Z144" s="2098"/>
      <c r="AA144" s="2099"/>
      <c r="AB144" s="347"/>
      <c r="AC144" s="2197"/>
      <c r="AD144" s="2080"/>
      <c r="AE144" s="2078" t="s">
        <v>426</v>
      </c>
      <c r="AF144" s="2200"/>
      <c r="AG144" s="2200"/>
      <c r="AH144" s="2200"/>
      <c r="AI144" s="2200"/>
      <c r="AJ144" s="2200"/>
      <c r="AK144" s="2200"/>
      <c r="AL144" s="2200"/>
      <c r="AM144" s="2200"/>
      <c r="AN144" s="2200"/>
      <c r="AO144" s="2200"/>
      <c r="AP144" s="2201"/>
      <c r="AQ144" s="2486" t="s">
        <v>427</v>
      </c>
      <c r="AR144" s="2487"/>
      <c r="AS144" s="2487"/>
      <c r="AT144" s="2487"/>
      <c r="AU144" s="2487"/>
      <c r="AV144" s="2487"/>
      <c r="AW144" s="2487"/>
      <c r="AX144" s="2487"/>
      <c r="AY144" s="2487"/>
      <c r="AZ144" s="2487"/>
      <c r="BA144" s="2487"/>
      <c r="BB144" s="2487"/>
      <c r="BC144" s="2487"/>
      <c r="BD144" s="2487"/>
      <c r="BE144" s="2487"/>
      <c r="BF144" s="2487"/>
      <c r="BG144" s="2487"/>
      <c r="BH144" s="2487"/>
      <c r="BI144" s="2487"/>
      <c r="BJ144" s="2487"/>
      <c r="BK144" s="2487"/>
      <c r="BL144" s="2487"/>
      <c r="BM144" s="2488"/>
    </row>
    <row r="145" spans="1:65" s="345" customFormat="1" ht="5.25" customHeight="1">
      <c r="A145" s="407"/>
      <c r="B145" s="407"/>
      <c r="D145" s="2120"/>
      <c r="E145" s="2121"/>
      <c r="F145" s="2121"/>
      <c r="G145" s="2121"/>
      <c r="H145" s="2121"/>
      <c r="I145" s="2121"/>
      <c r="J145" s="2121"/>
      <c r="K145" s="2121"/>
      <c r="L145" s="2121"/>
      <c r="M145" s="2122"/>
      <c r="N145" s="2188"/>
      <c r="O145" s="2189"/>
      <c r="P145" s="2189"/>
      <c r="Q145" s="2189"/>
      <c r="R145" s="2189"/>
      <c r="S145" s="2189"/>
      <c r="T145" s="2189"/>
      <c r="U145" s="2189"/>
      <c r="V145" s="2189"/>
      <c r="W145" s="2189"/>
      <c r="X145" s="2189"/>
      <c r="Y145" s="2189"/>
      <c r="Z145" s="2098"/>
      <c r="AA145" s="2099"/>
      <c r="AB145" s="347"/>
      <c r="AC145" s="2198"/>
      <c r="AD145" s="2083"/>
      <c r="AE145" s="2202"/>
      <c r="AF145" s="2203"/>
      <c r="AG145" s="2203"/>
      <c r="AH145" s="2203"/>
      <c r="AI145" s="2203"/>
      <c r="AJ145" s="2203"/>
      <c r="AK145" s="2203"/>
      <c r="AL145" s="2203"/>
      <c r="AM145" s="2203"/>
      <c r="AN145" s="2203"/>
      <c r="AO145" s="2203"/>
      <c r="AP145" s="2204"/>
      <c r="AQ145" s="2489"/>
      <c r="AR145" s="2490"/>
      <c r="AS145" s="2490"/>
      <c r="AT145" s="2490"/>
      <c r="AU145" s="2490"/>
      <c r="AV145" s="2490"/>
      <c r="AW145" s="2490"/>
      <c r="AX145" s="2490"/>
      <c r="AY145" s="2490"/>
      <c r="AZ145" s="2490"/>
      <c r="BA145" s="2490"/>
      <c r="BB145" s="2490"/>
      <c r="BC145" s="2490"/>
      <c r="BD145" s="2490"/>
      <c r="BE145" s="2490"/>
      <c r="BF145" s="2490"/>
      <c r="BG145" s="2490"/>
      <c r="BH145" s="2490"/>
      <c r="BI145" s="2490"/>
      <c r="BJ145" s="2490"/>
      <c r="BK145" s="2490"/>
      <c r="BL145" s="2490"/>
      <c r="BM145" s="2491"/>
    </row>
    <row r="146" spans="1:65" s="345" customFormat="1" ht="5.25" customHeight="1">
      <c r="A146" s="407"/>
      <c r="B146" s="407"/>
      <c r="D146" s="2120"/>
      <c r="E146" s="2121"/>
      <c r="F146" s="2121"/>
      <c r="G146" s="2121"/>
      <c r="H146" s="2121"/>
      <c r="I146" s="2121"/>
      <c r="J146" s="2121"/>
      <c r="K146" s="2121"/>
      <c r="L146" s="2121"/>
      <c r="M146" s="2122"/>
      <c r="N146" s="2188"/>
      <c r="O146" s="2189"/>
      <c r="P146" s="2189"/>
      <c r="Q146" s="2189"/>
      <c r="R146" s="2189"/>
      <c r="S146" s="2189"/>
      <c r="T146" s="2189"/>
      <c r="U146" s="2189"/>
      <c r="V146" s="2189"/>
      <c r="W146" s="2189"/>
      <c r="X146" s="2189"/>
      <c r="Y146" s="2189"/>
      <c r="Z146" s="2098"/>
      <c r="AA146" s="2099"/>
      <c r="AB146" s="347"/>
      <c r="AC146" s="2198"/>
      <c r="AD146" s="2083"/>
      <c r="AE146" s="2202"/>
      <c r="AF146" s="2203"/>
      <c r="AG146" s="2203"/>
      <c r="AH146" s="2203"/>
      <c r="AI146" s="2203"/>
      <c r="AJ146" s="2203"/>
      <c r="AK146" s="2203"/>
      <c r="AL146" s="2203"/>
      <c r="AM146" s="2203"/>
      <c r="AN146" s="2203"/>
      <c r="AO146" s="2203"/>
      <c r="AP146" s="2204"/>
      <c r="AQ146" s="2489"/>
      <c r="AR146" s="2490"/>
      <c r="AS146" s="2490"/>
      <c r="AT146" s="2490"/>
      <c r="AU146" s="2490"/>
      <c r="AV146" s="2490"/>
      <c r="AW146" s="2490"/>
      <c r="AX146" s="2490"/>
      <c r="AY146" s="2490"/>
      <c r="AZ146" s="2490"/>
      <c r="BA146" s="2490"/>
      <c r="BB146" s="2490"/>
      <c r="BC146" s="2490"/>
      <c r="BD146" s="2490"/>
      <c r="BE146" s="2490"/>
      <c r="BF146" s="2490"/>
      <c r="BG146" s="2490"/>
      <c r="BH146" s="2490"/>
      <c r="BI146" s="2490"/>
      <c r="BJ146" s="2490"/>
      <c r="BK146" s="2490"/>
      <c r="BL146" s="2490"/>
      <c r="BM146" s="2491"/>
    </row>
    <row r="147" spans="1:65" ht="5.25" customHeight="1">
      <c r="A147" s="407"/>
      <c r="B147" s="407"/>
      <c r="C147" s="343"/>
      <c r="D147" s="2123"/>
      <c r="E147" s="2124"/>
      <c r="F147" s="2124"/>
      <c r="G147" s="2124"/>
      <c r="H147" s="2124"/>
      <c r="I147" s="2124"/>
      <c r="J147" s="2124"/>
      <c r="K147" s="2124"/>
      <c r="L147" s="2124"/>
      <c r="M147" s="2125"/>
      <c r="N147" s="2190"/>
      <c r="O147" s="2191"/>
      <c r="P147" s="2191"/>
      <c r="Q147" s="2191"/>
      <c r="R147" s="2191"/>
      <c r="S147" s="2191"/>
      <c r="T147" s="2191"/>
      <c r="U147" s="2191"/>
      <c r="V147" s="2191"/>
      <c r="W147" s="2191"/>
      <c r="X147" s="2191"/>
      <c r="Y147" s="2191"/>
      <c r="Z147" s="2182"/>
      <c r="AA147" s="2183"/>
      <c r="AC147" s="2198"/>
      <c r="AD147" s="2083"/>
      <c r="AE147" s="2202"/>
      <c r="AF147" s="2203"/>
      <c r="AG147" s="2203"/>
      <c r="AH147" s="2203"/>
      <c r="AI147" s="2203"/>
      <c r="AJ147" s="2203"/>
      <c r="AK147" s="2203"/>
      <c r="AL147" s="2203"/>
      <c r="AM147" s="2203"/>
      <c r="AN147" s="2203"/>
      <c r="AO147" s="2203"/>
      <c r="AP147" s="2204"/>
      <c r="AQ147" s="2489"/>
      <c r="AR147" s="2490"/>
      <c r="AS147" s="2490"/>
      <c r="AT147" s="2490"/>
      <c r="AU147" s="2490"/>
      <c r="AV147" s="2490"/>
      <c r="AW147" s="2490"/>
      <c r="AX147" s="2490"/>
      <c r="AY147" s="2490"/>
      <c r="AZ147" s="2490"/>
      <c r="BA147" s="2490"/>
      <c r="BB147" s="2490"/>
      <c r="BC147" s="2490"/>
      <c r="BD147" s="2490"/>
      <c r="BE147" s="2490"/>
      <c r="BF147" s="2490"/>
      <c r="BG147" s="2490"/>
      <c r="BH147" s="2490"/>
      <c r="BI147" s="2490"/>
      <c r="BJ147" s="2490"/>
      <c r="BK147" s="2490"/>
      <c r="BL147" s="2490"/>
      <c r="BM147" s="2491"/>
    </row>
    <row r="148" spans="1:65" s="345" customFormat="1" ht="5.25" customHeight="1">
      <c r="A148" s="407"/>
      <c r="B148" s="407"/>
      <c r="D148" s="2117" t="s">
        <v>319</v>
      </c>
      <c r="E148" s="2118"/>
      <c r="F148" s="2118"/>
      <c r="G148" s="2118"/>
      <c r="H148" s="2118"/>
      <c r="I148" s="2118"/>
      <c r="J148" s="2119"/>
      <c r="K148" s="2208" t="s">
        <v>321</v>
      </c>
      <c r="L148" s="2209"/>
      <c r="M148" s="2209"/>
      <c r="N148" s="2209"/>
      <c r="O148" s="2210"/>
      <c r="P148" s="2208" t="s">
        <v>322</v>
      </c>
      <c r="Q148" s="2209"/>
      <c r="R148" s="2209"/>
      <c r="S148" s="2209"/>
      <c r="T148" s="2209"/>
      <c r="U148" s="2209"/>
      <c r="V148" s="2209"/>
      <c r="W148" s="2209"/>
      <c r="X148" s="2209"/>
      <c r="Y148" s="2209"/>
      <c r="Z148" s="2184" t="s">
        <v>294</v>
      </c>
      <c r="AA148" s="2185"/>
      <c r="AC148" s="2199"/>
      <c r="AD148" s="2086"/>
      <c r="AE148" s="2205"/>
      <c r="AF148" s="2206"/>
      <c r="AG148" s="2206"/>
      <c r="AH148" s="2206"/>
      <c r="AI148" s="2206"/>
      <c r="AJ148" s="2206"/>
      <c r="AK148" s="2206"/>
      <c r="AL148" s="2206"/>
      <c r="AM148" s="2206"/>
      <c r="AN148" s="2206"/>
      <c r="AO148" s="2206"/>
      <c r="AP148" s="2207"/>
      <c r="AQ148" s="2484"/>
      <c r="AR148" s="2492"/>
      <c r="AS148" s="2492"/>
      <c r="AT148" s="2492"/>
      <c r="AU148" s="2492"/>
      <c r="AV148" s="2492"/>
      <c r="AW148" s="2492"/>
      <c r="AX148" s="2492"/>
      <c r="AY148" s="2492"/>
      <c r="AZ148" s="2492"/>
      <c r="BA148" s="2492"/>
      <c r="BB148" s="2492"/>
      <c r="BC148" s="2492"/>
      <c r="BD148" s="2492"/>
      <c r="BE148" s="2492"/>
      <c r="BF148" s="2492"/>
      <c r="BG148" s="2492"/>
      <c r="BH148" s="2492"/>
      <c r="BI148" s="2492"/>
      <c r="BJ148" s="2492"/>
      <c r="BK148" s="2492"/>
      <c r="BL148" s="2492"/>
      <c r="BM148" s="2493"/>
    </row>
    <row r="149" spans="1:65" s="345" customFormat="1" ht="5.25" customHeight="1">
      <c r="A149" s="407"/>
      <c r="B149" s="407"/>
      <c r="D149" s="2120"/>
      <c r="E149" s="2121"/>
      <c r="F149" s="2121"/>
      <c r="G149" s="2121"/>
      <c r="H149" s="2121"/>
      <c r="I149" s="2121"/>
      <c r="J149" s="2122"/>
      <c r="K149" s="2211"/>
      <c r="L149" s="2212"/>
      <c r="M149" s="2212"/>
      <c r="N149" s="2212"/>
      <c r="O149" s="2213"/>
      <c r="P149" s="2211"/>
      <c r="Q149" s="2212"/>
      <c r="R149" s="2212"/>
      <c r="S149" s="2212"/>
      <c r="T149" s="2212"/>
      <c r="U149" s="2212"/>
      <c r="V149" s="2212"/>
      <c r="W149" s="2212"/>
      <c r="X149" s="2212"/>
      <c r="Y149" s="2212"/>
      <c r="Z149" s="2098"/>
      <c r="AA149" s="2099"/>
      <c r="AC149" s="2056">
        <v>1</v>
      </c>
      <c r="AD149" s="2057"/>
      <c r="AE149" s="2143"/>
      <c r="AF149" s="2144"/>
      <c r="AG149" s="2144"/>
      <c r="AH149" s="2144"/>
      <c r="AI149" s="2144"/>
      <c r="AJ149" s="2144"/>
      <c r="AK149" s="2144"/>
      <c r="AL149" s="2144"/>
      <c r="AM149" s="2144"/>
      <c r="AN149" s="2144"/>
      <c r="AO149" s="2144"/>
      <c r="AP149" s="2145"/>
      <c r="AQ149" s="2108"/>
      <c r="AR149" s="2109"/>
      <c r="AS149" s="2109"/>
      <c r="AT149" s="2109"/>
      <c r="AU149" s="2109"/>
      <c r="AV149" s="2109"/>
      <c r="AW149" s="2109"/>
      <c r="AX149" s="2109"/>
      <c r="AY149" s="2109"/>
      <c r="AZ149" s="2109"/>
      <c r="BA149" s="2109"/>
      <c r="BB149" s="2109"/>
      <c r="BC149" s="2109"/>
      <c r="BD149" s="2109"/>
      <c r="BE149" s="2109"/>
      <c r="BF149" s="2109"/>
      <c r="BG149" s="2109"/>
      <c r="BH149" s="2109"/>
      <c r="BI149" s="2109"/>
      <c r="BJ149" s="2109"/>
      <c r="BK149" s="2109"/>
      <c r="BL149" s="2109"/>
      <c r="BM149" s="2110"/>
    </row>
    <row r="150" spans="1:65" s="345" customFormat="1" ht="5.25" customHeight="1">
      <c r="A150" s="407"/>
      <c r="B150" s="407"/>
      <c r="D150" s="2120"/>
      <c r="E150" s="2121"/>
      <c r="F150" s="2121"/>
      <c r="G150" s="2121"/>
      <c r="H150" s="2121"/>
      <c r="I150" s="2121"/>
      <c r="J150" s="2122"/>
      <c r="K150" s="2211"/>
      <c r="L150" s="2212"/>
      <c r="M150" s="2212"/>
      <c r="N150" s="2212"/>
      <c r="O150" s="2213"/>
      <c r="P150" s="2211"/>
      <c r="Q150" s="2212"/>
      <c r="R150" s="2212"/>
      <c r="S150" s="2212"/>
      <c r="T150" s="2212"/>
      <c r="U150" s="2212"/>
      <c r="V150" s="2212"/>
      <c r="W150" s="2212"/>
      <c r="X150" s="2212"/>
      <c r="Y150" s="2212"/>
      <c r="Z150" s="2098"/>
      <c r="AA150" s="2099"/>
      <c r="AC150" s="2058"/>
      <c r="AD150" s="2059"/>
      <c r="AE150" s="2146"/>
      <c r="AF150" s="2147"/>
      <c r="AG150" s="2147"/>
      <c r="AH150" s="2147"/>
      <c r="AI150" s="2147"/>
      <c r="AJ150" s="2147"/>
      <c r="AK150" s="2147"/>
      <c r="AL150" s="2147"/>
      <c r="AM150" s="2147"/>
      <c r="AN150" s="2147"/>
      <c r="AO150" s="2147"/>
      <c r="AP150" s="2148"/>
      <c r="AQ150" s="2111"/>
      <c r="AR150" s="2112"/>
      <c r="AS150" s="2112"/>
      <c r="AT150" s="2112"/>
      <c r="AU150" s="2112"/>
      <c r="AV150" s="2112"/>
      <c r="AW150" s="2112"/>
      <c r="AX150" s="2112"/>
      <c r="AY150" s="2112"/>
      <c r="AZ150" s="2112"/>
      <c r="BA150" s="2112"/>
      <c r="BB150" s="2112"/>
      <c r="BC150" s="2112"/>
      <c r="BD150" s="2112"/>
      <c r="BE150" s="2112"/>
      <c r="BF150" s="2112"/>
      <c r="BG150" s="2112"/>
      <c r="BH150" s="2112"/>
      <c r="BI150" s="2112"/>
      <c r="BJ150" s="2112"/>
      <c r="BK150" s="2112"/>
      <c r="BL150" s="2112"/>
      <c r="BM150" s="2113"/>
    </row>
    <row r="151" spans="1:65" s="345" customFormat="1" ht="5.25" customHeight="1">
      <c r="A151" s="407"/>
      <c r="B151" s="407"/>
      <c r="D151" s="2120"/>
      <c r="E151" s="2121"/>
      <c r="F151" s="2121"/>
      <c r="G151" s="2121"/>
      <c r="H151" s="2121"/>
      <c r="I151" s="2121"/>
      <c r="J151" s="2122"/>
      <c r="K151" s="2211"/>
      <c r="L151" s="2212"/>
      <c r="M151" s="2212"/>
      <c r="N151" s="2212"/>
      <c r="O151" s="2213"/>
      <c r="P151" s="2211"/>
      <c r="Q151" s="2212"/>
      <c r="R151" s="2212"/>
      <c r="S151" s="2212"/>
      <c r="T151" s="2212"/>
      <c r="U151" s="2212"/>
      <c r="V151" s="2212"/>
      <c r="W151" s="2212"/>
      <c r="X151" s="2212"/>
      <c r="Y151" s="2212"/>
      <c r="Z151" s="2098"/>
      <c r="AA151" s="2099"/>
      <c r="AC151" s="2058"/>
      <c r="AD151" s="2059"/>
      <c r="AE151" s="2149"/>
      <c r="AF151" s="2150"/>
      <c r="AG151" s="2150"/>
      <c r="AH151" s="2150"/>
      <c r="AI151" s="2150"/>
      <c r="AJ151" s="2150"/>
      <c r="AK151" s="2150"/>
      <c r="AL151" s="2150"/>
      <c r="AM151" s="2150"/>
      <c r="AN151" s="2150"/>
      <c r="AO151" s="2150"/>
      <c r="AP151" s="2151"/>
      <c r="AQ151" s="2111"/>
      <c r="AR151" s="2112"/>
      <c r="AS151" s="2112"/>
      <c r="AT151" s="2112"/>
      <c r="AU151" s="2112"/>
      <c r="AV151" s="2112"/>
      <c r="AW151" s="2112"/>
      <c r="AX151" s="2112"/>
      <c r="AY151" s="2112"/>
      <c r="AZ151" s="2112"/>
      <c r="BA151" s="2112"/>
      <c r="BB151" s="2112"/>
      <c r="BC151" s="2112"/>
      <c r="BD151" s="2112"/>
      <c r="BE151" s="2112"/>
      <c r="BF151" s="2112"/>
      <c r="BG151" s="2112"/>
      <c r="BH151" s="2112"/>
      <c r="BI151" s="2112"/>
      <c r="BJ151" s="2112"/>
      <c r="BK151" s="2112"/>
      <c r="BL151" s="2112"/>
      <c r="BM151" s="2113"/>
    </row>
    <row r="152" spans="1:65" s="345" customFormat="1" ht="5.25" customHeight="1">
      <c r="A152" s="407"/>
      <c r="B152" s="407"/>
      <c r="D152" s="2123"/>
      <c r="E152" s="2124"/>
      <c r="F152" s="2124"/>
      <c r="G152" s="2124"/>
      <c r="H152" s="2124"/>
      <c r="I152" s="2124"/>
      <c r="J152" s="2125"/>
      <c r="K152" s="2214"/>
      <c r="L152" s="2215"/>
      <c r="M152" s="2215"/>
      <c r="N152" s="2215"/>
      <c r="O152" s="2216"/>
      <c r="P152" s="2214"/>
      <c r="Q152" s="2215"/>
      <c r="R152" s="2215"/>
      <c r="S152" s="2215"/>
      <c r="T152" s="2215"/>
      <c r="U152" s="2215"/>
      <c r="V152" s="2215"/>
      <c r="W152" s="2215"/>
      <c r="X152" s="2215"/>
      <c r="Y152" s="2215"/>
      <c r="Z152" s="2182"/>
      <c r="AA152" s="2183"/>
      <c r="AC152" s="2058"/>
      <c r="AD152" s="2059"/>
      <c r="AE152" s="2152"/>
      <c r="AF152" s="2153"/>
      <c r="AG152" s="2153"/>
      <c r="AH152" s="2153"/>
      <c r="AI152" s="2153"/>
      <c r="AJ152" s="2153"/>
      <c r="AK152" s="2153"/>
      <c r="AL152" s="2153"/>
      <c r="AM152" s="2153"/>
      <c r="AN152" s="2153"/>
      <c r="AO152" s="2153"/>
      <c r="AP152" s="2154"/>
      <c r="AQ152" s="2111"/>
      <c r="AR152" s="2112"/>
      <c r="AS152" s="2112"/>
      <c r="AT152" s="2112"/>
      <c r="AU152" s="2112"/>
      <c r="AV152" s="2112"/>
      <c r="AW152" s="2112"/>
      <c r="AX152" s="2112"/>
      <c r="AY152" s="2112"/>
      <c r="AZ152" s="2112"/>
      <c r="BA152" s="2112"/>
      <c r="BB152" s="2112"/>
      <c r="BC152" s="2112"/>
      <c r="BD152" s="2112"/>
      <c r="BE152" s="2112"/>
      <c r="BF152" s="2112"/>
      <c r="BG152" s="2112"/>
      <c r="BH152" s="2112"/>
      <c r="BI152" s="2112"/>
      <c r="BJ152" s="2112"/>
      <c r="BK152" s="2112"/>
      <c r="BL152" s="2112"/>
      <c r="BM152" s="2113"/>
    </row>
    <row r="153" spans="1:65" s="345" customFormat="1" ht="5.25" customHeight="1">
      <c r="A153" s="407"/>
      <c r="B153" s="407"/>
      <c r="D153" s="2117" t="s">
        <v>323</v>
      </c>
      <c r="E153" s="2118"/>
      <c r="F153" s="2118"/>
      <c r="G153" s="2118"/>
      <c r="H153" s="2118"/>
      <c r="I153" s="2118"/>
      <c r="J153" s="2119"/>
      <c r="K153" s="2126" t="s">
        <v>332</v>
      </c>
      <c r="L153" s="2127"/>
      <c r="M153" s="2127"/>
      <c r="N153" s="2127"/>
      <c r="O153" s="2127"/>
      <c r="P153" s="2127"/>
      <c r="Q153" s="2127"/>
      <c r="R153" s="2127"/>
      <c r="S153" s="2127"/>
      <c r="T153" s="2127"/>
      <c r="U153" s="2127"/>
      <c r="V153" s="2127"/>
      <c r="W153" s="2127"/>
      <c r="X153" s="2127"/>
      <c r="Y153" s="2127"/>
      <c r="Z153" s="2127"/>
      <c r="AA153" s="2128"/>
      <c r="AC153" s="2058"/>
      <c r="AD153" s="2059"/>
      <c r="AE153" s="2152"/>
      <c r="AF153" s="2153"/>
      <c r="AG153" s="2153"/>
      <c r="AH153" s="2153"/>
      <c r="AI153" s="2153"/>
      <c r="AJ153" s="2153"/>
      <c r="AK153" s="2153"/>
      <c r="AL153" s="2153"/>
      <c r="AM153" s="2153"/>
      <c r="AN153" s="2153"/>
      <c r="AO153" s="2153"/>
      <c r="AP153" s="2154"/>
      <c r="AQ153" s="2111"/>
      <c r="AR153" s="2112"/>
      <c r="AS153" s="2112"/>
      <c r="AT153" s="2112"/>
      <c r="AU153" s="2112"/>
      <c r="AV153" s="2112"/>
      <c r="AW153" s="2112"/>
      <c r="AX153" s="2112"/>
      <c r="AY153" s="2112"/>
      <c r="AZ153" s="2112"/>
      <c r="BA153" s="2112"/>
      <c r="BB153" s="2112"/>
      <c r="BC153" s="2112"/>
      <c r="BD153" s="2112"/>
      <c r="BE153" s="2112"/>
      <c r="BF153" s="2112"/>
      <c r="BG153" s="2112"/>
      <c r="BH153" s="2112"/>
      <c r="BI153" s="2112"/>
      <c r="BJ153" s="2112"/>
      <c r="BK153" s="2112"/>
      <c r="BL153" s="2112"/>
      <c r="BM153" s="2113"/>
    </row>
    <row r="154" spans="1:65" s="345" customFormat="1" ht="5.25" customHeight="1">
      <c r="A154" s="407"/>
      <c r="B154" s="407"/>
      <c r="D154" s="2120"/>
      <c r="E154" s="2121"/>
      <c r="F154" s="2121"/>
      <c r="G154" s="2121"/>
      <c r="H154" s="2121"/>
      <c r="I154" s="2121"/>
      <c r="J154" s="2122"/>
      <c r="K154" s="2129"/>
      <c r="L154" s="2130"/>
      <c r="M154" s="2130"/>
      <c r="N154" s="2130"/>
      <c r="O154" s="2130"/>
      <c r="P154" s="2130"/>
      <c r="Q154" s="2130"/>
      <c r="R154" s="2130"/>
      <c r="S154" s="2130"/>
      <c r="T154" s="2130"/>
      <c r="U154" s="2130"/>
      <c r="V154" s="2130"/>
      <c r="W154" s="2130"/>
      <c r="X154" s="2130"/>
      <c r="Y154" s="2130"/>
      <c r="Z154" s="2130"/>
      <c r="AA154" s="2131"/>
      <c r="AC154" s="2058"/>
      <c r="AD154" s="2059"/>
      <c r="AE154" s="2152"/>
      <c r="AF154" s="2153"/>
      <c r="AG154" s="2153"/>
      <c r="AH154" s="2153"/>
      <c r="AI154" s="2153"/>
      <c r="AJ154" s="2153"/>
      <c r="AK154" s="2153"/>
      <c r="AL154" s="2153"/>
      <c r="AM154" s="2153"/>
      <c r="AN154" s="2153"/>
      <c r="AO154" s="2153"/>
      <c r="AP154" s="2154"/>
      <c r="AQ154" s="2111"/>
      <c r="AR154" s="2112"/>
      <c r="AS154" s="2112"/>
      <c r="AT154" s="2112"/>
      <c r="AU154" s="2112"/>
      <c r="AV154" s="2112"/>
      <c r="AW154" s="2112"/>
      <c r="AX154" s="2112"/>
      <c r="AY154" s="2112"/>
      <c r="AZ154" s="2112"/>
      <c r="BA154" s="2112"/>
      <c r="BB154" s="2112"/>
      <c r="BC154" s="2112"/>
      <c r="BD154" s="2112"/>
      <c r="BE154" s="2112"/>
      <c r="BF154" s="2112"/>
      <c r="BG154" s="2112"/>
      <c r="BH154" s="2112"/>
      <c r="BI154" s="2112"/>
      <c r="BJ154" s="2112"/>
      <c r="BK154" s="2112"/>
      <c r="BL154" s="2112"/>
      <c r="BM154" s="2113"/>
    </row>
    <row r="155" spans="1:65" s="345" customFormat="1" ht="5.25" customHeight="1">
      <c r="A155" s="407"/>
      <c r="B155" s="407"/>
      <c r="D155" s="2120"/>
      <c r="E155" s="2121"/>
      <c r="F155" s="2121"/>
      <c r="G155" s="2121"/>
      <c r="H155" s="2121"/>
      <c r="I155" s="2121"/>
      <c r="J155" s="2122"/>
      <c r="K155" s="2129"/>
      <c r="L155" s="2130"/>
      <c r="M155" s="2130"/>
      <c r="N155" s="2130"/>
      <c r="O155" s="2130"/>
      <c r="P155" s="2130"/>
      <c r="Q155" s="2130"/>
      <c r="R155" s="2130"/>
      <c r="S155" s="2130"/>
      <c r="T155" s="2130"/>
      <c r="U155" s="2130"/>
      <c r="V155" s="2130"/>
      <c r="W155" s="2130"/>
      <c r="X155" s="2130"/>
      <c r="Y155" s="2130"/>
      <c r="Z155" s="2130"/>
      <c r="AA155" s="2131"/>
      <c r="AC155" s="2141"/>
      <c r="AD155" s="2142"/>
      <c r="AE155" s="2155"/>
      <c r="AF155" s="2156"/>
      <c r="AG155" s="2156"/>
      <c r="AH155" s="2156"/>
      <c r="AI155" s="2156"/>
      <c r="AJ155" s="2156"/>
      <c r="AK155" s="2156"/>
      <c r="AL155" s="2156"/>
      <c r="AM155" s="2156"/>
      <c r="AN155" s="2156"/>
      <c r="AO155" s="2156"/>
      <c r="AP155" s="2157"/>
      <c r="AQ155" s="2161"/>
      <c r="AR155" s="2162"/>
      <c r="AS155" s="2162"/>
      <c r="AT155" s="2162"/>
      <c r="AU155" s="2162"/>
      <c r="AV155" s="2162"/>
      <c r="AW155" s="2162"/>
      <c r="AX155" s="2162"/>
      <c r="AY155" s="2162"/>
      <c r="AZ155" s="2162"/>
      <c r="BA155" s="2162"/>
      <c r="BB155" s="2162"/>
      <c r="BC155" s="2162"/>
      <c r="BD155" s="2162"/>
      <c r="BE155" s="2162"/>
      <c r="BF155" s="2162"/>
      <c r="BG155" s="2162"/>
      <c r="BH155" s="2162"/>
      <c r="BI155" s="2162"/>
      <c r="BJ155" s="2162"/>
      <c r="BK155" s="2162"/>
      <c r="BL155" s="2162"/>
      <c r="BM155" s="2163"/>
    </row>
    <row r="156" spans="1:65" s="345" customFormat="1" ht="5.25" customHeight="1">
      <c r="A156" s="407"/>
      <c r="B156" s="407"/>
      <c r="D156" s="2120"/>
      <c r="E156" s="2121"/>
      <c r="F156" s="2121"/>
      <c r="G156" s="2121"/>
      <c r="H156" s="2121"/>
      <c r="I156" s="2121"/>
      <c r="J156" s="2122"/>
      <c r="K156" s="2129"/>
      <c r="L156" s="2130"/>
      <c r="M156" s="2130"/>
      <c r="N156" s="2130"/>
      <c r="O156" s="2130"/>
      <c r="P156" s="2130"/>
      <c r="Q156" s="2130"/>
      <c r="R156" s="2130"/>
      <c r="S156" s="2130"/>
      <c r="T156" s="2130"/>
      <c r="U156" s="2130"/>
      <c r="V156" s="2130"/>
      <c r="W156" s="2130"/>
      <c r="X156" s="2130"/>
      <c r="Y156" s="2130"/>
      <c r="Z156" s="2130"/>
      <c r="AA156" s="2131"/>
      <c r="AC156" s="2056">
        <v>2</v>
      </c>
      <c r="AD156" s="2057"/>
      <c r="AE156" s="2143"/>
      <c r="AF156" s="2144"/>
      <c r="AG156" s="2144"/>
      <c r="AH156" s="2144"/>
      <c r="AI156" s="2144"/>
      <c r="AJ156" s="2144"/>
      <c r="AK156" s="2144"/>
      <c r="AL156" s="2144"/>
      <c r="AM156" s="2144"/>
      <c r="AN156" s="2144"/>
      <c r="AO156" s="2144"/>
      <c r="AP156" s="2145"/>
      <c r="AQ156" s="2108"/>
      <c r="AR156" s="2109"/>
      <c r="AS156" s="2109"/>
      <c r="AT156" s="2109"/>
      <c r="AU156" s="2109"/>
      <c r="AV156" s="2109"/>
      <c r="AW156" s="2109"/>
      <c r="AX156" s="2109"/>
      <c r="AY156" s="2109"/>
      <c r="AZ156" s="2109"/>
      <c r="BA156" s="2109"/>
      <c r="BB156" s="2109"/>
      <c r="BC156" s="2109"/>
      <c r="BD156" s="2109"/>
      <c r="BE156" s="2109"/>
      <c r="BF156" s="2109"/>
      <c r="BG156" s="2109"/>
      <c r="BH156" s="2109"/>
      <c r="BI156" s="2109"/>
      <c r="BJ156" s="2109"/>
      <c r="BK156" s="2109"/>
      <c r="BL156" s="2109"/>
      <c r="BM156" s="2110"/>
    </row>
    <row r="157" spans="1:65" s="345" customFormat="1" ht="5.25" customHeight="1">
      <c r="A157" s="407"/>
      <c r="B157" s="407"/>
      <c r="D157" s="2123"/>
      <c r="E157" s="2124"/>
      <c r="F157" s="2124"/>
      <c r="G157" s="2124"/>
      <c r="H157" s="2124"/>
      <c r="I157" s="2124"/>
      <c r="J157" s="2125"/>
      <c r="K157" s="2132"/>
      <c r="L157" s="2133"/>
      <c r="M157" s="2133"/>
      <c r="N157" s="2133"/>
      <c r="O157" s="2133"/>
      <c r="P157" s="2133"/>
      <c r="Q157" s="2133"/>
      <c r="R157" s="2133"/>
      <c r="S157" s="2133"/>
      <c r="T157" s="2133"/>
      <c r="U157" s="2133"/>
      <c r="V157" s="2133"/>
      <c r="W157" s="2133"/>
      <c r="X157" s="2133"/>
      <c r="Y157" s="2133"/>
      <c r="Z157" s="2133"/>
      <c r="AA157" s="2134"/>
      <c r="AC157" s="2058"/>
      <c r="AD157" s="2059"/>
      <c r="AE157" s="2146"/>
      <c r="AF157" s="2147"/>
      <c r="AG157" s="2147"/>
      <c r="AH157" s="2147"/>
      <c r="AI157" s="2147"/>
      <c r="AJ157" s="2147"/>
      <c r="AK157" s="2147"/>
      <c r="AL157" s="2147"/>
      <c r="AM157" s="2147"/>
      <c r="AN157" s="2147"/>
      <c r="AO157" s="2147"/>
      <c r="AP157" s="2148"/>
      <c r="AQ157" s="2111"/>
      <c r="AR157" s="2112"/>
      <c r="AS157" s="2112"/>
      <c r="AT157" s="2112"/>
      <c r="AU157" s="2112"/>
      <c r="AV157" s="2112"/>
      <c r="AW157" s="2112"/>
      <c r="AX157" s="2112"/>
      <c r="AY157" s="2112"/>
      <c r="AZ157" s="2112"/>
      <c r="BA157" s="2112"/>
      <c r="BB157" s="2112"/>
      <c r="BC157" s="2112"/>
      <c r="BD157" s="2112"/>
      <c r="BE157" s="2112"/>
      <c r="BF157" s="2112"/>
      <c r="BG157" s="2112"/>
      <c r="BH157" s="2112"/>
      <c r="BI157" s="2112"/>
      <c r="BJ157" s="2112"/>
      <c r="BK157" s="2112"/>
      <c r="BL157" s="2112"/>
      <c r="BM157" s="2113"/>
    </row>
    <row r="158" spans="1:65" s="345" customFormat="1" ht="5.25" customHeight="1">
      <c r="A158" s="407"/>
      <c r="B158" s="407"/>
      <c r="D158" s="2117" t="s">
        <v>320</v>
      </c>
      <c r="E158" s="2118"/>
      <c r="F158" s="2118"/>
      <c r="G158" s="2118"/>
      <c r="H158" s="2118"/>
      <c r="I158" s="2118"/>
      <c r="J158" s="2119"/>
      <c r="K158" s="2126"/>
      <c r="L158" s="2127"/>
      <c r="M158" s="2127"/>
      <c r="N158" s="2127"/>
      <c r="O158" s="2127"/>
      <c r="P158" s="2127"/>
      <c r="Q158" s="2127"/>
      <c r="R158" s="2127"/>
      <c r="S158" s="2127"/>
      <c r="T158" s="2127"/>
      <c r="U158" s="2127"/>
      <c r="V158" s="2127"/>
      <c r="W158" s="2127"/>
      <c r="X158" s="2127"/>
      <c r="Y158" s="2127"/>
      <c r="Z158" s="2127"/>
      <c r="AA158" s="2128"/>
      <c r="AC158" s="2058"/>
      <c r="AD158" s="2059"/>
      <c r="AE158" s="2149"/>
      <c r="AF158" s="2150"/>
      <c r="AG158" s="2150"/>
      <c r="AH158" s="2150"/>
      <c r="AI158" s="2150"/>
      <c r="AJ158" s="2150"/>
      <c r="AK158" s="2150"/>
      <c r="AL158" s="2150"/>
      <c r="AM158" s="2150"/>
      <c r="AN158" s="2150"/>
      <c r="AO158" s="2150"/>
      <c r="AP158" s="2151"/>
      <c r="AQ158" s="2111"/>
      <c r="AR158" s="2112"/>
      <c r="AS158" s="2112"/>
      <c r="AT158" s="2112"/>
      <c r="AU158" s="2112"/>
      <c r="AV158" s="2112"/>
      <c r="AW158" s="2112"/>
      <c r="AX158" s="2112"/>
      <c r="AY158" s="2112"/>
      <c r="AZ158" s="2112"/>
      <c r="BA158" s="2112"/>
      <c r="BB158" s="2112"/>
      <c r="BC158" s="2112"/>
      <c r="BD158" s="2112"/>
      <c r="BE158" s="2112"/>
      <c r="BF158" s="2112"/>
      <c r="BG158" s="2112"/>
      <c r="BH158" s="2112"/>
      <c r="BI158" s="2112"/>
      <c r="BJ158" s="2112"/>
      <c r="BK158" s="2112"/>
      <c r="BL158" s="2112"/>
      <c r="BM158" s="2113"/>
    </row>
    <row r="159" spans="1:65" s="345" customFormat="1" ht="5.25" customHeight="1">
      <c r="A159" s="407"/>
      <c r="B159" s="407"/>
      <c r="D159" s="2120"/>
      <c r="E159" s="2121"/>
      <c r="F159" s="2121"/>
      <c r="G159" s="2121"/>
      <c r="H159" s="2121"/>
      <c r="I159" s="2121"/>
      <c r="J159" s="2122"/>
      <c r="K159" s="2129"/>
      <c r="L159" s="2130"/>
      <c r="M159" s="2130"/>
      <c r="N159" s="2130"/>
      <c r="O159" s="2130"/>
      <c r="P159" s="2130"/>
      <c r="Q159" s="2130"/>
      <c r="R159" s="2130"/>
      <c r="S159" s="2130"/>
      <c r="T159" s="2130"/>
      <c r="U159" s="2130"/>
      <c r="V159" s="2130"/>
      <c r="W159" s="2130"/>
      <c r="X159" s="2130"/>
      <c r="Y159" s="2130"/>
      <c r="Z159" s="2130"/>
      <c r="AA159" s="2131"/>
      <c r="AC159" s="2058"/>
      <c r="AD159" s="2059"/>
      <c r="AE159" s="2152"/>
      <c r="AF159" s="2153"/>
      <c r="AG159" s="2153"/>
      <c r="AH159" s="2153"/>
      <c r="AI159" s="2153"/>
      <c r="AJ159" s="2153"/>
      <c r="AK159" s="2153"/>
      <c r="AL159" s="2153"/>
      <c r="AM159" s="2153"/>
      <c r="AN159" s="2153"/>
      <c r="AO159" s="2153"/>
      <c r="AP159" s="2154"/>
      <c r="AQ159" s="2111"/>
      <c r="AR159" s="2112"/>
      <c r="AS159" s="2112"/>
      <c r="AT159" s="2112"/>
      <c r="AU159" s="2112"/>
      <c r="AV159" s="2112"/>
      <c r="AW159" s="2112"/>
      <c r="AX159" s="2112"/>
      <c r="AY159" s="2112"/>
      <c r="AZ159" s="2112"/>
      <c r="BA159" s="2112"/>
      <c r="BB159" s="2112"/>
      <c r="BC159" s="2112"/>
      <c r="BD159" s="2112"/>
      <c r="BE159" s="2112"/>
      <c r="BF159" s="2112"/>
      <c r="BG159" s="2112"/>
      <c r="BH159" s="2112"/>
      <c r="BI159" s="2112"/>
      <c r="BJ159" s="2112"/>
      <c r="BK159" s="2112"/>
      <c r="BL159" s="2112"/>
      <c r="BM159" s="2113"/>
    </row>
    <row r="160" spans="1:65" s="345" customFormat="1" ht="5.25" customHeight="1">
      <c r="A160" s="407"/>
      <c r="B160" s="407"/>
      <c r="D160" s="2120"/>
      <c r="E160" s="2121"/>
      <c r="F160" s="2121"/>
      <c r="G160" s="2121"/>
      <c r="H160" s="2121"/>
      <c r="I160" s="2121"/>
      <c r="J160" s="2122"/>
      <c r="K160" s="2129"/>
      <c r="L160" s="2130"/>
      <c r="M160" s="2130"/>
      <c r="N160" s="2130"/>
      <c r="O160" s="2130"/>
      <c r="P160" s="2130"/>
      <c r="Q160" s="2130"/>
      <c r="R160" s="2130"/>
      <c r="S160" s="2130"/>
      <c r="T160" s="2130"/>
      <c r="U160" s="2130"/>
      <c r="V160" s="2130"/>
      <c r="W160" s="2130"/>
      <c r="X160" s="2130"/>
      <c r="Y160" s="2130"/>
      <c r="Z160" s="2130"/>
      <c r="AA160" s="2131"/>
      <c r="AC160" s="2058"/>
      <c r="AD160" s="2059"/>
      <c r="AE160" s="2152"/>
      <c r="AF160" s="2153"/>
      <c r="AG160" s="2153"/>
      <c r="AH160" s="2153"/>
      <c r="AI160" s="2153"/>
      <c r="AJ160" s="2153"/>
      <c r="AK160" s="2153"/>
      <c r="AL160" s="2153"/>
      <c r="AM160" s="2153"/>
      <c r="AN160" s="2153"/>
      <c r="AO160" s="2153"/>
      <c r="AP160" s="2154"/>
      <c r="AQ160" s="2111"/>
      <c r="AR160" s="2112"/>
      <c r="AS160" s="2112"/>
      <c r="AT160" s="2112"/>
      <c r="AU160" s="2112"/>
      <c r="AV160" s="2112"/>
      <c r="AW160" s="2112"/>
      <c r="AX160" s="2112"/>
      <c r="AY160" s="2112"/>
      <c r="AZ160" s="2112"/>
      <c r="BA160" s="2112"/>
      <c r="BB160" s="2112"/>
      <c r="BC160" s="2112"/>
      <c r="BD160" s="2112"/>
      <c r="BE160" s="2112"/>
      <c r="BF160" s="2112"/>
      <c r="BG160" s="2112"/>
      <c r="BH160" s="2112"/>
      <c r="BI160" s="2112"/>
      <c r="BJ160" s="2112"/>
      <c r="BK160" s="2112"/>
      <c r="BL160" s="2112"/>
      <c r="BM160" s="2113"/>
    </row>
    <row r="161" spans="1:67" s="345" customFormat="1" ht="5.25" customHeight="1">
      <c r="A161" s="407"/>
      <c r="B161" s="407"/>
      <c r="D161" s="2120"/>
      <c r="E161" s="2121"/>
      <c r="F161" s="2121"/>
      <c r="G161" s="2121"/>
      <c r="H161" s="2121"/>
      <c r="I161" s="2121"/>
      <c r="J161" s="2122"/>
      <c r="K161" s="2129"/>
      <c r="L161" s="2130"/>
      <c r="M161" s="2130"/>
      <c r="N161" s="2130"/>
      <c r="O161" s="2130"/>
      <c r="P161" s="2130"/>
      <c r="Q161" s="2130"/>
      <c r="R161" s="2130"/>
      <c r="S161" s="2130"/>
      <c r="T161" s="2130"/>
      <c r="U161" s="2130"/>
      <c r="V161" s="2130"/>
      <c r="W161" s="2130"/>
      <c r="X161" s="2130"/>
      <c r="Y161" s="2130"/>
      <c r="Z161" s="2130"/>
      <c r="AA161" s="2131"/>
      <c r="AC161" s="2058"/>
      <c r="AD161" s="2059"/>
      <c r="AE161" s="2152"/>
      <c r="AF161" s="2153"/>
      <c r="AG161" s="2153"/>
      <c r="AH161" s="2153"/>
      <c r="AI161" s="2153"/>
      <c r="AJ161" s="2153"/>
      <c r="AK161" s="2153"/>
      <c r="AL161" s="2153"/>
      <c r="AM161" s="2153"/>
      <c r="AN161" s="2153"/>
      <c r="AO161" s="2153"/>
      <c r="AP161" s="2154"/>
      <c r="AQ161" s="2111"/>
      <c r="AR161" s="2112"/>
      <c r="AS161" s="2112"/>
      <c r="AT161" s="2112"/>
      <c r="AU161" s="2112"/>
      <c r="AV161" s="2112"/>
      <c r="AW161" s="2112"/>
      <c r="AX161" s="2112"/>
      <c r="AY161" s="2112"/>
      <c r="AZ161" s="2112"/>
      <c r="BA161" s="2112"/>
      <c r="BB161" s="2112"/>
      <c r="BC161" s="2112"/>
      <c r="BD161" s="2112"/>
      <c r="BE161" s="2112"/>
      <c r="BF161" s="2112"/>
      <c r="BG161" s="2112"/>
      <c r="BH161" s="2112"/>
      <c r="BI161" s="2112"/>
      <c r="BJ161" s="2112"/>
      <c r="BK161" s="2112"/>
      <c r="BL161" s="2112"/>
      <c r="BM161" s="2113"/>
    </row>
    <row r="162" spans="1:67" s="345" customFormat="1" ht="5.25" customHeight="1" thickBot="1">
      <c r="A162" s="407"/>
      <c r="B162" s="407"/>
      <c r="D162" s="2135"/>
      <c r="E162" s="2136"/>
      <c r="F162" s="2136"/>
      <c r="G162" s="2136"/>
      <c r="H162" s="2136"/>
      <c r="I162" s="2136"/>
      <c r="J162" s="2137"/>
      <c r="K162" s="2138"/>
      <c r="L162" s="2139"/>
      <c r="M162" s="2139"/>
      <c r="N162" s="2139"/>
      <c r="O162" s="2139"/>
      <c r="P162" s="2139"/>
      <c r="Q162" s="2139"/>
      <c r="R162" s="2139"/>
      <c r="S162" s="2139"/>
      <c r="T162" s="2139"/>
      <c r="U162" s="2139"/>
      <c r="V162" s="2139"/>
      <c r="W162" s="2139"/>
      <c r="X162" s="2139"/>
      <c r="Y162" s="2139"/>
      <c r="Z162" s="2139"/>
      <c r="AA162" s="2140"/>
      <c r="AC162" s="2060"/>
      <c r="AD162" s="2061"/>
      <c r="AE162" s="2158"/>
      <c r="AF162" s="2159"/>
      <c r="AG162" s="2159"/>
      <c r="AH162" s="2159"/>
      <c r="AI162" s="2159"/>
      <c r="AJ162" s="2159"/>
      <c r="AK162" s="2159"/>
      <c r="AL162" s="2159"/>
      <c r="AM162" s="2159"/>
      <c r="AN162" s="2159"/>
      <c r="AO162" s="2159"/>
      <c r="AP162" s="2160"/>
      <c r="AQ162" s="2114"/>
      <c r="AR162" s="2115"/>
      <c r="AS162" s="2115"/>
      <c r="AT162" s="2115"/>
      <c r="AU162" s="2115"/>
      <c r="AV162" s="2115"/>
      <c r="AW162" s="2115"/>
      <c r="AX162" s="2115"/>
      <c r="AY162" s="2115"/>
      <c r="AZ162" s="2115"/>
      <c r="BA162" s="2115"/>
      <c r="BB162" s="2115"/>
      <c r="BC162" s="2115"/>
      <c r="BD162" s="2115"/>
      <c r="BE162" s="2115"/>
      <c r="BF162" s="2115"/>
      <c r="BG162" s="2115"/>
      <c r="BH162" s="2115"/>
      <c r="BI162" s="2115"/>
      <c r="BJ162" s="2115"/>
      <c r="BK162" s="2115"/>
      <c r="BL162" s="2115"/>
      <c r="BM162" s="2116"/>
    </row>
    <row r="163" spans="1:67" s="345" customFormat="1" ht="5.25" customHeight="1">
      <c r="A163" s="407"/>
      <c r="B163" s="407"/>
      <c r="C163" s="348"/>
      <c r="D163" s="349"/>
      <c r="E163" s="349"/>
      <c r="F163" s="349"/>
      <c r="G163" s="349"/>
      <c r="H163" s="349"/>
      <c r="I163" s="349"/>
      <c r="J163" s="349"/>
      <c r="K163" s="349"/>
      <c r="L163" s="349"/>
      <c r="M163" s="349"/>
      <c r="N163" s="349"/>
      <c r="O163" s="349"/>
      <c r="P163" s="347"/>
      <c r="Q163" s="347"/>
      <c r="R163" s="347"/>
      <c r="S163" s="347"/>
      <c r="T163" s="373"/>
      <c r="U163" s="373"/>
      <c r="V163" s="373"/>
      <c r="W163" s="373"/>
      <c r="X163" s="373"/>
      <c r="Y163" s="349"/>
      <c r="Z163" s="349"/>
      <c r="AA163" s="349"/>
      <c r="AB163" s="364"/>
      <c r="AC163" s="346"/>
      <c r="AD163" s="346"/>
      <c r="AE163" s="346"/>
      <c r="AF163" s="346"/>
      <c r="AG163" s="346"/>
      <c r="AH163" s="346"/>
      <c r="AI163" s="346"/>
      <c r="AJ163" s="346"/>
      <c r="AK163" s="346"/>
      <c r="AL163" s="346"/>
      <c r="AM163" s="346"/>
      <c r="AN163" s="346"/>
      <c r="AO163" s="346"/>
      <c r="AP163" s="346"/>
      <c r="AQ163" s="346"/>
      <c r="AR163" s="346"/>
      <c r="AS163" s="346"/>
      <c r="AT163" s="346"/>
      <c r="AU163" s="346"/>
      <c r="AV163" s="346"/>
      <c r="AW163" s="346"/>
      <c r="AX163" s="346"/>
      <c r="AY163" s="346"/>
      <c r="AZ163" s="346"/>
      <c r="BA163" s="346"/>
      <c r="BB163" s="346"/>
      <c r="BC163" s="346"/>
      <c r="BD163" s="346"/>
      <c r="BE163" s="346"/>
      <c r="BF163" s="346"/>
      <c r="BG163" s="346"/>
      <c r="BH163" s="346"/>
      <c r="BI163" s="346"/>
      <c r="BJ163" s="346"/>
      <c r="BK163" s="346"/>
      <c r="BL163" s="346"/>
      <c r="BM163" s="346"/>
      <c r="BN163" s="346"/>
      <c r="BO163" s="346"/>
    </row>
    <row r="164" spans="1:67" s="345" customFormat="1" ht="5.25" customHeight="1">
      <c r="A164" s="407"/>
      <c r="B164" s="407"/>
      <c r="C164" s="348"/>
      <c r="D164" s="374"/>
      <c r="E164" s="374"/>
      <c r="F164" s="374"/>
      <c r="G164" s="374"/>
      <c r="H164" s="374"/>
      <c r="I164" s="374"/>
      <c r="J164" s="374"/>
      <c r="K164" s="374"/>
      <c r="L164" s="374"/>
      <c r="M164" s="374"/>
      <c r="N164" s="374"/>
      <c r="O164" s="374"/>
      <c r="P164" s="374"/>
      <c r="Q164" s="374"/>
      <c r="R164" s="374"/>
      <c r="S164" s="374"/>
      <c r="T164" s="374"/>
      <c r="U164" s="374"/>
      <c r="V164" s="374"/>
      <c r="W164" s="374"/>
      <c r="X164" s="374"/>
      <c r="Y164" s="374"/>
      <c r="Z164" s="374"/>
      <c r="AA164" s="374"/>
      <c r="AB164" s="374"/>
      <c r="AC164" s="374"/>
      <c r="AD164" s="374"/>
      <c r="AE164" s="374"/>
      <c r="AF164" s="374"/>
      <c r="AG164" s="374"/>
      <c r="AH164" s="374"/>
      <c r="AI164" s="374"/>
      <c r="AJ164" s="374"/>
      <c r="AK164" s="374"/>
      <c r="AL164" s="374"/>
      <c r="AM164" s="374"/>
      <c r="AN164" s="374"/>
      <c r="AO164" s="374"/>
      <c r="AP164" s="374"/>
      <c r="AQ164" s="374"/>
      <c r="AR164" s="374"/>
      <c r="AS164" s="374"/>
      <c r="AT164" s="374"/>
      <c r="AU164" s="374"/>
      <c r="AV164" s="374"/>
      <c r="AW164" s="374"/>
      <c r="AX164" s="374"/>
      <c r="AY164" s="374"/>
      <c r="AZ164" s="374"/>
      <c r="BA164" s="374"/>
      <c r="BB164" s="374"/>
      <c r="BC164" s="374"/>
      <c r="BD164" s="374"/>
      <c r="BE164" s="374"/>
      <c r="BF164" s="374"/>
      <c r="BG164" s="374"/>
      <c r="BH164" s="374"/>
      <c r="BI164" s="374"/>
      <c r="BJ164" s="374"/>
      <c r="BK164" s="374"/>
      <c r="BL164" s="374"/>
      <c r="BM164" s="374"/>
      <c r="BN164" s="346"/>
      <c r="BO164" s="346"/>
    </row>
    <row r="165" spans="1:67" ht="5.25" customHeight="1">
      <c r="B165" s="343"/>
      <c r="C165" s="343"/>
      <c r="D165" s="394"/>
      <c r="E165" s="392"/>
      <c r="F165" s="392"/>
      <c r="G165" s="392"/>
      <c r="H165" s="392"/>
      <c r="I165" s="392"/>
      <c r="J165" s="386"/>
      <c r="K165" s="386"/>
      <c r="L165" s="386"/>
      <c r="M165" s="386"/>
      <c r="N165" s="386"/>
      <c r="O165" s="386"/>
      <c r="P165" s="386"/>
      <c r="Q165" s="386"/>
      <c r="R165" s="386"/>
      <c r="S165" s="386"/>
      <c r="T165" s="386"/>
      <c r="U165" s="392"/>
      <c r="V165" s="392"/>
      <c r="W165" s="392"/>
      <c r="X165" s="386"/>
      <c r="Y165" s="386"/>
      <c r="Z165" s="386"/>
      <c r="AA165" s="392"/>
      <c r="AB165" s="392"/>
      <c r="AC165" s="392"/>
      <c r="AD165" s="392"/>
      <c r="AE165" s="392"/>
      <c r="AF165" s="386"/>
      <c r="AG165" s="386"/>
      <c r="AH165" s="386"/>
      <c r="AI165" s="386"/>
      <c r="AJ165" s="386"/>
      <c r="AK165" s="394"/>
      <c r="AL165" s="394"/>
      <c r="AM165" s="394"/>
      <c r="AN165" s="394"/>
      <c r="AO165" s="347"/>
      <c r="AP165" s="347"/>
      <c r="AQ165" s="347"/>
      <c r="AR165" s="347"/>
      <c r="AS165" s="347"/>
      <c r="AT165" s="347"/>
      <c r="AU165" s="347"/>
      <c r="AV165" s="347"/>
      <c r="AW165" s="347"/>
      <c r="AX165" s="347"/>
      <c r="AY165" s="347"/>
      <c r="AZ165" s="347"/>
      <c r="BA165" s="347"/>
      <c r="BB165" s="347"/>
      <c r="BC165" s="347"/>
      <c r="BD165" s="347"/>
      <c r="BE165" s="347"/>
      <c r="BF165" s="347"/>
      <c r="BG165" s="347"/>
      <c r="BH165" s="347"/>
      <c r="BI165" s="347"/>
      <c r="BJ165" s="347"/>
      <c r="BK165" s="347"/>
      <c r="BL165" s="361"/>
      <c r="BM165" s="365"/>
    </row>
    <row r="166" spans="1:67" ht="5.25" customHeight="1">
      <c r="B166" s="343"/>
      <c r="C166" s="343"/>
      <c r="D166" s="394"/>
      <c r="E166" s="392"/>
      <c r="F166" s="392"/>
      <c r="G166" s="392"/>
      <c r="H166" s="392"/>
      <c r="I166" s="392"/>
      <c r="J166" s="386"/>
      <c r="K166" s="386"/>
      <c r="L166" s="386"/>
      <c r="M166" s="386"/>
      <c r="N166" s="386"/>
      <c r="O166" s="386"/>
      <c r="P166" s="386"/>
      <c r="Q166" s="386"/>
      <c r="R166" s="386"/>
      <c r="S166" s="386"/>
      <c r="T166" s="386"/>
      <c r="U166" s="392"/>
      <c r="V166" s="392"/>
      <c r="W166" s="392"/>
      <c r="X166" s="386"/>
      <c r="Y166" s="386"/>
      <c r="Z166" s="386"/>
      <c r="AA166" s="392"/>
      <c r="AB166" s="392"/>
      <c r="AC166" s="392"/>
      <c r="AD166" s="392"/>
      <c r="AE166" s="392"/>
      <c r="AF166" s="386"/>
      <c r="AG166" s="386"/>
      <c r="AH166" s="386"/>
      <c r="AI166" s="386"/>
      <c r="AJ166" s="386"/>
      <c r="AK166" s="394"/>
      <c r="AL166" s="394"/>
      <c r="AM166" s="394"/>
      <c r="AN166" s="394"/>
      <c r="BL166" s="361"/>
    </row>
    <row r="167" spans="1:67" ht="5.25" customHeight="1">
      <c r="B167" s="343"/>
      <c r="C167" s="343"/>
      <c r="D167" s="417"/>
      <c r="E167" s="418"/>
      <c r="F167" s="418"/>
      <c r="G167" s="418"/>
      <c r="H167" s="418"/>
      <c r="I167" s="418"/>
      <c r="J167" s="418"/>
      <c r="K167" s="418"/>
      <c r="L167" s="418"/>
      <c r="M167" s="418"/>
      <c r="N167" s="387"/>
      <c r="O167" s="387"/>
      <c r="P167" s="387"/>
      <c r="Q167" s="2036" t="s">
        <v>467</v>
      </c>
      <c r="R167" s="2036"/>
      <c r="S167" s="2036"/>
      <c r="T167" s="2036"/>
      <c r="U167" s="2036"/>
      <c r="V167" s="2036"/>
      <c r="W167" s="2036"/>
      <c r="X167" s="2036"/>
      <c r="Y167" s="419"/>
      <c r="Z167" s="419"/>
      <c r="AA167" s="419"/>
      <c r="AB167" s="2031" t="s">
        <v>550</v>
      </c>
      <c r="AC167" s="2031"/>
      <c r="AD167" s="2031"/>
      <c r="AE167" s="2031"/>
      <c r="AF167" s="2031"/>
      <c r="AG167" s="2031"/>
      <c r="AH167" s="2031"/>
      <c r="AI167" s="2031"/>
      <c r="AJ167" s="2031"/>
      <c r="AK167" s="448"/>
      <c r="AL167" s="448"/>
      <c r="AM167" s="448"/>
      <c r="AN167" s="448"/>
      <c r="AO167" s="448"/>
      <c r="AP167" s="448"/>
      <c r="AQ167" s="448"/>
      <c r="AR167" s="448"/>
      <c r="AS167" s="448"/>
      <c r="AT167" s="448"/>
      <c r="AU167" s="448"/>
      <c r="AV167" s="448"/>
      <c r="AW167" s="448"/>
      <c r="AX167" s="448"/>
      <c r="AY167" s="448"/>
      <c r="AZ167" s="448"/>
      <c r="BA167" s="448"/>
      <c r="BB167" s="448"/>
      <c r="BC167" s="448"/>
      <c r="BD167" s="448"/>
      <c r="BE167" s="448"/>
      <c r="BF167" s="448"/>
      <c r="BG167" s="448"/>
      <c r="BH167" s="448"/>
      <c r="BI167" s="448"/>
      <c r="BJ167" s="448"/>
      <c r="BK167" s="448"/>
      <c r="BL167" s="448"/>
      <c r="BM167" s="449"/>
    </row>
    <row r="168" spans="1:67" ht="5.25" customHeight="1">
      <c r="B168" s="343"/>
      <c r="C168" s="343"/>
      <c r="D168" s="420"/>
      <c r="E168" s="393"/>
      <c r="F168" s="393"/>
      <c r="G168" s="393"/>
      <c r="H168" s="393"/>
      <c r="I168" s="393"/>
      <c r="J168" s="393"/>
      <c r="K168" s="393"/>
      <c r="L168" s="393"/>
      <c r="M168" s="393"/>
      <c r="N168" s="386"/>
      <c r="O168" s="386"/>
      <c r="P168" s="386"/>
      <c r="Q168" s="2037"/>
      <c r="R168" s="2037"/>
      <c r="S168" s="2037"/>
      <c r="T168" s="2037"/>
      <c r="U168" s="2037"/>
      <c r="V168" s="2037"/>
      <c r="W168" s="2037"/>
      <c r="X168" s="2037"/>
      <c r="Y168" s="392"/>
      <c r="Z168" s="392"/>
      <c r="AA168" s="392"/>
      <c r="AB168" s="2032"/>
      <c r="AC168" s="2032"/>
      <c r="AD168" s="2032"/>
      <c r="AE168" s="2032"/>
      <c r="AF168" s="2032"/>
      <c r="AG168" s="2032"/>
      <c r="AH168" s="2032"/>
      <c r="AI168" s="2032"/>
      <c r="AJ168" s="2032"/>
      <c r="AK168" s="364"/>
      <c r="AL168" s="364"/>
      <c r="AM168" s="364"/>
      <c r="AN168" s="364"/>
      <c r="AO168" s="364"/>
      <c r="AP168" s="364"/>
      <c r="AQ168" s="364"/>
      <c r="AR168" s="364"/>
      <c r="AS168" s="364"/>
      <c r="AT168" s="364"/>
      <c r="AU168" s="364"/>
      <c r="AV168" s="364"/>
      <c r="AW168" s="364"/>
      <c r="AX168" s="364"/>
      <c r="AY168" s="364"/>
      <c r="AZ168" s="364"/>
      <c r="BA168" s="364"/>
      <c r="BB168" s="364"/>
      <c r="BC168" s="364"/>
      <c r="BD168" s="364"/>
      <c r="BE168" s="364"/>
      <c r="BF168" s="364"/>
      <c r="BG168" s="364"/>
      <c r="BH168" s="364"/>
      <c r="BI168" s="364"/>
      <c r="BJ168" s="364"/>
      <c r="BK168" s="364"/>
      <c r="BL168" s="364"/>
      <c r="BM168" s="450"/>
    </row>
    <row r="169" spans="1:67" ht="5.25" customHeight="1">
      <c r="B169" s="343"/>
      <c r="C169" s="343"/>
      <c r="D169" s="2034" t="s">
        <v>466</v>
      </c>
      <c r="E169" s="2035"/>
      <c r="F169" s="2035"/>
      <c r="G169" s="2035"/>
      <c r="H169" s="2035"/>
      <c r="I169" s="2035"/>
      <c r="J169" s="2035"/>
      <c r="K169" s="2035"/>
      <c r="L169" s="2035"/>
      <c r="M169" s="2035"/>
      <c r="N169" s="2035"/>
      <c r="O169" s="2035"/>
      <c r="P169" s="2035"/>
      <c r="Q169" s="2037"/>
      <c r="R169" s="2037"/>
      <c r="S169" s="2037"/>
      <c r="T169" s="2037"/>
      <c r="U169" s="2037"/>
      <c r="V169" s="2037"/>
      <c r="W169" s="2037"/>
      <c r="X169" s="2037"/>
      <c r="Y169" s="2029"/>
      <c r="Z169" s="2029"/>
      <c r="AA169" s="2029"/>
      <c r="AB169" s="2032"/>
      <c r="AC169" s="2032"/>
      <c r="AD169" s="2032"/>
      <c r="AE169" s="2032"/>
      <c r="AF169" s="2032"/>
      <c r="AG169" s="2032"/>
      <c r="AH169" s="2032"/>
      <c r="AI169" s="2032"/>
      <c r="AJ169" s="2032"/>
      <c r="AK169" s="364"/>
      <c r="AL169" s="364"/>
      <c r="AM169" s="364"/>
      <c r="AN169" s="364"/>
      <c r="AO169" s="364"/>
      <c r="AP169" s="364"/>
      <c r="AQ169" s="364"/>
      <c r="AR169" s="364"/>
      <c r="AS169" s="364"/>
      <c r="AT169" s="364"/>
      <c r="AU169" s="364"/>
      <c r="AV169" s="364"/>
      <c r="AW169" s="364"/>
      <c r="AX169" s="364"/>
      <c r="AY169" s="364"/>
      <c r="AZ169" s="364"/>
      <c r="BA169" s="364"/>
      <c r="BB169" s="364"/>
      <c r="BC169" s="364"/>
      <c r="BD169" s="364"/>
      <c r="BE169" s="364"/>
      <c r="BF169" s="364"/>
      <c r="BG169" s="364"/>
      <c r="BH169" s="364"/>
      <c r="BI169" s="364"/>
      <c r="BJ169" s="364"/>
      <c r="BK169" s="364"/>
      <c r="BL169" s="364"/>
      <c r="BM169" s="450"/>
    </row>
    <row r="170" spans="1:67" ht="5.25" customHeight="1">
      <c r="B170" s="343"/>
      <c r="C170" s="343"/>
      <c r="D170" s="2034"/>
      <c r="E170" s="2035"/>
      <c r="F170" s="2035"/>
      <c r="G170" s="2035"/>
      <c r="H170" s="2035"/>
      <c r="I170" s="2035"/>
      <c r="J170" s="2035"/>
      <c r="K170" s="2035"/>
      <c r="L170" s="2035"/>
      <c r="M170" s="2035"/>
      <c r="N170" s="2035"/>
      <c r="O170" s="2035"/>
      <c r="P170" s="2035"/>
      <c r="Q170" s="2037"/>
      <c r="R170" s="2037"/>
      <c r="S170" s="2037"/>
      <c r="T170" s="2037"/>
      <c r="U170" s="2037"/>
      <c r="V170" s="2037"/>
      <c r="W170" s="2037"/>
      <c r="X170" s="2037"/>
      <c r="Y170" s="2029"/>
      <c r="Z170" s="2029"/>
      <c r="AA170" s="2029"/>
      <c r="AB170" s="2032"/>
      <c r="AC170" s="2032"/>
      <c r="AD170" s="2032"/>
      <c r="AE170" s="2032"/>
      <c r="AF170" s="2032"/>
      <c r="AG170" s="2032"/>
      <c r="AH170" s="2032"/>
      <c r="AI170" s="2032"/>
      <c r="AJ170" s="2032"/>
      <c r="AK170" s="364"/>
      <c r="AL170" s="364"/>
      <c r="AM170" s="364"/>
      <c r="AN170" s="364"/>
      <c r="AO170" s="364"/>
      <c r="AP170" s="364"/>
      <c r="AQ170" s="364"/>
      <c r="AR170" s="364"/>
      <c r="AS170" s="364"/>
      <c r="AT170" s="364"/>
      <c r="AU170" s="364"/>
      <c r="AV170" s="364"/>
      <c r="AW170" s="364"/>
      <c r="AX170" s="364"/>
      <c r="AY170" s="364"/>
      <c r="AZ170" s="364"/>
      <c r="BA170" s="364"/>
      <c r="BB170" s="364"/>
      <c r="BC170" s="364"/>
      <c r="BD170" s="364"/>
      <c r="BE170" s="364"/>
      <c r="BF170" s="364"/>
      <c r="BG170" s="364"/>
      <c r="BH170" s="364"/>
      <c r="BI170" s="364"/>
      <c r="BJ170" s="364"/>
      <c r="BK170" s="364"/>
      <c r="BL170" s="364"/>
      <c r="BM170" s="450"/>
    </row>
    <row r="171" spans="1:67" ht="5.25" customHeight="1">
      <c r="B171" s="343"/>
      <c r="C171" s="343"/>
      <c r="D171" s="2034"/>
      <c r="E171" s="2035"/>
      <c r="F171" s="2035"/>
      <c r="G171" s="2035"/>
      <c r="H171" s="2035"/>
      <c r="I171" s="2035"/>
      <c r="J171" s="2035"/>
      <c r="K171" s="2035"/>
      <c r="L171" s="2035"/>
      <c r="M171" s="2035"/>
      <c r="N171" s="2035"/>
      <c r="O171" s="2035"/>
      <c r="P171" s="2035"/>
      <c r="Q171" s="2038" t="s">
        <v>468</v>
      </c>
      <c r="R171" s="2038"/>
      <c r="S171" s="2038"/>
      <c r="T171" s="2038"/>
      <c r="U171" s="2038"/>
      <c r="V171" s="2038"/>
      <c r="W171" s="2038"/>
      <c r="X171" s="2038"/>
      <c r="Y171" s="2030"/>
      <c r="Z171" s="2030"/>
      <c r="AA171" s="2030"/>
      <c r="AB171" s="2032"/>
      <c r="AC171" s="2032"/>
      <c r="AD171" s="2032"/>
      <c r="AE171" s="2032"/>
      <c r="AF171" s="2032"/>
      <c r="AG171" s="2032"/>
      <c r="AH171" s="2032"/>
      <c r="AI171" s="2032"/>
      <c r="AJ171" s="2032"/>
      <c r="AK171" s="364"/>
      <c r="AL171" s="364"/>
      <c r="AM171" s="364"/>
      <c r="AN171" s="364"/>
      <c r="AO171" s="364"/>
      <c r="AP171" s="364"/>
      <c r="AQ171" s="364"/>
      <c r="AR171" s="364"/>
      <c r="AS171" s="364"/>
      <c r="AT171" s="364"/>
      <c r="AU171" s="364"/>
      <c r="AV171" s="364"/>
      <c r="AW171" s="364"/>
      <c r="AX171" s="364"/>
      <c r="AY171" s="364"/>
      <c r="AZ171" s="364"/>
      <c r="BA171" s="364"/>
      <c r="BB171" s="364"/>
      <c r="BC171" s="364"/>
      <c r="BD171" s="364"/>
      <c r="BE171" s="364"/>
      <c r="BF171" s="364"/>
      <c r="BG171" s="364"/>
      <c r="BH171" s="364"/>
      <c r="BI171" s="364"/>
      <c r="BJ171" s="364"/>
      <c r="BK171" s="364"/>
      <c r="BL171" s="364"/>
      <c r="BM171" s="450"/>
    </row>
    <row r="172" spans="1:67" ht="5.25" customHeight="1">
      <c r="B172" s="343"/>
      <c r="C172" s="343"/>
      <c r="D172" s="2034"/>
      <c r="E172" s="2035"/>
      <c r="F172" s="2035"/>
      <c r="G172" s="2035"/>
      <c r="H172" s="2035"/>
      <c r="I172" s="2035"/>
      <c r="J172" s="2035"/>
      <c r="K172" s="2035"/>
      <c r="L172" s="2035"/>
      <c r="M172" s="2035"/>
      <c r="N172" s="2035"/>
      <c r="O172" s="2035"/>
      <c r="P172" s="2035"/>
      <c r="Q172" s="2038"/>
      <c r="R172" s="2038"/>
      <c r="S172" s="2038"/>
      <c r="T172" s="2038"/>
      <c r="U172" s="2038"/>
      <c r="V172" s="2038"/>
      <c r="W172" s="2038"/>
      <c r="X172" s="2038"/>
      <c r="Y172" s="2030"/>
      <c r="Z172" s="2030"/>
      <c r="AA172" s="2030"/>
      <c r="AB172" s="2032"/>
      <c r="AC172" s="2032"/>
      <c r="AD172" s="2032"/>
      <c r="AE172" s="2032"/>
      <c r="AF172" s="2032"/>
      <c r="AG172" s="2032"/>
      <c r="AH172" s="2032"/>
      <c r="AI172" s="2032"/>
      <c r="AJ172" s="2032"/>
      <c r="AK172" s="364"/>
      <c r="AL172" s="364"/>
      <c r="AM172" s="364"/>
      <c r="AN172" s="364"/>
      <c r="AO172" s="364"/>
      <c r="AP172" s="364"/>
      <c r="AQ172" s="364"/>
      <c r="AR172" s="364"/>
      <c r="AS172" s="364"/>
      <c r="AT172" s="364"/>
      <c r="AU172" s="364"/>
      <c r="AV172" s="364"/>
      <c r="AW172" s="364"/>
      <c r="AX172" s="364"/>
      <c r="AY172" s="364"/>
      <c r="AZ172" s="364"/>
      <c r="BA172" s="364"/>
      <c r="BB172" s="364"/>
      <c r="BC172" s="364"/>
      <c r="BD172" s="364"/>
      <c r="BE172" s="364"/>
      <c r="BF172" s="364"/>
      <c r="BG172" s="364"/>
      <c r="BH172" s="364"/>
      <c r="BI172" s="364"/>
      <c r="BJ172" s="364"/>
      <c r="BK172" s="364"/>
      <c r="BL172" s="364"/>
      <c r="BM172" s="450"/>
    </row>
    <row r="173" spans="1:67" ht="5.25" customHeight="1">
      <c r="B173" s="343"/>
      <c r="C173" s="343"/>
      <c r="D173" s="420"/>
      <c r="E173" s="365"/>
      <c r="F173" s="365"/>
      <c r="G173" s="365"/>
      <c r="H173" s="365"/>
      <c r="I173" s="365"/>
      <c r="J173" s="365"/>
      <c r="K173" s="365"/>
      <c r="L173" s="365"/>
      <c r="M173" s="365"/>
      <c r="N173" s="365"/>
      <c r="O173" s="365"/>
      <c r="P173" s="365"/>
      <c r="Q173" s="2038"/>
      <c r="R173" s="2038"/>
      <c r="S173" s="2038"/>
      <c r="T173" s="2038"/>
      <c r="U173" s="2038"/>
      <c r="V173" s="2038"/>
      <c r="W173" s="2038"/>
      <c r="X173" s="2038"/>
      <c r="Y173" s="374"/>
      <c r="Z173" s="374"/>
      <c r="AA173" s="374"/>
      <c r="AB173" s="2032"/>
      <c r="AC173" s="2032"/>
      <c r="AD173" s="2032"/>
      <c r="AE173" s="2032"/>
      <c r="AF173" s="2032"/>
      <c r="AG173" s="2032"/>
      <c r="AH173" s="2032"/>
      <c r="AI173" s="2032"/>
      <c r="AJ173" s="2032"/>
      <c r="AK173" s="364"/>
      <c r="AL173" s="364"/>
      <c r="AM173" s="364"/>
      <c r="AN173" s="364"/>
      <c r="AO173" s="364"/>
      <c r="AP173" s="364"/>
      <c r="AQ173" s="364"/>
      <c r="AR173" s="364"/>
      <c r="AS173" s="364"/>
      <c r="AT173" s="364"/>
      <c r="AU173" s="364"/>
      <c r="AV173" s="364"/>
      <c r="AW173" s="364"/>
      <c r="AX173" s="364"/>
      <c r="AY173" s="364"/>
      <c r="AZ173" s="364"/>
      <c r="BA173" s="364"/>
      <c r="BB173" s="364"/>
      <c r="BC173" s="364"/>
      <c r="BD173" s="364"/>
      <c r="BE173" s="364"/>
      <c r="BF173" s="364"/>
      <c r="BG173" s="364"/>
      <c r="BH173" s="364"/>
      <c r="BI173" s="364"/>
      <c r="BJ173" s="364"/>
      <c r="BK173" s="364"/>
      <c r="BL173" s="364"/>
      <c r="BM173" s="450"/>
    </row>
    <row r="174" spans="1:67" ht="5.25" customHeight="1">
      <c r="B174" s="343"/>
      <c r="C174" s="343"/>
      <c r="D174" s="421"/>
      <c r="E174" s="422"/>
      <c r="F174" s="422"/>
      <c r="G174" s="422"/>
      <c r="H174" s="422"/>
      <c r="I174" s="422"/>
      <c r="J174" s="422"/>
      <c r="K174" s="422"/>
      <c r="L174" s="422"/>
      <c r="M174" s="422"/>
      <c r="N174" s="422"/>
      <c r="O174" s="422"/>
      <c r="P174" s="422"/>
      <c r="Q174" s="2039"/>
      <c r="R174" s="2039"/>
      <c r="S174" s="2039"/>
      <c r="T174" s="2039"/>
      <c r="U174" s="2039"/>
      <c r="V174" s="2039"/>
      <c r="W174" s="2039"/>
      <c r="X174" s="2039"/>
      <c r="Y174" s="422"/>
      <c r="Z174" s="422"/>
      <c r="AA174" s="422"/>
      <c r="AB174" s="2033"/>
      <c r="AC174" s="2033"/>
      <c r="AD174" s="2033"/>
      <c r="AE174" s="2033"/>
      <c r="AF174" s="2033"/>
      <c r="AG174" s="2033"/>
      <c r="AH174" s="2033"/>
      <c r="AI174" s="2033"/>
      <c r="AJ174" s="2033"/>
      <c r="AK174" s="451"/>
      <c r="AL174" s="451"/>
      <c r="AM174" s="451"/>
      <c r="AN174" s="451"/>
      <c r="AO174" s="451"/>
      <c r="AP174" s="451"/>
      <c r="AQ174" s="451"/>
      <c r="AR174" s="451"/>
      <c r="AS174" s="451"/>
      <c r="AT174" s="451"/>
      <c r="AU174" s="451"/>
      <c r="AV174" s="451"/>
      <c r="AW174" s="451"/>
      <c r="AX174" s="451"/>
      <c r="AY174" s="451"/>
      <c r="AZ174" s="451"/>
      <c r="BA174" s="451"/>
      <c r="BB174" s="451"/>
      <c r="BC174" s="451"/>
      <c r="BD174" s="451"/>
      <c r="BE174" s="451"/>
      <c r="BF174" s="451"/>
      <c r="BG174" s="451"/>
      <c r="BH174" s="451"/>
      <c r="BI174" s="451"/>
      <c r="BJ174" s="451"/>
      <c r="BK174" s="451"/>
      <c r="BL174" s="451"/>
      <c r="BM174" s="452"/>
    </row>
    <row r="179" spans="6:6" ht="5.25" customHeight="1">
      <c r="F179" s="345" t="s">
        <v>551</v>
      </c>
    </row>
  </sheetData>
  <mergeCells count="224">
    <mergeCell ref="BE28:BM32"/>
    <mergeCell ref="AW19:BD22"/>
    <mergeCell ref="AT113:BM118"/>
    <mergeCell ref="AI114:AQ118"/>
    <mergeCell ref="AI109:AO113"/>
    <mergeCell ref="AP109:AQ113"/>
    <mergeCell ref="AT107:BM112"/>
    <mergeCell ref="BC100:BM102"/>
    <mergeCell ref="AP94:BB96"/>
    <mergeCell ref="AP97:BB99"/>
    <mergeCell ref="AP100:BB102"/>
    <mergeCell ref="BL9:BM13"/>
    <mergeCell ref="AN9:AT13"/>
    <mergeCell ref="BE9:BK13"/>
    <mergeCell ref="BE19:BK22"/>
    <mergeCell ref="BL19:BM22"/>
    <mergeCell ref="AN23:AT27"/>
    <mergeCell ref="AU23:AV27"/>
    <mergeCell ref="BE23:BK27"/>
    <mergeCell ref="BL23:BM27"/>
    <mergeCell ref="AP91:BM93"/>
    <mergeCell ref="BC97:BF99"/>
    <mergeCell ref="BG97:BI99"/>
    <mergeCell ref="BJ97:BM99"/>
    <mergeCell ref="BC94:BK96"/>
    <mergeCell ref="BL94:BM96"/>
    <mergeCell ref="AN38:AT42"/>
    <mergeCell ref="BE38:BK42"/>
    <mergeCell ref="BL38:BM42"/>
    <mergeCell ref="AW48:BM52"/>
    <mergeCell ref="BL53:BM56"/>
    <mergeCell ref="AN53:AT56"/>
    <mergeCell ref="BE53:BK56"/>
    <mergeCell ref="F130:Q133"/>
    <mergeCell ref="D123:E127"/>
    <mergeCell ref="X109:Y113"/>
    <mergeCell ref="D76:P78"/>
    <mergeCell ref="D86:P89"/>
    <mergeCell ref="Q86:Y89"/>
    <mergeCell ref="Q114:Y118"/>
    <mergeCell ref="D120:W122"/>
    <mergeCell ref="H36:O39"/>
    <mergeCell ref="D91:AM93"/>
    <mergeCell ref="Q79:Y81"/>
    <mergeCell ref="D82:P85"/>
    <mergeCell ref="D79:P81"/>
    <mergeCell ref="H32:M35"/>
    <mergeCell ref="T32:Y35"/>
    <mergeCell ref="AT128:BA129"/>
    <mergeCell ref="D60:O63"/>
    <mergeCell ref="D135:AA137"/>
    <mergeCell ref="D138:M142"/>
    <mergeCell ref="D143:M147"/>
    <mergeCell ref="AC141:BM143"/>
    <mergeCell ref="D106:X108"/>
    <mergeCell ref="D109:P113"/>
    <mergeCell ref="D114:P118"/>
    <mergeCell ref="AT84:BD87"/>
    <mergeCell ref="BB128:BD129"/>
    <mergeCell ref="BB130:BD133"/>
    <mergeCell ref="AP123:AS127"/>
    <mergeCell ref="AQ144:BM148"/>
    <mergeCell ref="BB123:BD127"/>
    <mergeCell ref="BE123:BM127"/>
    <mergeCell ref="AT134:BG137"/>
    <mergeCell ref="BH134:BM137"/>
    <mergeCell ref="AT123:BA127"/>
    <mergeCell ref="AF65:BM74"/>
    <mergeCell ref="AD57:AE74"/>
    <mergeCell ref="F128:Q129"/>
    <mergeCell ref="AV4:AY8"/>
    <mergeCell ref="T28:AA31"/>
    <mergeCell ref="T52:AA55"/>
    <mergeCell ref="P48:S51"/>
    <mergeCell ref="T48:AA51"/>
    <mergeCell ref="P44:S47"/>
    <mergeCell ref="AF9:AM13"/>
    <mergeCell ref="AW33:BD37"/>
    <mergeCell ref="N32:O35"/>
    <mergeCell ref="Z32:AA35"/>
    <mergeCell ref="Z86:AH89"/>
    <mergeCell ref="AI86:AQ89"/>
    <mergeCell ref="AG82:AH85"/>
    <mergeCell ref="AI82:AO85"/>
    <mergeCell ref="AP82:AQ85"/>
    <mergeCell ref="AF43:AM47"/>
    <mergeCell ref="AF38:AM42"/>
    <mergeCell ref="AW9:BD13"/>
    <mergeCell ref="AO4:AP8"/>
    <mergeCell ref="AK4:AN8"/>
    <mergeCell ref="AN33:AV37"/>
    <mergeCell ref="Z56:AA59"/>
    <mergeCell ref="Z82:AF85"/>
    <mergeCell ref="Z79:AH81"/>
    <mergeCell ref="AW28:BD32"/>
    <mergeCell ref="AF33:AM37"/>
    <mergeCell ref="AW38:BD42"/>
    <mergeCell ref="AU38:AV42"/>
    <mergeCell ref="AU53:AV56"/>
    <mergeCell ref="P60:AA63"/>
    <mergeCell ref="AF14:BM18"/>
    <mergeCell ref="J16:AA23"/>
    <mergeCell ref="P52:S55"/>
    <mergeCell ref="AD4:AE8"/>
    <mergeCell ref="Q82:W85"/>
    <mergeCell ref="X82:Y85"/>
    <mergeCell ref="D1:V3"/>
    <mergeCell ref="T44:AA47"/>
    <mergeCell ref="P32:S35"/>
    <mergeCell ref="P36:S39"/>
    <mergeCell ref="T36:AA39"/>
    <mergeCell ref="D28:G31"/>
    <mergeCell ref="D52:G55"/>
    <mergeCell ref="H52:O55"/>
    <mergeCell ref="D48:G51"/>
    <mergeCell ref="H48:O51"/>
    <mergeCell ref="D44:G47"/>
    <mergeCell ref="F12:I15"/>
    <mergeCell ref="H44:O47"/>
    <mergeCell ref="H40:O43"/>
    <mergeCell ref="D32:G35"/>
    <mergeCell ref="P28:S31"/>
    <mergeCell ref="D40:G43"/>
    <mergeCell ref="D4:D10"/>
    <mergeCell ref="E4:Z10"/>
    <mergeCell ref="J12:AA15"/>
    <mergeCell ref="J24:AA27"/>
    <mergeCell ref="AA4:AA10"/>
    <mergeCell ref="BH4:BK8"/>
    <mergeCell ref="BE33:BM37"/>
    <mergeCell ref="BC57:BM58"/>
    <mergeCell ref="AW57:BB64"/>
    <mergeCell ref="BC59:BM64"/>
    <mergeCell ref="H28:O31"/>
    <mergeCell ref="D36:G39"/>
    <mergeCell ref="D12:E27"/>
    <mergeCell ref="F24:I27"/>
    <mergeCell ref="AN43:AV47"/>
    <mergeCell ref="AW43:BD47"/>
    <mergeCell ref="BE43:BM47"/>
    <mergeCell ref="BL4:BM8"/>
    <mergeCell ref="AU9:AV13"/>
    <mergeCell ref="P56:Y59"/>
    <mergeCell ref="AZ4:BA8"/>
    <mergeCell ref="F16:I23"/>
    <mergeCell ref="AD19:AV22"/>
    <mergeCell ref="AD23:AE37"/>
    <mergeCell ref="AF23:AM27"/>
    <mergeCell ref="AD9:AE18"/>
    <mergeCell ref="P40:S43"/>
    <mergeCell ref="T40:AA43"/>
    <mergeCell ref="AD38:AE52"/>
    <mergeCell ref="N143:Y147"/>
    <mergeCell ref="R128:AO133"/>
    <mergeCell ref="AC144:AD148"/>
    <mergeCell ref="AE144:AP148"/>
    <mergeCell ref="K148:O152"/>
    <mergeCell ref="P148:Y152"/>
    <mergeCell ref="Z148:AA152"/>
    <mergeCell ref="AD1:BM3"/>
    <mergeCell ref="AT76:BM79"/>
    <mergeCell ref="AT80:BD83"/>
    <mergeCell ref="AD53:AE56"/>
    <mergeCell ref="AF53:AM56"/>
    <mergeCell ref="AW53:BD56"/>
    <mergeCell ref="AF57:AV58"/>
    <mergeCell ref="AF59:AV64"/>
    <mergeCell ref="AI79:AQ81"/>
    <mergeCell ref="AF28:AM32"/>
    <mergeCell ref="AN28:AV32"/>
    <mergeCell ref="AW23:BD27"/>
    <mergeCell ref="AF4:AJ8"/>
    <mergeCell ref="BB4:BG8"/>
    <mergeCell ref="AQ4:AU8"/>
    <mergeCell ref="AN48:AV52"/>
    <mergeCell ref="AF48:AM52"/>
    <mergeCell ref="D56:O59"/>
    <mergeCell ref="BL80:BM83"/>
    <mergeCell ref="BE80:BK83"/>
    <mergeCell ref="BE84:BK87"/>
    <mergeCell ref="BL84:BM87"/>
    <mergeCell ref="AQ156:BM162"/>
    <mergeCell ref="D148:J152"/>
    <mergeCell ref="D153:J157"/>
    <mergeCell ref="K153:AA157"/>
    <mergeCell ref="D158:J162"/>
    <mergeCell ref="K158:AA162"/>
    <mergeCell ref="AC149:AD155"/>
    <mergeCell ref="AE149:AP150"/>
    <mergeCell ref="AE151:AP155"/>
    <mergeCell ref="AE156:AP157"/>
    <mergeCell ref="AE158:AP162"/>
    <mergeCell ref="AQ149:BM155"/>
    <mergeCell ref="AT130:BA133"/>
    <mergeCell ref="BL128:BM133"/>
    <mergeCell ref="BE128:BK133"/>
    <mergeCell ref="AP128:AS133"/>
    <mergeCell ref="Z138:AA142"/>
    <mergeCell ref="Z143:AA147"/>
    <mergeCell ref="N138:Y142"/>
    <mergeCell ref="Y169:AA170"/>
    <mergeCell ref="Y171:AA172"/>
    <mergeCell ref="AB167:AJ174"/>
    <mergeCell ref="D169:P172"/>
    <mergeCell ref="Q167:X170"/>
    <mergeCell ref="Q171:X174"/>
    <mergeCell ref="D94:U95"/>
    <mergeCell ref="V94:AM95"/>
    <mergeCell ref="D96:U97"/>
    <mergeCell ref="D98:U99"/>
    <mergeCell ref="D100:U101"/>
    <mergeCell ref="D102:U103"/>
    <mergeCell ref="V96:AM97"/>
    <mergeCell ref="V98:AM99"/>
    <mergeCell ref="V100:AM101"/>
    <mergeCell ref="V102:AM103"/>
    <mergeCell ref="AC156:AD162"/>
    <mergeCell ref="Z109:AC118"/>
    <mergeCell ref="AD109:AH113"/>
    <mergeCell ref="AD114:AH118"/>
    <mergeCell ref="D128:E133"/>
    <mergeCell ref="F123:Q127"/>
    <mergeCell ref="R123:AO127"/>
    <mergeCell ref="Q109:W113"/>
  </mergeCells>
  <phoneticPr fontId="2"/>
  <printOptions horizontalCentered="1" verticalCentered="1"/>
  <pageMargins left="0.23622047244094491" right="0.27559055118110237" top="0.59055118110236227" bottom="0" header="0" footer="0"/>
  <pageSetup paperSize="9" scale="96"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第５号の４表（２４）</vt:lpstr>
      <vt:lpstr>第５号の４（裏）（旧）</vt:lpstr>
      <vt:lpstr>第５号の４（裏）（新）</vt:lpstr>
      <vt:lpstr>表</vt:lpstr>
      <vt:lpstr>裏</vt:lpstr>
      <vt:lpstr>'第５号の４（裏）（旧）'!Print_Area</vt:lpstr>
      <vt:lpstr>'第５号の４（裏）（新）'!Print_Area</vt:lpstr>
      <vt:lpstr>'第５号の４表（２４）'!Print_Area</vt:lpstr>
      <vt:lpstr>表!Print_Area</vt:lpstr>
      <vt:lpstr>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7558 吉田陽司</dc:creator>
  <cp:lastModifiedBy>Administrator</cp:lastModifiedBy>
  <cp:lastPrinted>2020-11-30T08:27:23Z</cp:lastPrinted>
  <dcterms:created xsi:type="dcterms:W3CDTF">2021-09-09T08:14:55Z</dcterms:created>
  <dcterms:modified xsi:type="dcterms:W3CDTF">2021-09-09T08:14:56Z</dcterms:modified>
</cp:coreProperties>
</file>